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1393\01企画G\23_統計\厚生労働省\01_介護保険事業状況報告\02_月報HP\"/>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H1" i="28" l="1"/>
  <c r="F1" i="28"/>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I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i>
    <r>
      <t>８５歳以上９０</t>
    </r>
    <r>
      <rPr>
        <sz val="11"/>
        <rFont val="ＭＳ Ｐゴシック"/>
        <family val="3"/>
        <charset val="128"/>
      </rPr>
      <t>歳未満</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9"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s>
  <fills count="2">
    <fill>
      <patternFill patternType="none"/>
    </fill>
    <fill>
      <patternFill patternType="gray125"/>
    </fill>
  </fills>
  <borders count="102">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style="double">
        <color indexed="64"/>
      </left>
      <right/>
      <top style="medium">
        <color indexed="64"/>
      </top>
      <bottom style="thin">
        <color indexed="64"/>
      </bottom>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left style="double">
        <color indexed="64"/>
      </left>
      <right/>
      <top style="thin">
        <color indexed="64"/>
      </top>
      <bottom style="thin">
        <color indexed="64"/>
      </bottom>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left style="double">
        <color indexed="64"/>
      </left>
      <right/>
      <top style="thin">
        <color indexed="64"/>
      </top>
      <bottom style="medium">
        <color indexed="64"/>
      </bottom>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579">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66" xfId="1" applyNumberFormat="1" applyFont="1" applyBorder="1" applyAlignment="1">
      <alignment vertical="center"/>
    </xf>
    <xf numFmtId="0" fontId="3" fillId="0" borderId="1" xfId="0" applyFont="1" applyBorder="1" applyAlignment="1">
      <alignment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0" xfId="1" applyNumberFormat="1" applyFont="1" applyBorder="1" applyAlignment="1">
      <alignment vertical="center" shrinkToFit="1"/>
    </xf>
    <xf numFmtId="180" fontId="0" fillId="0" borderId="73"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82" fontId="2" fillId="0" borderId="0" xfId="0" applyNumberFormat="1" applyFont="1" applyAlignment="1">
      <alignment horizontal="center" vertical="center"/>
    </xf>
    <xf numFmtId="0" fontId="0" fillId="0" borderId="10" xfId="0" applyFont="1" applyBorder="1" applyAlignment="1">
      <alignment horizontal="center" vertical="center"/>
    </xf>
    <xf numFmtId="0" fontId="0" fillId="0" borderId="0" xfId="0" applyFont="1" applyBorder="1" applyAlignment="1">
      <alignment vertical="center"/>
    </xf>
    <xf numFmtId="0" fontId="0" fillId="0" borderId="0" xfId="0" applyFont="1" applyAlignment="1">
      <alignment vertical="center"/>
    </xf>
    <xf numFmtId="0" fontId="0" fillId="0" borderId="1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13" xfId="0" applyFont="1" applyBorder="1" applyAlignment="1">
      <alignment horizontal="center" vertical="center"/>
    </xf>
    <xf numFmtId="0" fontId="0" fillId="0" borderId="26" xfId="0" applyFont="1" applyBorder="1" applyAlignment="1">
      <alignment horizontal="center" vertical="center" wrapText="1"/>
    </xf>
    <xf numFmtId="0" fontId="0" fillId="0" borderId="30" xfId="0" applyFont="1" applyBorder="1" applyAlignment="1">
      <alignment horizontal="center" vertical="center"/>
    </xf>
    <xf numFmtId="0" fontId="0" fillId="0" borderId="96" xfId="0" applyFont="1" applyBorder="1" applyAlignment="1">
      <alignment horizontal="center" vertical="center"/>
    </xf>
    <xf numFmtId="0" fontId="0" fillId="0" borderId="68" xfId="0" applyFont="1" applyBorder="1" applyAlignment="1">
      <alignment horizontal="center" vertical="center"/>
    </xf>
    <xf numFmtId="0" fontId="0" fillId="0" borderId="71" xfId="0" applyFont="1" applyBorder="1" applyAlignment="1">
      <alignment horizontal="center" vertical="center"/>
    </xf>
    <xf numFmtId="0" fontId="0" fillId="0" borderId="69" xfId="0" applyFont="1" applyBorder="1" applyAlignment="1">
      <alignment horizontal="center" vertical="center" wrapText="1"/>
    </xf>
    <xf numFmtId="0" fontId="0" fillId="0" borderId="84"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left" vertical="center" shrinkToFit="1"/>
    </xf>
    <xf numFmtId="178" fontId="0" fillId="0" borderId="49" xfId="0" applyNumberFormat="1" applyFont="1" applyBorder="1" applyAlignment="1">
      <alignment vertical="center"/>
    </xf>
    <xf numFmtId="178" fontId="0" fillId="0" borderId="42" xfId="0" applyNumberFormat="1" applyFont="1" applyBorder="1" applyAlignment="1">
      <alignment vertical="center"/>
    </xf>
    <xf numFmtId="178" fontId="0" fillId="0" borderId="43" xfId="0" applyNumberFormat="1" applyFont="1" applyBorder="1" applyAlignment="1">
      <alignment vertical="center"/>
    </xf>
    <xf numFmtId="178" fontId="0" fillId="0" borderId="44" xfId="0" applyNumberFormat="1" applyFont="1" applyBorder="1" applyAlignment="1">
      <alignment vertical="center"/>
    </xf>
    <xf numFmtId="178" fontId="0" fillId="0" borderId="45" xfId="0" applyNumberFormat="1" applyFont="1" applyBorder="1" applyAlignment="1">
      <alignment vertical="center"/>
    </xf>
    <xf numFmtId="178" fontId="0" fillId="0" borderId="34" xfId="1" applyNumberFormat="1" applyFont="1" applyBorder="1" applyAlignment="1">
      <alignment vertical="center"/>
    </xf>
    <xf numFmtId="178" fontId="0" fillId="0" borderId="35" xfId="1" applyNumberFormat="1" applyFont="1" applyBorder="1" applyAlignment="1">
      <alignment vertical="center"/>
    </xf>
    <xf numFmtId="178" fontId="0" fillId="0" borderId="36" xfId="1" applyNumberFormat="1" applyFont="1" applyBorder="1" applyAlignment="1">
      <alignment vertical="center"/>
    </xf>
    <xf numFmtId="178" fontId="0" fillId="0" borderId="37" xfId="1" applyNumberFormat="1" applyFont="1" applyBorder="1" applyAlignment="1">
      <alignment vertical="center"/>
    </xf>
    <xf numFmtId="178" fontId="0" fillId="0" borderId="55" xfId="0" applyNumberFormat="1" applyFont="1" applyBorder="1" applyAlignment="1">
      <alignment vertical="center"/>
    </xf>
    <xf numFmtId="0" fontId="0" fillId="0" borderId="7" xfId="0" applyFont="1" applyBorder="1" applyAlignment="1">
      <alignment horizontal="left" vertical="center" shrinkToFit="1"/>
    </xf>
    <xf numFmtId="178" fontId="0" fillId="0" borderId="8" xfId="0" applyNumberFormat="1" applyFont="1" applyBorder="1" applyAlignment="1">
      <alignment vertical="center"/>
    </xf>
    <xf numFmtId="178" fontId="0" fillId="0" borderId="5" xfId="0" applyNumberFormat="1" applyFont="1" applyBorder="1" applyAlignment="1">
      <alignment vertical="center"/>
    </xf>
    <xf numFmtId="178" fontId="0" fillId="0" borderId="46" xfId="0" applyNumberFormat="1" applyFont="1" applyBorder="1" applyAlignment="1">
      <alignment vertical="center"/>
    </xf>
    <xf numFmtId="178" fontId="0" fillId="0" borderId="47" xfId="0" applyNumberFormat="1" applyFont="1" applyBorder="1" applyAlignment="1">
      <alignment vertical="center"/>
    </xf>
    <xf numFmtId="178" fontId="0" fillId="0" borderId="48" xfId="0" applyNumberFormat="1" applyFont="1" applyBorder="1" applyAlignment="1">
      <alignment vertical="center"/>
    </xf>
    <xf numFmtId="178" fontId="0" fillId="0" borderId="8" xfId="1" applyNumberFormat="1" applyFont="1" applyBorder="1" applyAlignment="1">
      <alignment vertical="center"/>
    </xf>
    <xf numFmtId="178" fontId="0" fillId="0" borderId="5" xfId="1" applyNumberFormat="1" applyFont="1" applyBorder="1" applyAlignment="1">
      <alignment vertical="center"/>
    </xf>
    <xf numFmtId="178" fontId="0" fillId="0" borderId="38" xfId="1" applyNumberFormat="1" applyFont="1" applyBorder="1" applyAlignment="1">
      <alignment vertical="center"/>
    </xf>
    <xf numFmtId="178" fontId="0" fillId="0" borderId="39" xfId="1" applyNumberFormat="1" applyFont="1" applyBorder="1" applyAlignment="1">
      <alignment vertical="center"/>
    </xf>
    <xf numFmtId="178" fontId="0" fillId="0" borderId="54" xfId="0" applyNumberFormat="1" applyFont="1" applyBorder="1" applyAlignment="1">
      <alignment vertical="center"/>
    </xf>
    <xf numFmtId="0" fontId="0" fillId="0" borderId="7" xfId="0" applyFont="1" applyBorder="1" applyAlignment="1">
      <alignment horizontal="left" vertical="center"/>
    </xf>
    <xf numFmtId="178" fontId="0" fillId="0" borderId="49" xfId="1" applyNumberFormat="1" applyFont="1" applyBorder="1" applyAlignment="1">
      <alignment vertical="center"/>
    </xf>
    <xf numFmtId="0" fontId="0" fillId="0" borderId="14" xfId="0" applyFont="1" applyBorder="1" applyAlignment="1">
      <alignment horizontal="left" vertical="center"/>
    </xf>
    <xf numFmtId="178" fontId="0" fillId="0" borderId="9" xfId="0" applyNumberFormat="1" applyFont="1" applyBorder="1" applyAlignment="1">
      <alignment vertical="center"/>
    </xf>
    <xf numFmtId="178" fontId="0" fillId="0" borderId="12" xfId="0" applyNumberFormat="1" applyFont="1" applyBorder="1" applyAlignment="1">
      <alignment vertical="center"/>
    </xf>
    <xf numFmtId="178" fontId="0" fillId="0" borderId="13" xfId="0" applyNumberFormat="1" applyFont="1" applyBorder="1" applyAlignment="1">
      <alignment vertical="center"/>
    </xf>
    <xf numFmtId="178" fontId="0" fillId="0" borderId="50" xfId="0" applyNumberFormat="1" applyFont="1" applyBorder="1" applyAlignment="1">
      <alignment vertical="center"/>
    </xf>
    <xf numFmtId="178" fontId="0" fillId="0" borderId="30" xfId="0" applyNumberFormat="1" applyFont="1" applyBorder="1" applyAlignment="1">
      <alignment vertical="center"/>
    </xf>
    <xf numFmtId="178" fontId="0" fillId="0" borderId="9" xfId="1" applyNumberFormat="1" applyFont="1" applyBorder="1" applyAlignment="1">
      <alignment vertical="center"/>
    </xf>
    <xf numFmtId="178" fontId="0" fillId="0" borderId="12" xfId="1" applyNumberFormat="1" applyFont="1" applyBorder="1" applyAlignment="1">
      <alignment vertical="center"/>
    </xf>
    <xf numFmtId="178" fontId="0" fillId="0" borderId="25" xfId="1" applyNumberFormat="1" applyFont="1" applyBorder="1" applyAlignment="1">
      <alignment vertical="center"/>
    </xf>
    <xf numFmtId="178" fontId="0" fillId="0" borderId="40" xfId="1" applyNumberFormat="1" applyFont="1" applyBorder="1" applyAlignment="1">
      <alignment vertical="center"/>
    </xf>
    <xf numFmtId="178" fontId="0" fillId="0" borderId="33" xfId="0" applyNumberFormat="1" applyFont="1" applyBorder="1" applyAlignment="1">
      <alignment vertical="center"/>
    </xf>
    <xf numFmtId="0" fontId="0" fillId="0" borderId="15"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wrapText="1"/>
    </xf>
    <xf numFmtId="176" fontId="0" fillId="0" borderId="34" xfId="1" applyNumberFormat="1" applyFont="1" applyBorder="1" applyAlignment="1">
      <alignment vertical="center"/>
    </xf>
    <xf numFmtId="176" fontId="0" fillId="0" borderId="35" xfId="1" applyNumberFormat="1" applyFont="1" applyBorder="1" applyAlignment="1">
      <alignment vertical="center"/>
    </xf>
    <xf numFmtId="176" fontId="0" fillId="0" borderId="36" xfId="1" applyNumberFormat="1" applyFont="1" applyBorder="1" applyAlignment="1">
      <alignment vertical="center"/>
    </xf>
    <xf numFmtId="176" fontId="0" fillId="0" borderId="51" xfId="1" applyNumberFormat="1" applyFont="1" applyBorder="1" applyAlignment="1">
      <alignment vertical="center"/>
    </xf>
    <xf numFmtId="176" fontId="0" fillId="0" borderId="37" xfId="1" applyNumberFormat="1" applyFont="1" applyBorder="1" applyAlignment="1">
      <alignment vertical="center"/>
    </xf>
    <xf numFmtId="176" fontId="0" fillId="0" borderId="52" xfId="1" applyNumberFormat="1" applyFont="1" applyBorder="1" applyAlignment="1">
      <alignment vertical="center"/>
    </xf>
    <xf numFmtId="176" fontId="0" fillId="0" borderId="8" xfId="1" applyNumberFormat="1" applyFont="1" applyBorder="1" applyAlignment="1">
      <alignment vertical="center"/>
    </xf>
    <xf numFmtId="176" fontId="0" fillId="0" borderId="5" xfId="1" applyNumberFormat="1" applyFont="1" applyBorder="1" applyAlignment="1">
      <alignment vertical="center"/>
    </xf>
    <xf numFmtId="176" fontId="0" fillId="0" borderId="38" xfId="1" applyNumberFormat="1" applyFont="1" applyBorder="1" applyAlignment="1">
      <alignment vertical="center"/>
    </xf>
    <xf numFmtId="176" fontId="0" fillId="0" borderId="53" xfId="1" applyNumberFormat="1" applyFont="1" applyBorder="1" applyAlignment="1">
      <alignment vertical="center"/>
    </xf>
    <xf numFmtId="176" fontId="0" fillId="0" borderId="39" xfId="1" applyNumberFormat="1" applyFont="1" applyBorder="1" applyAlignment="1">
      <alignment vertical="center"/>
    </xf>
    <xf numFmtId="176" fontId="0" fillId="0" borderId="54" xfId="1" applyNumberFormat="1" applyFont="1" applyBorder="1" applyAlignment="1">
      <alignment vertical="center"/>
    </xf>
    <xf numFmtId="176" fontId="0" fillId="0" borderId="9" xfId="1" applyNumberFormat="1" applyFont="1" applyBorder="1" applyAlignment="1">
      <alignment vertical="center"/>
    </xf>
    <xf numFmtId="176" fontId="0" fillId="0" borderId="12" xfId="1" applyNumberFormat="1" applyFont="1" applyBorder="1" applyAlignment="1">
      <alignment vertical="center"/>
    </xf>
    <xf numFmtId="176" fontId="0" fillId="0" borderId="25" xfId="1" applyNumberFormat="1" applyFont="1" applyBorder="1" applyAlignment="1">
      <alignment vertical="center"/>
    </xf>
    <xf numFmtId="176" fontId="0" fillId="0" borderId="26" xfId="1" applyNumberFormat="1" applyFont="1" applyBorder="1" applyAlignment="1">
      <alignment vertical="center"/>
    </xf>
    <xf numFmtId="176" fontId="0" fillId="0" borderId="40" xfId="1" applyNumberFormat="1" applyFont="1" applyBorder="1" applyAlignment="1">
      <alignment vertical="center"/>
    </xf>
    <xf numFmtId="176" fontId="0" fillId="0" borderId="33" xfId="1" applyNumberFormat="1" applyFont="1" applyBorder="1" applyAlignment="1">
      <alignment vertical="center"/>
    </xf>
    <xf numFmtId="0" fontId="5" fillId="0" borderId="0" xfId="3" applyFont="1">
      <alignment vertical="center"/>
    </xf>
    <xf numFmtId="0" fontId="2" fillId="0" borderId="0" xfId="3" applyFont="1">
      <alignment vertical="center"/>
    </xf>
    <xf numFmtId="0" fontId="2" fillId="0" borderId="9" xfId="3" applyFont="1" applyBorder="1" applyAlignment="1">
      <alignment horizontal="center" vertical="center"/>
    </xf>
    <xf numFmtId="0" fontId="2" fillId="0" borderId="12" xfId="3" applyFont="1" applyBorder="1" applyAlignment="1">
      <alignment horizontal="center" vertical="center"/>
    </xf>
    <xf numFmtId="0" fontId="2" fillId="0" borderId="66" xfId="3" applyFont="1" applyBorder="1" applyAlignment="1">
      <alignment horizontal="center" vertical="center"/>
    </xf>
    <xf numFmtId="0" fontId="2" fillId="0" borderId="26" xfId="3" applyFont="1" applyBorder="1" applyAlignment="1">
      <alignment horizontal="center" vertical="center" wrapText="1"/>
    </xf>
    <xf numFmtId="0" fontId="2" fillId="0" borderId="13" xfId="3" applyFont="1" applyBorder="1" applyAlignment="1">
      <alignment horizontal="center" vertical="center"/>
    </xf>
    <xf numFmtId="0" fontId="2" fillId="0" borderId="25" xfId="3" applyFont="1" applyBorder="1" applyAlignment="1">
      <alignment horizontal="center" vertical="center"/>
    </xf>
    <xf numFmtId="0" fontId="2" fillId="0" borderId="3" xfId="0" applyFont="1" applyBorder="1" applyAlignment="1">
      <alignment horizontal="left" vertical="center" shrinkToFit="1"/>
    </xf>
    <xf numFmtId="38" fontId="2" fillId="0" borderId="49" xfId="1" applyFont="1" applyBorder="1" applyAlignment="1">
      <alignment vertical="center"/>
    </xf>
    <xf numFmtId="38" fontId="2" fillId="0" borderId="42" xfId="1" applyFont="1" applyBorder="1" applyAlignment="1">
      <alignment vertical="center"/>
    </xf>
    <xf numFmtId="38" fontId="2" fillId="0" borderId="57" xfId="1" applyFont="1" applyBorder="1" applyAlignment="1">
      <alignment vertical="center"/>
    </xf>
    <xf numFmtId="38" fontId="2" fillId="0" borderId="90" xfId="1" applyFont="1" applyBorder="1" applyAlignment="1">
      <alignment vertical="center"/>
    </xf>
    <xf numFmtId="38" fontId="2" fillId="0" borderId="73" xfId="1" applyFont="1" applyBorder="1" applyAlignment="1">
      <alignment vertical="center"/>
    </xf>
    <xf numFmtId="38" fontId="2" fillId="0" borderId="89" xfId="1" applyFont="1" applyBorder="1" applyAlignment="1">
      <alignment vertical="center"/>
    </xf>
    <xf numFmtId="38" fontId="2" fillId="0" borderId="4" xfId="1" applyFont="1" applyBorder="1" applyAlignment="1">
      <alignment vertical="center"/>
    </xf>
    <xf numFmtId="0" fontId="2" fillId="0" borderId="7" xfId="0" applyFont="1" applyBorder="1" applyAlignment="1">
      <alignment horizontal="left" vertical="center" shrinkToFit="1"/>
    </xf>
    <xf numFmtId="38" fontId="2" fillId="0" borderId="8" xfId="1" applyFont="1" applyBorder="1" applyAlignment="1">
      <alignment vertical="center"/>
    </xf>
    <xf numFmtId="38" fontId="2" fillId="0" borderId="5" xfId="1" applyFont="1" applyBorder="1" applyAlignment="1">
      <alignment vertical="center"/>
    </xf>
    <xf numFmtId="38" fontId="2" fillId="0" borderId="56" xfId="1" applyFont="1" applyBorder="1" applyAlignment="1">
      <alignment vertical="center"/>
    </xf>
    <xf numFmtId="38" fontId="2" fillId="0" borderId="53" xfId="1" applyFont="1" applyBorder="1" applyAlignment="1">
      <alignment vertical="center"/>
    </xf>
    <xf numFmtId="38" fontId="2" fillId="0" borderId="46" xfId="1" applyFont="1" applyBorder="1" applyAlignment="1">
      <alignment vertical="center"/>
    </xf>
    <xf numFmtId="38" fontId="2" fillId="0" borderId="39" xfId="1" applyFont="1" applyBorder="1" applyAlignment="1">
      <alignment vertical="center"/>
    </xf>
    <xf numFmtId="38" fontId="2" fillId="0" borderId="38" xfId="1" applyFont="1" applyBorder="1" applyAlignment="1">
      <alignment vertical="center"/>
    </xf>
    <xf numFmtId="0" fontId="2" fillId="0" borderId="7" xfId="0" applyFont="1" applyBorder="1" applyAlignment="1">
      <alignment horizontal="left" vertical="center"/>
    </xf>
    <xf numFmtId="0" fontId="2" fillId="0" borderId="14" xfId="0" applyFont="1" applyBorder="1" applyAlignment="1">
      <alignment horizontal="left" vertical="center"/>
    </xf>
    <xf numFmtId="38" fontId="2" fillId="0" borderId="9" xfId="1" applyFont="1" applyBorder="1" applyAlignment="1">
      <alignment vertical="center"/>
    </xf>
    <xf numFmtId="38" fontId="2" fillId="0" borderId="12" xfId="1" applyFont="1" applyBorder="1" applyAlignment="1">
      <alignment vertical="center"/>
    </xf>
    <xf numFmtId="38" fontId="2" fillId="0" borderId="66" xfId="1" applyFont="1" applyBorder="1" applyAlignment="1">
      <alignment vertical="center"/>
    </xf>
    <xf numFmtId="38" fontId="2" fillId="0" borderId="26" xfId="1" applyFont="1" applyBorder="1" applyAlignment="1">
      <alignment vertical="center"/>
    </xf>
    <xf numFmtId="38" fontId="2" fillId="0" borderId="13" xfId="1" applyFont="1" applyBorder="1" applyAlignment="1">
      <alignment vertical="center"/>
    </xf>
    <xf numFmtId="38" fontId="2" fillId="0" borderId="40" xfId="1" applyFont="1" applyBorder="1" applyAlignment="1">
      <alignment vertical="center"/>
    </xf>
    <xf numFmtId="38" fontId="2" fillId="0" borderId="25" xfId="1" applyFont="1" applyBorder="1" applyAlignment="1">
      <alignment vertical="center"/>
    </xf>
    <xf numFmtId="0" fontId="0" fillId="0" borderId="0" xfId="3" applyFont="1">
      <alignment vertical="center"/>
    </xf>
    <xf numFmtId="182" fontId="0" fillId="0" borderId="0" xfId="0" applyNumberFormat="1" applyFont="1" applyAlignment="1">
      <alignment horizontal="center" vertical="center"/>
    </xf>
    <xf numFmtId="0" fontId="0" fillId="0" borderId="9" xfId="3" applyFont="1" applyBorder="1" applyAlignment="1">
      <alignment horizontal="center" vertical="center"/>
    </xf>
    <xf numFmtId="0" fontId="0" fillId="0" borderId="12" xfId="3" applyFont="1" applyBorder="1" applyAlignment="1">
      <alignment horizontal="center" vertical="center"/>
    </xf>
    <xf numFmtId="0" fontId="0" fillId="0" borderId="66" xfId="3" applyFont="1" applyBorder="1" applyAlignment="1">
      <alignment horizontal="center" vertical="center"/>
    </xf>
    <xf numFmtId="0" fontId="0" fillId="0" borderId="26" xfId="3" applyFont="1" applyBorder="1" applyAlignment="1">
      <alignment horizontal="center" vertical="center" wrapText="1"/>
    </xf>
    <xf numFmtId="0" fontId="0" fillId="0" borderId="13" xfId="3" applyFont="1" applyBorder="1" applyAlignment="1">
      <alignment horizontal="center" vertical="center"/>
    </xf>
    <xf numFmtId="0" fontId="0" fillId="0" borderId="25" xfId="3" applyFont="1" applyBorder="1" applyAlignment="1">
      <alignment horizontal="center" vertical="center"/>
    </xf>
    <xf numFmtId="38" fontId="0" fillId="0" borderId="49" xfId="1" applyFont="1" applyBorder="1" applyAlignment="1">
      <alignment vertical="center"/>
    </xf>
    <xf numFmtId="38" fontId="0" fillId="0" borderId="42" xfId="1" applyFont="1" applyBorder="1" applyAlignment="1">
      <alignment vertical="center"/>
    </xf>
    <xf numFmtId="38" fontId="0" fillId="0" borderId="57" xfId="1" applyFont="1" applyBorder="1" applyAlignment="1">
      <alignment vertical="center"/>
    </xf>
    <xf numFmtId="38" fontId="0" fillId="0" borderId="90" xfId="1" applyFont="1" applyBorder="1" applyAlignment="1">
      <alignment vertical="center"/>
    </xf>
    <xf numFmtId="38" fontId="0" fillId="0" borderId="73" xfId="1" applyFont="1" applyBorder="1" applyAlignment="1">
      <alignment vertical="center"/>
    </xf>
    <xf numFmtId="38" fontId="0" fillId="0" borderId="89" xfId="1" applyFont="1" applyBorder="1" applyAlignment="1">
      <alignment vertical="center"/>
    </xf>
    <xf numFmtId="38" fontId="0" fillId="0" borderId="4" xfId="1" applyFont="1" applyBorder="1" applyAlignment="1">
      <alignment vertical="center"/>
    </xf>
    <xf numFmtId="38" fontId="0" fillId="0" borderId="8" xfId="1" applyFont="1" applyBorder="1" applyAlignment="1">
      <alignment vertical="center"/>
    </xf>
    <xf numFmtId="38" fontId="0" fillId="0" borderId="5" xfId="1" applyFont="1" applyBorder="1" applyAlignment="1">
      <alignment vertical="center"/>
    </xf>
    <xf numFmtId="38" fontId="0" fillId="0" borderId="56" xfId="1" applyFont="1" applyBorder="1" applyAlignment="1">
      <alignment vertical="center"/>
    </xf>
    <xf numFmtId="38" fontId="0" fillId="0" borderId="53" xfId="1" applyFont="1" applyBorder="1" applyAlignment="1">
      <alignment vertical="center"/>
    </xf>
    <xf numFmtId="38" fontId="0" fillId="0" borderId="46" xfId="1" applyFont="1" applyBorder="1" applyAlignment="1">
      <alignment vertical="center"/>
    </xf>
    <xf numFmtId="38" fontId="0" fillId="0" borderId="39" xfId="1" applyFont="1" applyBorder="1" applyAlignment="1">
      <alignment vertical="center"/>
    </xf>
    <xf numFmtId="38" fontId="0" fillId="0" borderId="38" xfId="1" applyFont="1" applyBorder="1" applyAlignment="1">
      <alignment vertical="center"/>
    </xf>
    <xf numFmtId="38" fontId="0" fillId="0" borderId="9" xfId="1" applyFont="1" applyBorder="1" applyAlignment="1">
      <alignment vertical="center"/>
    </xf>
    <xf numFmtId="38" fontId="0" fillId="0" borderId="12" xfId="1" applyFont="1" applyBorder="1" applyAlignment="1">
      <alignment vertical="center"/>
    </xf>
    <xf numFmtId="38" fontId="0" fillId="0" borderId="66" xfId="1" applyFont="1" applyBorder="1" applyAlignment="1">
      <alignment vertical="center"/>
    </xf>
    <xf numFmtId="38" fontId="0" fillId="0" borderId="26" xfId="1" applyFont="1" applyBorder="1" applyAlignment="1">
      <alignment vertical="center"/>
    </xf>
    <xf numFmtId="38" fontId="0" fillId="0" borderId="13" xfId="1" applyFont="1" applyBorder="1" applyAlignment="1">
      <alignment vertical="center"/>
    </xf>
    <xf numFmtId="38" fontId="0" fillId="0" borderId="40" xfId="1" applyFont="1" applyBorder="1" applyAlignment="1">
      <alignment vertical="center"/>
    </xf>
    <xf numFmtId="38" fontId="0" fillId="0" borderId="25" xfId="1" applyFont="1" applyBorder="1" applyAlignment="1">
      <alignment vertical="center"/>
    </xf>
    <xf numFmtId="0" fontId="0" fillId="0" borderId="33" xfId="3" applyFont="1" applyBorder="1" applyAlignment="1">
      <alignment horizontal="center" vertical="center"/>
    </xf>
    <xf numFmtId="0" fontId="0" fillId="0" borderId="72" xfId="3" applyFont="1" applyBorder="1" applyAlignment="1">
      <alignment horizontal="center" vertical="center"/>
    </xf>
    <xf numFmtId="38" fontId="0" fillId="0" borderId="74" xfId="1" applyFont="1" applyBorder="1" applyAlignment="1">
      <alignment vertical="center"/>
    </xf>
    <xf numFmtId="38" fontId="0" fillId="0" borderId="65" xfId="1" applyFont="1" applyBorder="1" applyAlignment="1">
      <alignment vertical="center"/>
    </xf>
    <xf numFmtId="38" fontId="0" fillId="0" borderId="72" xfId="1" applyFont="1" applyBorder="1" applyAlignment="1">
      <alignment vertical="center"/>
    </xf>
    <xf numFmtId="0" fontId="0" fillId="0" borderId="0" xfId="0" applyFont="1" applyBorder="1" applyAlignment="1">
      <alignment horizontal="center" vertical="center"/>
    </xf>
    <xf numFmtId="0" fontId="0" fillId="0" borderId="0" xfId="0" applyFont="1" applyBorder="1" applyAlignment="1">
      <alignment horizontal="right" vertical="center"/>
    </xf>
    <xf numFmtId="177" fontId="0" fillId="0" borderId="34" xfId="1" applyNumberFormat="1" applyFont="1" applyBorder="1" applyAlignment="1">
      <alignment vertical="center"/>
    </xf>
    <xf numFmtId="177" fontId="0" fillId="0" borderId="35" xfId="1" applyNumberFormat="1" applyFont="1" applyBorder="1" applyAlignment="1">
      <alignment vertical="center"/>
    </xf>
    <xf numFmtId="177" fontId="0" fillId="0" borderId="36" xfId="1" applyNumberFormat="1" applyFont="1" applyBorder="1" applyAlignment="1">
      <alignment vertical="center"/>
    </xf>
    <xf numFmtId="177" fontId="0" fillId="0" borderId="51" xfId="1" applyNumberFormat="1" applyFont="1" applyBorder="1" applyAlignment="1">
      <alignment vertical="center"/>
    </xf>
    <xf numFmtId="177" fontId="0" fillId="0" borderId="37" xfId="1" applyNumberFormat="1" applyFont="1" applyBorder="1" applyAlignment="1">
      <alignment vertical="center"/>
    </xf>
    <xf numFmtId="177" fontId="0" fillId="0" borderId="52" xfId="1" applyNumberFormat="1" applyFont="1" applyBorder="1" applyAlignment="1">
      <alignment vertical="center"/>
    </xf>
    <xf numFmtId="177" fontId="0" fillId="0" borderId="8" xfId="1" applyNumberFormat="1" applyFont="1" applyBorder="1" applyAlignment="1">
      <alignment vertical="center"/>
    </xf>
    <xf numFmtId="177" fontId="0" fillId="0" borderId="5" xfId="1" applyNumberFormat="1" applyFont="1" applyBorder="1" applyAlignment="1">
      <alignment vertical="center"/>
    </xf>
    <xf numFmtId="177" fontId="0" fillId="0" borderId="38" xfId="1" applyNumberFormat="1" applyFont="1" applyBorder="1" applyAlignment="1">
      <alignment vertical="center"/>
    </xf>
    <xf numFmtId="177" fontId="0" fillId="0" borderId="53" xfId="1" applyNumberFormat="1" applyFont="1" applyBorder="1" applyAlignment="1">
      <alignment vertical="center"/>
    </xf>
    <xf numFmtId="177" fontId="0" fillId="0" borderId="39" xfId="1" applyNumberFormat="1" applyFont="1" applyBorder="1" applyAlignment="1">
      <alignment vertical="center"/>
    </xf>
    <xf numFmtId="177" fontId="0" fillId="0" borderId="54" xfId="1" applyNumberFormat="1" applyFont="1" applyBorder="1" applyAlignment="1">
      <alignment vertical="center"/>
    </xf>
    <xf numFmtId="177" fontId="0" fillId="0" borderId="9" xfId="1" applyNumberFormat="1" applyFont="1" applyBorder="1" applyAlignment="1">
      <alignment vertical="center"/>
    </xf>
    <xf numFmtId="177" fontId="0" fillId="0" borderId="12" xfId="1" applyNumberFormat="1" applyFont="1" applyBorder="1" applyAlignment="1">
      <alignment vertical="center"/>
    </xf>
    <xf numFmtId="177" fontId="0" fillId="0" borderId="25" xfId="1" applyNumberFormat="1" applyFont="1" applyBorder="1" applyAlignment="1">
      <alignment vertical="center"/>
    </xf>
    <xf numFmtId="177" fontId="0" fillId="0" borderId="26" xfId="1" applyNumberFormat="1" applyFont="1" applyBorder="1" applyAlignment="1">
      <alignment vertical="center"/>
    </xf>
    <xf numFmtId="177" fontId="0" fillId="0" borderId="40" xfId="1" applyNumberFormat="1" applyFont="1" applyBorder="1" applyAlignment="1">
      <alignment vertical="center"/>
    </xf>
    <xf numFmtId="177" fontId="0" fillId="0" borderId="33" xfId="1" applyNumberFormat="1" applyFont="1" applyBorder="1" applyAlignment="1">
      <alignment vertical="center"/>
    </xf>
    <xf numFmtId="0" fontId="0" fillId="0" borderId="20" xfId="0" applyFont="1" applyBorder="1" applyAlignment="1">
      <alignment horizontal="center" vertical="center" wrapText="1"/>
    </xf>
    <xf numFmtId="38" fontId="0" fillId="0" borderId="21" xfId="1" applyFont="1" applyBorder="1" applyAlignment="1">
      <alignment horizontal="center" vertical="center" wrapText="1"/>
    </xf>
    <xf numFmtId="0" fontId="0" fillId="0" borderId="22" xfId="0" applyFont="1" applyBorder="1" applyAlignment="1">
      <alignment horizontal="center" vertical="center" wrapText="1"/>
    </xf>
    <xf numFmtId="38" fontId="0" fillId="0" borderId="23" xfId="1" applyFont="1" applyBorder="1" applyAlignment="1">
      <alignment horizontal="center" vertical="center" wrapText="1"/>
    </xf>
    <xf numFmtId="0" fontId="0" fillId="0" borderId="23" xfId="0" applyFont="1" applyBorder="1" applyAlignment="1">
      <alignment horizontal="center" vertical="center" wrapText="1"/>
    </xf>
    <xf numFmtId="38" fontId="0" fillId="0" borderId="24" xfId="1" applyFont="1" applyBorder="1" applyAlignment="1">
      <alignment horizontal="center" vertical="center" wrapText="1"/>
    </xf>
    <xf numFmtId="0" fontId="0" fillId="0" borderId="11" xfId="0" applyFont="1" applyBorder="1" applyAlignment="1">
      <alignment horizontal="center" vertical="center" wrapText="1"/>
    </xf>
    <xf numFmtId="177" fontId="0" fillId="0" borderId="43" xfId="1" applyNumberFormat="1" applyFont="1" applyBorder="1" applyAlignment="1">
      <alignment vertical="center"/>
    </xf>
    <xf numFmtId="177" fontId="0" fillId="0" borderId="58" xfId="1" applyNumberFormat="1" applyFont="1" applyBorder="1" applyAlignment="1">
      <alignment vertical="center"/>
    </xf>
    <xf numFmtId="177" fontId="0" fillId="0" borderId="45" xfId="1" applyNumberFormat="1" applyFont="1" applyBorder="1" applyAlignment="1">
      <alignment vertical="center"/>
    </xf>
    <xf numFmtId="38" fontId="0" fillId="0" borderId="0" xfId="1" applyFont="1" applyAlignment="1">
      <alignment vertical="center"/>
    </xf>
    <xf numFmtId="177" fontId="0" fillId="0" borderId="46" xfId="1" applyNumberFormat="1" applyFont="1" applyBorder="1" applyAlignment="1">
      <alignment vertical="center"/>
    </xf>
    <xf numFmtId="177" fontId="0" fillId="0" borderId="56" xfId="1" applyNumberFormat="1" applyFont="1" applyBorder="1" applyAlignment="1">
      <alignment vertical="center"/>
    </xf>
    <xf numFmtId="177" fontId="0" fillId="0" borderId="48" xfId="1" applyNumberFormat="1" applyFont="1" applyBorder="1" applyAlignment="1">
      <alignment vertical="center"/>
    </xf>
    <xf numFmtId="177" fontId="0" fillId="0" borderId="13" xfId="1" applyNumberFormat="1" applyFont="1" applyBorder="1" applyAlignment="1">
      <alignment vertical="center"/>
    </xf>
    <xf numFmtId="177" fontId="0" fillId="0" borderId="66" xfId="1" applyNumberFormat="1" applyFont="1" applyBorder="1" applyAlignment="1">
      <alignment vertical="center"/>
    </xf>
    <xf numFmtId="177" fontId="0" fillId="0" borderId="30" xfId="1" applyNumberFormat="1" applyFont="1" applyBorder="1" applyAlignment="1">
      <alignment vertical="center"/>
    </xf>
    <xf numFmtId="38" fontId="0" fillId="0" borderId="0" xfId="1" applyFont="1" applyBorder="1" applyAlignment="1">
      <alignment vertical="center"/>
    </xf>
    <xf numFmtId="0" fontId="0" fillId="0" borderId="0" xfId="0" applyFont="1" applyFill="1" applyAlignment="1">
      <alignment vertical="center"/>
    </xf>
    <xf numFmtId="182" fontId="0" fillId="0" borderId="0" xfId="0" applyNumberFormat="1" applyFont="1" applyBorder="1" applyAlignment="1">
      <alignment horizontal="center" vertical="center"/>
    </xf>
    <xf numFmtId="0" fontId="0" fillId="0" borderId="33" xfId="0" applyFont="1" applyBorder="1" applyAlignment="1">
      <alignment horizontal="center" vertical="center"/>
    </xf>
    <xf numFmtId="0" fontId="0" fillId="0" borderId="25" xfId="0" applyFont="1" applyBorder="1" applyAlignment="1">
      <alignment horizontal="center" vertical="center"/>
    </xf>
    <xf numFmtId="0" fontId="0" fillId="0" borderId="20" xfId="0" applyFont="1" applyBorder="1" applyAlignment="1">
      <alignment horizontal="center" vertical="center"/>
    </xf>
    <xf numFmtId="0" fontId="0" fillId="0" borderId="23" xfId="0" applyFont="1" applyBorder="1" applyAlignment="1">
      <alignment horizontal="center" vertical="center"/>
    </xf>
    <xf numFmtId="0" fontId="0" fillId="0" borderId="24" xfId="0" applyFont="1" applyBorder="1" applyAlignment="1">
      <alignment horizontal="center" vertical="center"/>
    </xf>
    <xf numFmtId="0" fontId="0" fillId="0" borderId="21" xfId="0" applyFont="1" applyBorder="1" applyAlignment="1">
      <alignment horizontal="center" vertical="center"/>
    </xf>
    <xf numFmtId="179" fontId="0" fillId="0" borderId="55" xfId="0" applyNumberFormat="1" applyFont="1" applyBorder="1" applyAlignment="1">
      <alignment shrinkToFit="1"/>
    </xf>
    <xf numFmtId="179" fontId="0" fillId="0" borderId="42" xfId="0" applyNumberFormat="1" applyFont="1" applyBorder="1" applyAlignment="1">
      <alignment shrinkToFit="1"/>
    </xf>
    <xf numFmtId="179" fontId="0" fillId="0" borderId="73" xfId="0" applyNumberFormat="1" applyFont="1" applyBorder="1" applyAlignment="1">
      <alignment shrinkToFit="1"/>
    </xf>
    <xf numFmtId="179" fontId="0" fillId="0" borderId="74" xfId="0" applyNumberFormat="1" applyFont="1" applyBorder="1" applyAlignment="1">
      <alignment shrinkToFit="1"/>
    </xf>
    <xf numFmtId="179" fontId="0" fillId="0" borderId="57" xfId="0" applyNumberFormat="1" applyFont="1" applyBorder="1" applyAlignment="1">
      <alignment shrinkToFit="1"/>
    </xf>
    <xf numFmtId="179" fontId="0" fillId="0" borderId="37" xfId="0" applyNumberFormat="1" applyFont="1" applyBorder="1" applyAlignment="1">
      <alignment shrinkToFit="1"/>
    </xf>
    <xf numFmtId="179" fontId="0" fillId="0" borderId="43" xfId="0" applyNumberFormat="1" applyFont="1" applyBorder="1" applyAlignment="1">
      <alignment shrinkToFit="1"/>
    </xf>
    <xf numFmtId="179" fontId="0" fillId="0" borderId="51" xfId="0" applyNumberFormat="1" applyFont="1" applyBorder="1" applyAlignment="1">
      <alignment shrinkToFit="1"/>
    </xf>
    <xf numFmtId="179" fontId="0" fillId="0" borderId="35" xfId="0" applyNumberFormat="1" applyFont="1" applyBorder="1" applyAlignment="1">
      <alignment shrinkToFit="1"/>
    </xf>
    <xf numFmtId="179" fontId="0" fillId="0" borderId="34" xfId="0" applyNumberFormat="1" applyFont="1" applyBorder="1" applyAlignment="1">
      <alignment shrinkToFit="1"/>
    </xf>
    <xf numFmtId="179" fontId="0" fillId="0" borderId="60" xfId="0" applyNumberFormat="1" applyFont="1" applyBorder="1" applyAlignment="1">
      <alignment shrinkToFit="1"/>
    </xf>
    <xf numFmtId="179" fontId="0" fillId="0" borderId="36" xfId="0" applyNumberFormat="1" applyFont="1" applyBorder="1" applyAlignment="1">
      <alignment shrinkToFit="1"/>
    </xf>
    <xf numFmtId="179" fontId="0" fillId="0" borderId="52" xfId="0" applyNumberFormat="1" applyFont="1" applyBorder="1" applyAlignment="1">
      <alignment shrinkToFit="1"/>
    </xf>
    <xf numFmtId="179" fontId="0" fillId="0" borderId="44" xfId="0" applyNumberFormat="1" applyFont="1" applyBorder="1" applyAlignment="1">
      <alignment shrinkToFit="1"/>
    </xf>
    <xf numFmtId="179" fontId="0" fillId="0" borderId="75" xfId="0" applyNumberFormat="1" applyFont="1" applyBorder="1" applyAlignment="1">
      <alignment shrinkToFit="1"/>
    </xf>
    <xf numFmtId="179" fontId="0" fillId="0" borderId="58" xfId="0" applyNumberFormat="1" applyFont="1" applyBorder="1" applyAlignment="1">
      <alignment shrinkToFit="1"/>
    </xf>
    <xf numFmtId="179" fontId="0" fillId="0" borderId="59" xfId="0" applyNumberFormat="1" applyFont="1" applyBorder="1" applyAlignment="1">
      <alignment shrinkToFit="1"/>
    </xf>
    <xf numFmtId="179" fontId="0" fillId="0" borderId="27" xfId="0" applyNumberFormat="1" applyFont="1" applyBorder="1" applyAlignment="1">
      <alignment shrinkToFit="1"/>
    </xf>
    <xf numFmtId="180" fontId="0" fillId="0" borderId="3" xfId="2" applyNumberFormat="1" applyFont="1" applyBorder="1" applyAlignment="1">
      <alignment vertical="center" shrinkToFit="1"/>
    </xf>
    <xf numFmtId="180" fontId="0" fillId="0" borderId="35" xfId="2" applyNumberFormat="1" applyFont="1" applyBorder="1" applyAlignment="1">
      <alignment vertical="center" shrinkToFit="1"/>
    </xf>
    <xf numFmtId="180" fontId="0" fillId="0" borderId="57" xfId="2" applyNumberFormat="1" applyFont="1" applyBorder="1" applyAlignment="1">
      <alignment vertical="center" shrinkToFit="1"/>
    </xf>
    <xf numFmtId="180" fontId="0" fillId="0" borderId="51" xfId="2" applyNumberFormat="1" applyFont="1" applyBorder="1" applyAlignment="1">
      <alignment vertical="center" shrinkToFit="1"/>
    </xf>
    <xf numFmtId="180" fontId="0" fillId="0" borderId="52" xfId="2" applyNumberFormat="1" applyFont="1" applyBorder="1" applyAlignment="1">
      <alignment vertical="center" shrinkToFit="1"/>
    </xf>
    <xf numFmtId="180" fontId="0" fillId="0" borderId="58" xfId="2" applyNumberFormat="1" applyFont="1" applyBorder="1" applyAlignment="1">
      <alignment vertical="center" shrinkToFit="1"/>
    </xf>
    <xf numFmtId="180" fontId="0" fillId="0" borderId="43" xfId="2" applyNumberFormat="1" applyFont="1" applyBorder="1" applyAlignment="1">
      <alignment vertical="center" shrinkToFit="1"/>
    </xf>
    <xf numFmtId="180" fontId="0" fillId="0" borderId="59" xfId="2" applyNumberFormat="1" applyFont="1" applyBorder="1" applyAlignment="1">
      <alignment vertical="center" shrinkToFit="1"/>
    </xf>
    <xf numFmtId="180" fontId="0" fillId="0" borderId="34" xfId="1" applyNumberFormat="1" applyFont="1" applyFill="1" applyBorder="1" applyAlignment="1">
      <alignment vertical="center" shrinkToFit="1"/>
    </xf>
    <xf numFmtId="180" fontId="0" fillId="0" borderId="35" xfId="1" applyNumberFormat="1" applyFont="1" applyFill="1" applyBorder="1" applyAlignment="1">
      <alignment vertical="center" shrinkToFit="1"/>
    </xf>
    <xf numFmtId="180" fontId="0" fillId="0" borderId="43" xfId="1" applyNumberFormat="1" applyFont="1" applyFill="1" applyBorder="1" applyAlignment="1">
      <alignment vertical="center" shrinkToFit="1"/>
    </xf>
    <xf numFmtId="180" fontId="0" fillId="0" borderId="35" xfId="0" applyNumberFormat="1" applyFont="1" applyBorder="1" applyAlignment="1">
      <alignment shrinkToFit="1"/>
    </xf>
    <xf numFmtId="180" fontId="0" fillId="0" borderId="36" xfId="0" applyNumberFormat="1" applyFont="1" applyBorder="1" applyAlignment="1">
      <alignment shrinkToFit="1"/>
    </xf>
    <xf numFmtId="180" fontId="0" fillId="0" borderId="37" xfId="0" applyNumberFormat="1" applyFont="1" applyBorder="1" applyAlignment="1">
      <alignment shrinkToFit="1"/>
    </xf>
    <xf numFmtId="180" fontId="0" fillId="0" borderId="34" xfId="0" applyNumberFormat="1" applyFont="1" applyBorder="1" applyAlignment="1">
      <alignment shrinkToFit="1"/>
    </xf>
    <xf numFmtId="180" fontId="0" fillId="0" borderId="43" xfId="0" applyNumberFormat="1" applyFont="1" applyBorder="1" applyAlignment="1">
      <alignment shrinkToFit="1"/>
    </xf>
    <xf numFmtId="180" fontId="0" fillId="0" borderId="58" xfId="0" applyNumberFormat="1" applyFont="1" applyBorder="1" applyAlignment="1">
      <alignment shrinkToFit="1"/>
    </xf>
    <xf numFmtId="180" fontId="0" fillId="0" borderId="51" xfId="0" applyNumberFormat="1" applyFont="1" applyBorder="1" applyAlignment="1">
      <alignment shrinkToFit="1"/>
    </xf>
    <xf numFmtId="180" fontId="0" fillId="0" borderId="34" xfId="1" applyNumberFormat="1" applyFont="1" applyFill="1" applyBorder="1" applyAlignment="1">
      <alignment shrinkToFit="1"/>
    </xf>
    <xf numFmtId="180" fontId="0" fillId="0" borderId="52" xfId="0" applyNumberFormat="1" applyFont="1" applyBorder="1" applyAlignment="1">
      <alignment shrinkToFit="1"/>
    </xf>
    <xf numFmtId="180" fontId="0" fillId="0" borderId="45" xfId="0" applyNumberFormat="1" applyFont="1" applyBorder="1" applyAlignment="1">
      <alignment shrinkToFit="1"/>
    </xf>
    <xf numFmtId="0" fontId="0" fillId="0" borderId="0" xfId="0" applyFont="1" applyAlignment="1">
      <alignment vertical="center" shrinkToFit="1"/>
    </xf>
    <xf numFmtId="179" fontId="0" fillId="0" borderId="54" xfId="0" applyNumberFormat="1" applyFont="1" applyBorder="1" applyAlignment="1">
      <alignment shrinkToFit="1"/>
    </xf>
    <xf numFmtId="179" fontId="0" fillId="0" borderId="5" xfId="0" applyNumberFormat="1" applyFont="1" applyBorder="1" applyAlignment="1">
      <alignment shrinkToFit="1"/>
    </xf>
    <xf numFmtId="179" fontId="0" fillId="0" borderId="46" xfId="0" applyNumberFormat="1" applyFont="1" applyBorder="1" applyAlignment="1">
      <alignment shrinkToFit="1"/>
    </xf>
    <xf numFmtId="179" fontId="0" fillId="0" borderId="56" xfId="0" applyNumberFormat="1" applyFont="1" applyBorder="1" applyAlignment="1">
      <alignment shrinkToFit="1"/>
    </xf>
    <xf numFmtId="179" fontId="0" fillId="0" borderId="39" xfId="0" applyNumberFormat="1" applyFont="1" applyBorder="1" applyAlignment="1">
      <alignment shrinkToFit="1"/>
    </xf>
    <xf numFmtId="179" fontId="0" fillId="0" borderId="38" xfId="0" applyNumberFormat="1" applyFont="1" applyBorder="1" applyAlignment="1">
      <alignment shrinkToFit="1"/>
    </xf>
    <xf numFmtId="179" fontId="0" fillId="0" borderId="53" xfId="0" applyNumberFormat="1" applyFont="1" applyBorder="1" applyAlignment="1">
      <alignment shrinkToFit="1"/>
    </xf>
    <xf numFmtId="179" fontId="0" fillId="0" borderId="8" xfId="0" applyNumberFormat="1" applyFont="1" applyBorder="1" applyAlignment="1">
      <alignment shrinkToFit="1"/>
    </xf>
    <xf numFmtId="179" fontId="0" fillId="0" borderId="48" xfId="0" applyNumberFormat="1" applyFont="1" applyBorder="1" applyAlignment="1">
      <alignment shrinkToFit="1"/>
    </xf>
    <xf numFmtId="180" fontId="0" fillId="0" borderId="7" xfId="2" applyNumberFormat="1" applyFont="1" applyBorder="1" applyAlignment="1">
      <alignment vertical="center" shrinkToFit="1"/>
    </xf>
    <xf numFmtId="180" fontId="0" fillId="0" borderId="5" xfId="2" applyNumberFormat="1" applyFont="1" applyBorder="1" applyAlignment="1">
      <alignment vertical="center" shrinkToFit="1"/>
    </xf>
    <xf numFmtId="180" fontId="0" fillId="0" borderId="56" xfId="2" applyNumberFormat="1" applyFont="1" applyBorder="1" applyAlignment="1">
      <alignment vertical="center" shrinkToFit="1"/>
    </xf>
    <xf numFmtId="180" fontId="0" fillId="0" borderId="61" xfId="2" applyNumberFormat="1" applyFont="1" applyBorder="1" applyAlignment="1">
      <alignment vertical="center" shrinkToFit="1"/>
    </xf>
    <xf numFmtId="180" fontId="0" fillId="0" borderId="62" xfId="2" applyNumberFormat="1" applyFont="1" applyBorder="1" applyAlignment="1">
      <alignment vertical="center" shrinkToFit="1"/>
    </xf>
    <xf numFmtId="180" fontId="0" fillId="0" borderId="63" xfId="2" applyNumberFormat="1" applyFont="1" applyBorder="1" applyAlignment="1">
      <alignment vertical="center" shrinkToFit="1"/>
    </xf>
    <xf numFmtId="180" fontId="0" fillId="0" borderId="0" xfId="2" applyNumberFormat="1" applyFont="1" applyBorder="1" applyAlignment="1">
      <alignment vertical="center" shrinkToFit="1"/>
    </xf>
    <xf numFmtId="180" fontId="0" fillId="0" borderId="64" xfId="2" applyNumberFormat="1" applyFont="1" applyBorder="1" applyAlignment="1">
      <alignment vertical="center" shrinkToFit="1"/>
    </xf>
    <xf numFmtId="180" fontId="0" fillId="0" borderId="48" xfId="2" applyNumberFormat="1" applyFont="1" applyBorder="1" applyAlignment="1">
      <alignment vertical="center" shrinkToFit="1"/>
    </xf>
    <xf numFmtId="180" fontId="0" fillId="0" borderId="8" xfId="1" applyNumberFormat="1" applyFont="1" applyFill="1" applyBorder="1" applyAlignment="1">
      <alignment vertical="center" shrinkToFit="1"/>
    </xf>
    <xf numFmtId="180" fontId="0" fillId="0" borderId="5" xfId="1" applyNumberFormat="1" applyFont="1" applyFill="1" applyBorder="1" applyAlignment="1">
      <alignment vertical="center" shrinkToFit="1"/>
    </xf>
    <xf numFmtId="180" fontId="0" fillId="0" borderId="46" xfId="1" applyNumberFormat="1" applyFont="1" applyFill="1" applyBorder="1" applyAlignment="1">
      <alignment vertical="center" shrinkToFit="1"/>
    </xf>
    <xf numFmtId="180" fontId="0" fillId="0" borderId="5" xfId="0" applyNumberFormat="1" applyFont="1" applyBorder="1" applyAlignment="1">
      <alignment shrinkToFit="1"/>
    </xf>
    <xf numFmtId="180" fontId="0" fillId="0" borderId="38" xfId="0" applyNumberFormat="1" applyFont="1" applyBorder="1" applyAlignment="1">
      <alignment shrinkToFit="1"/>
    </xf>
    <xf numFmtId="180" fontId="0" fillId="0" borderId="39" xfId="0" applyNumberFormat="1" applyFont="1" applyBorder="1" applyAlignment="1">
      <alignment shrinkToFit="1"/>
    </xf>
    <xf numFmtId="180" fontId="0" fillId="0" borderId="8" xfId="0" applyNumberFormat="1" applyFont="1" applyBorder="1" applyAlignment="1">
      <alignment shrinkToFit="1"/>
    </xf>
    <xf numFmtId="180" fontId="0" fillId="0" borderId="46" xfId="0" applyNumberFormat="1" applyFont="1" applyBorder="1" applyAlignment="1">
      <alignment shrinkToFit="1"/>
    </xf>
    <xf numFmtId="180" fontId="0" fillId="0" borderId="56" xfId="0" applyNumberFormat="1" applyFont="1" applyBorder="1" applyAlignment="1">
      <alignment shrinkToFit="1"/>
    </xf>
    <xf numFmtId="180" fontId="0" fillId="0" borderId="53" xfId="0" applyNumberFormat="1" applyFont="1" applyBorder="1" applyAlignment="1">
      <alignment shrinkToFit="1"/>
    </xf>
    <xf numFmtId="180" fontId="0" fillId="0" borderId="8" xfId="1" applyNumberFormat="1" applyFont="1" applyFill="1" applyBorder="1" applyAlignment="1">
      <alignment shrinkToFit="1"/>
    </xf>
    <xf numFmtId="180" fontId="0" fillId="0" borderId="54" xfId="0" applyNumberFormat="1" applyFont="1" applyBorder="1" applyAlignment="1">
      <alignment shrinkToFit="1"/>
    </xf>
    <xf numFmtId="180" fontId="0" fillId="0" borderId="48" xfId="0" applyNumberFormat="1" applyFont="1" applyBorder="1" applyAlignment="1">
      <alignment shrinkToFit="1"/>
    </xf>
    <xf numFmtId="179" fontId="0" fillId="0" borderId="54" xfId="0" applyNumberFormat="1" applyFont="1" applyBorder="1"/>
    <xf numFmtId="179" fontId="0" fillId="0" borderId="5" xfId="0" applyNumberFormat="1" applyFont="1" applyBorder="1"/>
    <xf numFmtId="179" fontId="0" fillId="0" borderId="46" xfId="0" applyNumberFormat="1" applyFont="1" applyBorder="1"/>
    <xf numFmtId="179" fontId="0" fillId="0" borderId="56" xfId="0" applyNumberFormat="1" applyFont="1" applyBorder="1"/>
    <xf numFmtId="179" fontId="0" fillId="0" borderId="39" xfId="0" applyNumberFormat="1" applyFont="1" applyBorder="1"/>
    <xf numFmtId="179" fontId="0" fillId="0" borderId="38" xfId="0" applyNumberFormat="1" applyFont="1" applyBorder="1"/>
    <xf numFmtId="179" fontId="0" fillId="0" borderId="53" xfId="0" applyNumberFormat="1" applyFont="1" applyBorder="1"/>
    <xf numFmtId="179" fontId="0" fillId="0" borderId="8" xfId="0" applyNumberFormat="1" applyFont="1" applyBorder="1"/>
    <xf numFmtId="179" fontId="0" fillId="0" borderId="48" xfId="0" applyNumberFormat="1" applyFont="1" applyBorder="1"/>
    <xf numFmtId="180" fontId="0" fillId="0" borderId="7" xfId="2" applyNumberFormat="1" applyFont="1" applyBorder="1">
      <alignment vertical="center"/>
    </xf>
    <xf numFmtId="180" fontId="0" fillId="0" borderId="5" xfId="2" applyNumberFormat="1" applyFont="1" applyBorder="1">
      <alignment vertical="center"/>
    </xf>
    <xf numFmtId="180" fontId="0" fillId="0" borderId="56" xfId="2" applyNumberFormat="1" applyFont="1" applyBorder="1">
      <alignment vertical="center"/>
    </xf>
    <xf numFmtId="180" fontId="0" fillId="0" borderId="53" xfId="2" applyNumberFormat="1" applyFont="1" applyBorder="1">
      <alignment vertical="center"/>
    </xf>
    <xf numFmtId="180" fontId="0" fillId="0" borderId="54" xfId="2" applyNumberFormat="1" applyFont="1" applyBorder="1">
      <alignment vertical="center"/>
    </xf>
    <xf numFmtId="180" fontId="0" fillId="0" borderId="46" xfId="2" applyNumberFormat="1" applyFont="1" applyBorder="1">
      <alignment vertical="center"/>
    </xf>
    <xf numFmtId="180" fontId="0" fillId="0" borderId="48" xfId="2" applyNumberFormat="1" applyFont="1" applyBorder="1">
      <alignment vertical="center"/>
    </xf>
    <xf numFmtId="180" fontId="0" fillId="0" borderId="8" xfId="1" applyNumberFormat="1" applyFont="1" applyFill="1" applyBorder="1" applyAlignment="1">
      <alignment vertical="center"/>
    </xf>
    <xf numFmtId="180" fontId="0" fillId="0" borderId="5" xfId="1" applyNumberFormat="1" applyFont="1" applyFill="1" applyBorder="1" applyAlignment="1">
      <alignment vertical="center"/>
    </xf>
    <xf numFmtId="180" fontId="0" fillId="0" borderId="46" xfId="1" applyNumberFormat="1" applyFont="1" applyFill="1" applyBorder="1" applyAlignment="1">
      <alignment vertical="center"/>
    </xf>
    <xf numFmtId="180" fontId="0" fillId="0" borderId="5" xfId="0" applyNumberFormat="1" applyFont="1" applyBorder="1"/>
    <xf numFmtId="180" fontId="0" fillId="0" borderId="38" xfId="0" applyNumberFormat="1" applyFont="1" applyBorder="1"/>
    <xf numFmtId="180" fontId="0" fillId="0" borderId="39" xfId="0" applyNumberFormat="1" applyFont="1" applyBorder="1"/>
    <xf numFmtId="180" fontId="0" fillId="0" borderId="8" xfId="0" applyNumberFormat="1" applyFont="1" applyBorder="1"/>
    <xf numFmtId="180" fontId="0" fillId="0" borderId="46" xfId="0" applyNumberFormat="1" applyFont="1" applyBorder="1"/>
    <xf numFmtId="180" fontId="0" fillId="0" borderId="56" xfId="0" applyNumberFormat="1" applyFont="1" applyBorder="1"/>
    <xf numFmtId="180" fontId="0" fillId="0" borderId="53" xfId="0" applyNumberFormat="1" applyFont="1" applyBorder="1"/>
    <xf numFmtId="180" fontId="0" fillId="0" borderId="8" xfId="1" applyNumberFormat="1" applyFont="1" applyFill="1" applyBorder="1" applyAlignment="1"/>
    <xf numFmtId="180" fontId="0" fillId="0" borderId="54" xfId="0" applyNumberFormat="1" applyFont="1" applyBorder="1"/>
    <xf numFmtId="180" fontId="0" fillId="0" borderId="48" xfId="0" applyNumberFormat="1" applyFont="1" applyBorder="1"/>
    <xf numFmtId="180" fontId="0" fillId="0" borderId="61" xfId="2" applyNumberFormat="1" applyFont="1" applyBorder="1">
      <alignment vertical="center"/>
    </xf>
    <xf numFmtId="180" fontId="0" fillId="0" borderId="62" xfId="2" applyNumberFormat="1" applyFont="1" applyBorder="1">
      <alignment vertical="center"/>
    </xf>
    <xf numFmtId="180" fontId="0" fillId="0" borderId="63" xfId="2" applyNumberFormat="1" applyFont="1" applyBorder="1">
      <alignment vertical="center"/>
    </xf>
    <xf numFmtId="180" fontId="0" fillId="0" borderId="0" xfId="2" applyNumberFormat="1" applyFont="1" applyBorder="1">
      <alignment vertical="center"/>
    </xf>
    <xf numFmtId="180" fontId="0" fillId="0" borderId="64" xfId="2" applyNumberFormat="1" applyFont="1" applyBorder="1">
      <alignment vertical="center"/>
    </xf>
    <xf numFmtId="180" fontId="0" fillId="0" borderId="3" xfId="2" applyNumberFormat="1" applyFont="1" applyBorder="1">
      <alignment vertical="center"/>
    </xf>
    <xf numFmtId="180" fontId="0" fillId="0" borderId="42" xfId="2" applyNumberFormat="1" applyFont="1" applyBorder="1">
      <alignment vertical="center"/>
    </xf>
    <xf numFmtId="180" fontId="0" fillId="0" borderId="57" xfId="2" applyNumberFormat="1" applyFont="1" applyBorder="1">
      <alignment vertical="center"/>
    </xf>
    <xf numFmtId="180" fontId="0" fillId="0" borderId="59" xfId="2" applyNumberFormat="1" applyFont="1" applyBorder="1">
      <alignment vertical="center"/>
    </xf>
    <xf numFmtId="179" fontId="0" fillId="0" borderId="57" xfId="0" applyNumberFormat="1" applyFont="1" applyBorder="1"/>
    <xf numFmtId="179" fontId="0" fillId="0" borderId="73" xfId="0" applyNumberFormat="1" applyFont="1" applyBorder="1"/>
    <xf numFmtId="179" fontId="0" fillId="0" borderId="42" xfId="0" applyNumberFormat="1" applyFont="1" applyBorder="1"/>
    <xf numFmtId="179" fontId="0" fillId="0" borderId="47" xfId="0" applyNumberFormat="1" applyFont="1" applyBorder="1"/>
    <xf numFmtId="179" fontId="0" fillId="0" borderId="64" xfId="0" applyNumberFormat="1" applyFont="1" applyBorder="1"/>
    <xf numFmtId="179" fontId="0" fillId="0" borderId="62" xfId="0" applyNumberFormat="1" applyFont="1" applyBorder="1"/>
    <xf numFmtId="179" fontId="0" fillId="0" borderId="0" xfId="0" applyNumberFormat="1" applyFont="1" applyBorder="1"/>
    <xf numFmtId="179" fontId="0" fillId="0" borderId="33" xfId="0" applyNumberFormat="1" applyFont="1" applyBorder="1"/>
    <xf numFmtId="179" fontId="0" fillId="0" borderId="12" xfId="0" applyNumberFormat="1" applyFont="1" applyBorder="1"/>
    <xf numFmtId="179" fontId="0" fillId="0" borderId="13" xfId="0" applyNumberFormat="1" applyFont="1" applyBorder="1"/>
    <xf numFmtId="179" fontId="0" fillId="0" borderId="66" xfId="0" applyNumberFormat="1" applyFont="1" applyBorder="1"/>
    <xf numFmtId="179" fontId="0" fillId="0" borderId="40" xfId="0" applyNumberFormat="1" applyFont="1" applyBorder="1"/>
    <xf numFmtId="179" fontId="0" fillId="0" borderId="25" xfId="0" applyNumberFormat="1" applyFont="1" applyBorder="1"/>
    <xf numFmtId="179" fontId="0" fillId="0" borderId="26" xfId="0" applyNumberFormat="1" applyFont="1" applyBorder="1"/>
    <xf numFmtId="179" fontId="0" fillId="0" borderId="9" xfId="0" applyNumberFormat="1" applyFont="1" applyBorder="1"/>
    <xf numFmtId="179" fontId="0" fillId="0" borderId="30" xfId="0" applyNumberFormat="1" applyFont="1" applyBorder="1"/>
    <xf numFmtId="180" fontId="0" fillId="0" borderId="14" xfId="2" applyNumberFormat="1" applyFont="1" applyBorder="1">
      <alignment vertical="center"/>
    </xf>
    <xf numFmtId="180" fontId="0" fillId="0" borderId="12" xfId="2" applyNumberFormat="1" applyFont="1" applyBorder="1">
      <alignment vertical="center"/>
    </xf>
    <xf numFmtId="180" fontId="0" fillId="0" borderId="66" xfId="2" applyNumberFormat="1" applyFont="1" applyBorder="1">
      <alignment vertical="center"/>
    </xf>
    <xf numFmtId="180" fontId="0" fillId="0" borderId="67" xfId="2" applyNumberFormat="1" applyFont="1" applyBorder="1">
      <alignment vertical="center"/>
    </xf>
    <xf numFmtId="180" fontId="0" fillId="0" borderId="68" xfId="2" applyNumberFormat="1" applyFont="1" applyBorder="1">
      <alignment vertical="center"/>
    </xf>
    <xf numFmtId="180" fontId="0" fillId="0" borderId="69" xfId="2" applyNumberFormat="1" applyFont="1" applyBorder="1">
      <alignment vertical="center"/>
    </xf>
    <xf numFmtId="180" fontId="0" fillId="0" borderId="70" xfId="2" applyNumberFormat="1" applyFont="1" applyBorder="1">
      <alignment vertical="center"/>
    </xf>
    <xf numFmtId="180" fontId="0" fillId="0" borderId="71" xfId="2" applyNumberFormat="1" applyFont="1" applyBorder="1">
      <alignment vertical="center"/>
    </xf>
    <xf numFmtId="180" fontId="0" fillId="0" borderId="30" xfId="2" applyNumberFormat="1" applyFont="1" applyBorder="1">
      <alignment vertical="center"/>
    </xf>
    <xf numFmtId="180" fontId="0" fillId="0" borderId="9" xfId="1" applyNumberFormat="1" applyFont="1" applyFill="1" applyBorder="1" applyAlignment="1">
      <alignment vertical="center"/>
    </xf>
    <xf numFmtId="180" fontId="0" fillId="0" borderId="12" xfId="1" applyNumberFormat="1" applyFont="1" applyFill="1" applyBorder="1" applyAlignment="1">
      <alignment vertical="center"/>
    </xf>
    <xf numFmtId="180" fontId="0" fillId="0" borderId="13" xfId="1" applyNumberFormat="1" applyFont="1" applyFill="1" applyBorder="1" applyAlignment="1">
      <alignment vertical="center"/>
    </xf>
    <xf numFmtId="180" fontId="0" fillId="0" borderId="12" xfId="0" applyNumberFormat="1" applyFont="1" applyBorder="1"/>
    <xf numFmtId="180" fontId="0" fillId="0" borderId="25" xfId="0" applyNumberFormat="1" applyFont="1" applyBorder="1"/>
    <xf numFmtId="180" fontId="0" fillId="0" borderId="40" xfId="0" applyNumberFormat="1" applyFont="1" applyBorder="1"/>
    <xf numFmtId="180" fontId="0" fillId="0" borderId="9" xfId="0" applyNumberFormat="1" applyFont="1" applyBorder="1"/>
    <xf numFmtId="180" fontId="0" fillId="0" borderId="13" xfId="0" applyNumberFormat="1" applyFont="1" applyBorder="1"/>
    <xf numFmtId="180" fontId="0" fillId="0" borderId="66" xfId="0" applyNumberFormat="1" applyFont="1" applyBorder="1"/>
    <xf numFmtId="180" fontId="0" fillId="0" borderId="26" xfId="0" applyNumberFormat="1" applyFont="1" applyBorder="1"/>
    <xf numFmtId="180" fontId="0" fillId="0" borderId="9" xfId="1" applyNumberFormat="1" applyFont="1" applyFill="1" applyBorder="1" applyAlignment="1"/>
    <xf numFmtId="180" fontId="0" fillId="0" borderId="33" xfId="0" applyNumberFormat="1" applyFont="1" applyBorder="1"/>
    <xf numFmtId="180" fontId="0" fillId="0" borderId="30" xfId="0" applyNumberFormat="1" applyFont="1" applyBorder="1"/>
    <xf numFmtId="180" fontId="0" fillId="0" borderId="51" xfId="1" applyNumberFormat="1" applyFont="1" applyFill="1" applyBorder="1" applyAlignment="1">
      <alignment vertical="center" shrinkToFit="1"/>
    </xf>
    <xf numFmtId="180" fontId="0" fillId="0" borderId="53" xfId="1" applyNumberFormat="1" applyFont="1" applyFill="1" applyBorder="1" applyAlignment="1">
      <alignment vertical="center" shrinkToFit="1"/>
    </xf>
    <xf numFmtId="180" fontId="0" fillId="0" borderId="53" xfId="1" applyNumberFormat="1" applyFont="1" applyFill="1" applyBorder="1" applyAlignment="1">
      <alignment vertical="center"/>
    </xf>
    <xf numFmtId="180" fontId="0" fillId="0" borderId="26" xfId="1" applyNumberFormat="1" applyFont="1" applyFill="1" applyBorder="1" applyAlignment="1">
      <alignment vertical="center"/>
    </xf>
    <xf numFmtId="180" fontId="0" fillId="0" borderId="90" xfId="1" applyNumberFormat="1" applyFont="1" applyFill="1" applyBorder="1" applyAlignment="1">
      <alignment vertical="center" shrinkToFit="1"/>
    </xf>
    <xf numFmtId="0" fontId="0" fillId="0" borderId="0" xfId="0" applyFont="1" applyBorder="1" applyAlignment="1">
      <alignment vertical="center" shrinkToFit="1"/>
    </xf>
    <xf numFmtId="0" fontId="0" fillId="0" borderId="78" xfId="0" applyFont="1" applyBorder="1" applyAlignment="1">
      <alignment horizontal="left" vertical="center" shrinkToFit="1"/>
    </xf>
    <xf numFmtId="0" fontId="0" fillId="0" borderId="32" xfId="0" applyFont="1" applyBorder="1" applyAlignment="1">
      <alignment horizontal="left" vertical="center" shrinkToFit="1"/>
    </xf>
    <xf numFmtId="0" fontId="0" fillId="0" borderId="32" xfId="0" applyFont="1" applyBorder="1" applyAlignment="1">
      <alignment horizontal="left" vertical="center"/>
    </xf>
    <xf numFmtId="0" fontId="0" fillId="0" borderId="19" xfId="0" applyFont="1" applyBorder="1" applyAlignment="1">
      <alignment horizontal="left" vertical="center"/>
    </xf>
    <xf numFmtId="178" fontId="0" fillId="0" borderId="51" xfId="0" applyNumberFormat="1" applyFont="1" applyBorder="1" applyAlignment="1">
      <alignment vertical="center"/>
    </xf>
    <xf numFmtId="178" fontId="0" fillId="0" borderId="53" xfId="0" applyNumberFormat="1" applyFont="1" applyBorder="1" applyAlignment="1">
      <alignment vertical="center"/>
    </xf>
    <xf numFmtId="178" fontId="0" fillId="0" borderId="26" xfId="0" applyNumberFormat="1" applyFont="1" applyBorder="1" applyAlignment="1">
      <alignment vertical="center"/>
    </xf>
    <xf numFmtId="178" fontId="0" fillId="0" borderId="51" xfId="1" applyNumberFormat="1" applyFont="1" applyBorder="1" applyAlignment="1">
      <alignment vertical="center"/>
    </xf>
    <xf numFmtId="178" fontId="0" fillId="0" borderId="53" xfId="1" applyNumberFormat="1" applyFont="1" applyBorder="1" applyAlignment="1">
      <alignment vertical="center"/>
    </xf>
    <xf numFmtId="178" fontId="0" fillId="0" borderId="26" xfId="1" applyNumberFormat="1" applyFont="1" applyBorder="1" applyAlignment="1">
      <alignment vertical="center"/>
    </xf>
    <xf numFmtId="0" fontId="5" fillId="0" borderId="0" xfId="0" applyFont="1" applyAlignment="1">
      <alignment horizontal="center" vertical="center"/>
    </xf>
    <xf numFmtId="0" fontId="3" fillId="0" borderId="95" xfId="0" applyFont="1" applyBorder="1" applyAlignment="1">
      <alignment horizontal="center" vertical="center"/>
    </xf>
    <xf numFmtId="0" fontId="3" fillId="0" borderId="77" xfId="0" applyFont="1" applyBorder="1" applyAlignment="1">
      <alignment horizontal="center" vertical="center"/>
    </xf>
    <xf numFmtId="0" fontId="3" fillId="0" borderId="10" xfId="0" applyFont="1" applyBorder="1" applyAlignment="1">
      <alignment horizontal="center" vertical="center"/>
    </xf>
    <xf numFmtId="0" fontId="0" fillId="0" borderId="87" xfId="0" applyFont="1" applyBorder="1" applyAlignment="1">
      <alignment horizontal="left" vertical="center"/>
    </xf>
    <xf numFmtId="0" fontId="0" fillId="0" borderId="88" xfId="0" applyFont="1" applyBorder="1" applyAlignment="1">
      <alignment horizontal="left" vertical="center"/>
    </xf>
    <xf numFmtId="0" fontId="0" fillId="0" borderId="1" xfId="0" applyFont="1" applyBorder="1" applyAlignment="1">
      <alignment horizontal="left" vertical="center"/>
    </xf>
    <xf numFmtId="0" fontId="0" fillId="0" borderId="77" xfId="0" applyFont="1" applyBorder="1" applyAlignment="1">
      <alignment horizontal="left" vertical="center"/>
    </xf>
    <xf numFmtId="0" fontId="0" fillId="0" borderId="10" xfId="0" applyFont="1" applyBorder="1" applyAlignment="1">
      <alignment horizontal="left" vertical="center"/>
    </xf>
    <xf numFmtId="0" fontId="0" fillId="0" borderId="1" xfId="0" applyFont="1" applyBorder="1" applyAlignment="1">
      <alignment horizontal="center" vertical="center"/>
    </xf>
    <xf numFmtId="0" fontId="0" fillId="0" borderId="77" xfId="0" applyFont="1" applyBorder="1" applyAlignment="1">
      <alignment horizontal="center" vertical="center"/>
    </xf>
    <xf numFmtId="0" fontId="0" fillId="0" borderId="10" xfId="0" applyFont="1" applyBorder="1" applyAlignment="1">
      <alignment horizontal="center" vertical="center"/>
    </xf>
    <xf numFmtId="0" fontId="0" fillId="0" borderId="85" xfId="0" applyFont="1" applyBorder="1" applyAlignment="1">
      <alignment horizontal="center" vertical="center"/>
    </xf>
    <xf numFmtId="0" fontId="0" fillId="0" borderId="70"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0" fillId="0" borderId="92" xfId="0" applyFont="1" applyBorder="1" applyAlignment="1">
      <alignment horizontal="center" vertical="center"/>
    </xf>
    <xf numFmtId="0" fontId="0" fillId="0" borderId="87" xfId="0" applyFont="1" applyBorder="1" applyAlignment="1">
      <alignment horizontal="center" vertical="center"/>
    </xf>
    <xf numFmtId="0" fontId="0" fillId="0" borderId="88" xfId="0" applyFont="1" applyBorder="1" applyAlignment="1">
      <alignment horizontal="center" vertical="center"/>
    </xf>
    <xf numFmtId="0" fontId="0" fillId="0" borderId="28" xfId="0" applyFont="1" applyBorder="1" applyAlignment="1">
      <alignment horizontal="center" vertical="center"/>
    </xf>
    <xf numFmtId="185" fontId="0"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80" xfId="0" applyFont="1" applyBorder="1" applyAlignment="1">
      <alignment horizontal="center" vertical="center"/>
    </xf>
    <xf numFmtId="182" fontId="0" fillId="0" borderId="0" xfId="0" applyNumberFormat="1" applyFont="1" applyAlignment="1">
      <alignment horizontal="center" vertical="center"/>
    </xf>
    <xf numFmtId="0" fontId="2" fillId="0" borderId="18" xfId="3" applyFont="1" applyBorder="1" applyAlignment="1">
      <alignment horizontal="center" vertical="center"/>
    </xf>
    <xf numFmtId="0" fontId="2" fillId="0" borderId="2" xfId="3" applyFont="1" applyBorder="1" applyAlignment="1">
      <alignment horizontal="center" vertical="center"/>
    </xf>
    <xf numFmtId="0" fontId="2" fillId="0" borderId="80" xfId="3" applyFont="1" applyBorder="1" applyAlignment="1">
      <alignment horizontal="center" vertical="center"/>
    </xf>
    <xf numFmtId="0" fontId="2" fillId="0" borderId="97" xfId="3" applyFont="1" applyBorder="1" applyAlignment="1">
      <alignment horizontal="center" vertical="center"/>
    </xf>
    <xf numFmtId="0" fontId="2" fillId="0" borderId="98" xfId="3" applyFont="1" applyBorder="1" applyAlignment="1">
      <alignment horizontal="center" vertical="center"/>
    </xf>
    <xf numFmtId="0" fontId="2" fillId="0" borderId="99" xfId="3" applyFont="1" applyBorder="1" applyAlignment="1">
      <alignment horizontal="center" vertical="center"/>
    </xf>
    <xf numFmtId="0" fontId="2" fillId="0" borderId="51" xfId="3" applyFont="1" applyBorder="1" applyAlignment="1">
      <alignment horizontal="center" vertical="center"/>
    </xf>
    <xf numFmtId="0" fontId="2" fillId="0" borderId="35" xfId="3" applyFont="1" applyBorder="1" applyAlignment="1">
      <alignment horizontal="center" vertical="center"/>
    </xf>
    <xf numFmtId="0" fontId="2" fillId="0" borderId="36" xfId="3" applyFont="1" applyBorder="1" applyAlignment="1">
      <alignment horizontal="center" vertical="center"/>
    </xf>
    <xf numFmtId="0" fontId="2" fillId="0" borderId="37" xfId="3" applyFont="1" applyBorder="1" applyAlignment="1">
      <alignment horizontal="center" vertical="center"/>
    </xf>
    <xf numFmtId="0" fontId="2" fillId="0" borderId="40" xfId="3" applyFont="1" applyBorder="1" applyAlignment="1">
      <alignment horizontal="center" vertical="center"/>
    </xf>
    <xf numFmtId="0" fontId="2" fillId="0" borderId="34" xfId="3" applyFont="1" applyBorder="1" applyAlignment="1">
      <alignment horizontal="center" vertical="center"/>
    </xf>
    <xf numFmtId="182" fontId="2" fillId="0" borderId="0" xfId="0" applyNumberFormat="1" applyFont="1" applyAlignment="1">
      <alignment horizontal="center" vertical="center"/>
    </xf>
    <xf numFmtId="0" fontId="2" fillId="0" borderId="1" xfId="3" applyFont="1" applyBorder="1" applyAlignment="1">
      <alignment horizontal="center" vertical="center"/>
    </xf>
    <xf numFmtId="0" fontId="2" fillId="0" borderId="28" xfId="3" applyFont="1" applyBorder="1" applyAlignment="1">
      <alignment horizontal="center" vertical="center"/>
    </xf>
    <xf numFmtId="0" fontId="2" fillId="0" borderId="85" xfId="3" applyFont="1" applyBorder="1" applyAlignment="1">
      <alignment horizontal="center" vertical="center"/>
    </xf>
    <xf numFmtId="0" fontId="2" fillId="0" borderId="43" xfId="3" applyFont="1" applyBorder="1" applyAlignment="1">
      <alignment horizontal="center" vertical="center"/>
    </xf>
    <xf numFmtId="0" fontId="0" fillId="0" borderId="97" xfId="3" applyFont="1" applyBorder="1" applyAlignment="1">
      <alignment horizontal="center" vertical="center"/>
    </xf>
    <xf numFmtId="0" fontId="0" fillId="0" borderId="98" xfId="3" applyFont="1" applyBorder="1" applyAlignment="1">
      <alignment horizontal="center" vertical="center"/>
    </xf>
    <xf numFmtId="0" fontId="0" fillId="0" borderId="99" xfId="3" applyFont="1" applyBorder="1" applyAlignment="1">
      <alignment horizontal="center" vertical="center"/>
    </xf>
    <xf numFmtId="0" fontId="0" fillId="0" borderId="1" xfId="3" applyFont="1" applyBorder="1" applyAlignment="1">
      <alignment horizontal="center" vertical="center"/>
    </xf>
    <xf numFmtId="0" fontId="0" fillId="0" borderId="28" xfId="3" applyFont="1" applyBorder="1" applyAlignment="1">
      <alignment horizontal="center" vertical="center"/>
    </xf>
    <xf numFmtId="0" fontId="0" fillId="0" borderId="85" xfId="3" applyFont="1" applyBorder="1" applyAlignment="1">
      <alignment horizontal="center" vertical="center"/>
    </xf>
    <xf numFmtId="0" fontId="0" fillId="0" borderId="37" xfId="3" applyFont="1" applyBorder="1" applyAlignment="1">
      <alignment horizontal="center" vertical="center"/>
    </xf>
    <xf numFmtId="0" fontId="0" fillId="0" borderId="40" xfId="3" applyFont="1" applyBorder="1" applyAlignment="1">
      <alignment horizontal="center" vertical="center"/>
    </xf>
    <xf numFmtId="0" fontId="0" fillId="0" borderId="34" xfId="3" applyFont="1" applyBorder="1" applyAlignment="1">
      <alignment horizontal="center" vertical="center"/>
    </xf>
    <xf numFmtId="0" fontId="0" fillId="0" borderId="35" xfId="3" applyFont="1" applyBorder="1" applyAlignment="1">
      <alignment horizontal="center" vertical="center"/>
    </xf>
    <xf numFmtId="0" fontId="0" fillId="0" borderId="36" xfId="3" applyFont="1" applyBorder="1" applyAlignment="1">
      <alignment horizontal="center" vertical="center"/>
    </xf>
    <xf numFmtId="0" fontId="0" fillId="0" borderId="51" xfId="3" applyFont="1" applyBorder="1" applyAlignment="1">
      <alignment horizontal="center" vertical="center"/>
    </xf>
    <xf numFmtId="0" fontId="0" fillId="0" borderId="43" xfId="3" applyFont="1" applyBorder="1" applyAlignment="1">
      <alignment horizontal="center" vertical="center"/>
    </xf>
    <xf numFmtId="0" fontId="0" fillId="0" borderId="18" xfId="3" applyFont="1" applyBorder="1" applyAlignment="1">
      <alignment horizontal="center" vertical="center"/>
    </xf>
    <xf numFmtId="0" fontId="0" fillId="0" borderId="2" xfId="3" applyFont="1" applyBorder="1" applyAlignment="1">
      <alignment horizontal="center" vertical="center"/>
    </xf>
    <xf numFmtId="0" fontId="0" fillId="0" borderId="80" xfId="3" applyFont="1" applyBorder="1" applyAlignment="1">
      <alignment horizontal="center" vertical="center"/>
    </xf>
    <xf numFmtId="0" fontId="0" fillId="0" borderId="92" xfId="3" applyFont="1" applyBorder="1" applyAlignment="1">
      <alignment horizontal="center" vertical="center"/>
    </xf>
    <xf numFmtId="0" fontId="0" fillId="0" borderId="87" xfId="3" applyFont="1" applyBorder="1" applyAlignment="1">
      <alignment horizontal="center" vertical="center"/>
    </xf>
    <xf numFmtId="0" fontId="0" fillId="0" borderId="88" xfId="3" applyFont="1" applyBorder="1" applyAlignment="1">
      <alignment horizontal="center" vertical="center"/>
    </xf>
    <xf numFmtId="0" fontId="0" fillId="0" borderId="81" xfId="3" applyFont="1" applyBorder="1" applyAlignment="1">
      <alignment horizontal="center" vertical="center"/>
    </xf>
    <xf numFmtId="0" fontId="0" fillId="0" borderId="82" xfId="3" applyFont="1" applyBorder="1" applyAlignment="1">
      <alignment horizontal="center" vertical="center"/>
    </xf>
    <xf numFmtId="0" fontId="0" fillId="0" borderId="91" xfId="3" applyFont="1" applyBorder="1" applyAlignment="1">
      <alignment horizontal="center" vertical="center"/>
    </xf>
    <xf numFmtId="0" fontId="0" fillId="0" borderId="77" xfId="3" applyFont="1" applyBorder="1" applyAlignment="1">
      <alignment horizontal="center" vertical="center"/>
    </xf>
    <xf numFmtId="0" fontId="0" fillId="0" borderId="10" xfId="3" applyFont="1" applyBorder="1" applyAlignment="1">
      <alignment horizontal="center" vertical="center"/>
    </xf>
    <xf numFmtId="0" fontId="0" fillId="0" borderId="52" xfId="3" applyFont="1" applyBorder="1" applyAlignment="1">
      <alignment horizontal="center" vertical="center"/>
    </xf>
    <xf numFmtId="0" fontId="0" fillId="0" borderId="93" xfId="3" applyFont="1" applyBorder="1" applyAlignment="1">
      <alignment horizontal="center" vertical="center"/>
    </xf>
    <xf numFmtId="0" fontId="0" fillId="0" borderId="84" xfId="3" applyFont="1" applyBorder="1" applyAlignment="1">
      <alignment horizontal="center" vertical="center"/>
    </xf>
    <xf numFmtId="0" fontId="0" fillId="0" borderId="60" xfId="3" applyFont="1" applyBorder="1" applyAlignment="1">
      <alignment horizontal="center" vertical="center"/>
    </xf>
    <xf numFmtId="0" fontId="0" fillId="0" borderId="58" xfId="3" applyFont="1" applyBorder="1" applyAlignment="1">
      <alignment horizontal="center" vertical="center"/>
    </xf>
    <xf numFmtId="0" fontId="0" fillId="0" borderId="44" xfId="3" applyFont="1" applyBorder="1" applyAlignment="1">
      <alignment horizontal="center" vertical="center"/>
    </xf>
    <xf numFmtId="0" fontId="0" fillId="0" borderId="27" xfId="3" applyFont="1" applyBorder="1" applyAlignment="1">
      <alignment horizontal="center" vertical="center"/>
    </xf>
    <xf numFmtId="0" fontId="0" fillId="0" borderId="8" xfId="3" applyFont="1" applyBorder="1" applyAlignment="1">
      <alignment horizontal="center" vertical="center"/>
    </xf>
    <xf numFmtId="0" fontId="0" fillId="0" borderId="9" xfId="3" applyFont="1" applyBorder="1" applyAlignment="1">
      <alignment horizontal="center" vertical="center"/>
    </xf>
    <xf numFmtId="0" fontId="0" fillId="0" borderId="79" xfId="3" applyFont="1" applyBorder="1" applyAlignment="1">
      <alignment horizontal="center" vertical="center"/>
    </xf>
    <xf numFmtId="0" fontId="0" fillId="0" borderId="5" xfId="3" applyFont="1" applyBorder="1" applyAlignment="1">
      <alignment horizontal="center" vertical="center"/>
    </xf>
    <xf numFmtId="0" fontId="0" fillId="0" borderId="46" xfId="3" applyFont="1" applyBorder="1" applyAlignment="1">
      <alignment horizontal="center" vertical="center"/>
    </xf>
    <xf numFmtId="0" fontId="0" fillId="0" borderId="54" xfId="3" applyFont="1" applyBorder="1" applyAlignment="1">
      <alignment horizontal="center" vertical="center"/>
    </xf>
    <xf numFmtId="0" fontId="0" fillId="0" borderId="38" xfId="3" applyFont="1" applyBorder="1" applyAlignment="1">
      <alignment horizontal="center" vertical="center"/>
    </xf>
    <xf numFmtId="0" fontId="0" fillId="0" borderId="39" xfId="3" applyFont="1" applyBorder="1" applyAlignment="1">
      <alignment horizontal="center" vertical="center"/>
    </xf>
    <xf numFmtId="0" fontId="0" fillId="0" borderId="8" xfId="0" applyFont="1" applyBorder="1" applyAlignment="1">
      <alignment horizontal="center" vertical="center"/>
    </xf>
    <xf numFmtId="0" fontId="0" fillId="0" borderId="5" xfId="0" applyFont="1" applyBorder="1" applyAlignment="1">
      <alignment horizontal="center" vertical="center"/>
    </xf>
    <xf numFmtId="0" fontId="0" fillId="0" borderId="38" xfId="0" applyFont="1" applyBorder="1" applyAlignment="1">
      <alignment horizontal="center" vertical="center"/>
    </xf>
    <xf numFmtId="0" fontId="0" fillId="0" borderId="65" xfId="0" applyFont="1" applyBorder="1" applyAlignment="1">
      <alignment horizontal="center" vertical="center"/>
    </xf>
    <xf numFmtId="0" fontId="0" fillId="0" borderId="56" xfId="0" applyFont="1" applyBorder="1" applyAlignment="1">
      <alignment horizontal="center" vertical="center"/>
    </xf>
    <xf numFmtId="0" fontId="0" fillId="0" borderId="47" xfId="0" applyFont="1" applyBorder="1" applyAlignment="1">
      <alignment horizontal="center" vertical="center"/>
    </xf>
    <xf numFmtId="0" fontId="0" fillId="0" borderId="48" xfId="0" applyFont="1" applyBorder="1" applyAlignment="1">
      <alignment horizontal="center" vertical="center" wrapText="1"/>
    </xf>
    <xf numFmtId="0" fontId="0" fillId="0" borderId="29" xfId="0" applyFont="1" applyBorder="1" applyAlignment="1">
      <alignment horizontal="center" vertical="center" wrapText="1"/>
    </xf>
    <xf numFmtId="0" fontId="0" fillId="0" borderId="59" xfId="0" applyFont="1" applyBorder="1" applyAlignment="1">
      <alignment horizontal="center" vertical="center" wrapText="1"/>
    </xf>
    <xf numFmtId="0" fontId="0" fillId="0" borderId="55" xfId="0" applyFont="1" applyBorder="1" applyAlignment="1">
      <alignment horizontal="center" vertical="center"/>
    </xf>
    <xf numFmtId="0" fontId="0" fillId="0" borderId="42" xfId="0" applyFont="1" applyBorder="1" applyAlignment="1">
      <alignment horizontal="center" vertical="center"/>
    </xf>
    <xf numFmtId="0" fontId="0" fillId="0" borderId="4" xfId="0" applyFont="1" applyBorder="1" applyAlignment="1">
      <alignment horizontal="center" vertical="center"/>
    </xf>
    <xf numFmtId="0" fontId="0" fillId="0" borderId="74" xfId="0" applyFont="1" applyBorder="1" applyAlignment="1">
      <alignment horizontal="center" vertical="center"/>
    </xf>
    <xf numFmtId="0" fontId="0" fillId="0" borderId="75" xfId="0" applyFont="1" applyBorder="1" applyAlignment="1">
      <alignment horizontal="center" vertical="center"/>
    </xf>
    <xf numFmtId="0" fontId="0" fillId="0" borderId="56" xfId="0" applyFont="1" applyBorder="1" applyAlignment="1">
      <alignment horizontal="center" vertical="center" wrapText="1"/>
    </xf>
    <xf numFmtId="0" fontId="0" fillId="0" borderId="76" xfId="0" applyFont="1" applyBorder="1" applyAlignment="1">
      <alignment horizontal="center" vertical="center" wrapText="1"/>
    </xf>
    <xf numFmtId="0" fontId="0" fillId="0" borderId="49" xfId="0" applyFont="1" applyBorder="1" applyAlignment="1">
      <alignment horizontal="center" vertical="center"/>
    </xf>
    <xf numFmtId="0" fontId="0" fillId="0" borderId="1" xfId="0" applyFont="1" applyBorder="1" applyAlignment="1">
      <alignment vertical="center"/>
    </xf>
    <xf numFmtId="0" fontId="0" fillId="0" borderId="77" xfId="0" applyFont="1" applyBorder="1" applyAlignment="1">
      <alignment vertical="center"/>
    </xf>
    <xf numFmtId="0" fontId="0" fillId="0" borderId="10" xfId="0" applyFont="1" applyBorder="1" applyAlignment="1">
      <alignment vertical="center"/>
    </xf>
    <xf numFmtId="0" fontId="0" fillId="0" borderId="81" xfId="0" applyFont="1" applyBorder="1" applyAlignment="1">
      <alignment horizontal="center" vertical="center"/>
    </xf>
    <xf numFmtId="0" fontId="0" fillId="0" borderId="82" xfId="0" applyFont="1" applyBorder="1" applyAlignment="1">
      <alignment horizontal="center" vertical="center"/>
    </xf>
    <xf numFmtId="0" fontId="0" fillId="0" borderId="78" xfId="0" applyFont="1" applyBorder="1" applyAlignment="1">
      <alignment horizontal="center" vertical="center"/>
    </xf>
    <xf numFmtId="0" fontId="0" fillId="0" borderId="77" xfId="0" applyFont="1" applyBorder="1" applyAlignment="1"/>
    <xf numFmtId="0" fontId="0" fillId="0" borderId="10" xfId="0" applyFont="1" applyBorder="1" applyAlignment="1"/>
    <xf numFmtId="0" fontId="0" fillId="0" borderId="57" xfId="0" applyFont="1" applyBorder="1" applyAlignment="1">
      <alignment horizontal="center" vertical="center" wrapText="1"/>
    </xf>
    <xf numFmtId="182" fontId="0" fillId="0" borderId="0" xfId="0" applyNumberFormat="1" applyFont="1" applyAlignment="1">
      <alignment horizontal="left" vertical="center"/>
    </xf>
    <xf numFmtId="0" fontId="0" fillId="0" borderId="89" xfId="0" applyFont="1" applyBorder="1" applyAlignment="1">
      <alignment horizontal="center" vertical="center"/>
    </xf>
    <xf numFmtId="0" fontId="0" fillId="0" borderId="83" xfId="0" applyFont="1" applyBorder="1" applyAlignment="1">
      <alignment horizontal="center" vertical="center"/>
    </xf>
    <xf numFmtId="0" fontId="0" fillId="0" borderId="53" xfId="0" applyFont="1" applyBorder="1" applyAlignment="1">
      <alignment horizontal="center" vertical="center"/>
    </xf>
    <xf numFmtId="0" fontId="0" fillId="0" borderId="46" xfId="0" applyFont="1" applyBorder="1" applyAlignment="1">
      <alignment horizontal="center" vertical="center"/>
    </xf>
    <xf numFmtId="0" fontId="0" fillId="0" borderId="39" xfId="0" applyFont="1" applyBorder="1" applyAlignment="1">
      <alignment horizontal="center" vertical="center"/>
    </xf>
    <xf numFmtId="0" fontId="0" fillId="0" borderId="90" xfId="0" applyFont="1" applyBorder="1" applyAlignment="1">
      <alignment horizontal="center" vertical="center"/>
    </xf>
    <xf numFmtId="0" fontId="0" fillId="0" borderId="73" xfId="0" applyFont="1" applyBorder="1" applyAlignment="1">
      <alignment horizontal="center" vertical="center"/>
    </xf>
    <xf numFmtId="0" fontId="0" fillId="0" borderId="0" xfId="0" applyFont="1" applyBorder="1" applyAlignment="1">
      <alignment horizontal="center" vertical="center"/>
    </xf>
    <xf numFmtId="0" fontId="0" fillId="0" borderId="101" xfId="0" applyFont="1" applyBorder="1" applyAlignment="1">
      <alignment horizontal="center" vertical="center"/>
    </xf>
    <xf numFmtId="0" fontId="0" fillId="0" borderId="2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101"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77" xfId="0" applyFont="1" applyFill="1" applyBorder="1" applyAlignment="1">
      <alignment horizontal="center" vertical="center"/>
    </xf>
    <xf numFmtId="0" fontId="0" fillId="0" borderId="10" xfId="0" applyFont="1" applyFill="1" applyBorder="1" applyAlignment="1">
      <alignment horizontal="center" vertical="center"/>
    </xf>
    <xf numFmtId="182" fontId="0" fillId="0" borderId="0" xfId="0" applyNumberFormat="1" applyFont="1" applyBorder="1" applyAlignment="1">
      <alignment horizontal="center" vertical="center"/>
    </xf>
    <xf numFmtId="0" fontId="0" fillId="0" borderId="29" xfId="0" applyFont="1" applyBorder="1" applyAlignment="1">
      <alignment horizontal="center" vertical="center"/>
    </xf>
    <xf numFmtId="0" fontId="0" fillId="0" borderId="66" xfId="0" applyFont="1" applyBorder="1" applyAlignment="1">
      <alignment horizontal="center" vertical="center"/>
    </xf>
    <xf numFmtId="0" fontId="0" fillId="0" borderId="40" xfId="0" applyFont="1" applyBorder="1" applyAlignment="1">
      <alignment horizontal="center" vertical="center"/>
    </xf>
    <xf numFmtId="0" fontId="0" fillId="0" borderId="30" xfId="0" applyFont="1" applyBorder="1" applyAlignment="1">
      <alignment horizontal="center" vertical="center"/>
    </xf>
    <xf numFmtId="0" fontId="0" fillId="0" borderId="94" xfId="0" applyFont="1" applyBorder="1" applyAlignment="1">
      <alignment horizontal="center" vertical="center"/>
    </xf>
    <xf numFmtId="0" fontId="0" fillId="0" borderId="84" xfId="0" applyFont="1" applyBorder="1" applyAlignment="1">
      <alignment horizontal="center" vertical="center"/>
    </xf>
    <xf numFmtId="0" fontId="0" fillId="0" borderId="31" xfId="0" applyFont="1" applyBorder="1" applyAlignment="1">
      <alignment horizontal="center" vertical="center"/>
    </xf>
    <xf numFmtId="0" fontId="0" fillId="0" borderId="32" xfId="0" applyFont="1" applyBorder="1" applyAlignment="1">
      <alignment horizontal="center" vertical="center"/>
    </xf>
    <xf numFmtId="0" fontId="0" fillId="0" borderId="19" xfId="0" applyFont="1" applyBorder="1" applyAlignment="1">
      <alignment horizontal="center" vertical="center"/>
    </xf>
    <xf numFmtId="0" fontId="0" fillId="0" borderId="77" xfId="0" applyFont="1" applyBorder="1" applyAlignment="1">
      <alignment vertical="top"/>
    </xf>
    <xf numFmtId="0" fontId="0" fillId="0" borderId="0" xfId="0" applyFont="1" applyBorder="1" applyAlignment="1">
      <alignment vertical="top"/>
    </xf>
    <xf numFmtId="0" fontId="0" fillId="0" borderId="57" xfId="0" applyFont="1" applyBorder="1" applyAlignment="1">
      <alignment vertical="top"/>
    </xf>
    <xf numFmtId="0" fontId="0" fillId="0" borderId="16" xfId="0" applyFont="1" applyBorder="1" applyAlignment="1">
      <alignment vertical="center"/>
    </xf>
    <xf numFmtId="0" fontId="0" fillId="0" borderId="2" xfId="0" applyFont="1" applyBorder="1" applyAlignment="1">
      <alignment vertical="center"/>
    </xf>
    <xf numFmtId="0" fontId="0" fillId="0" borderId="80" xfId="0" applyFont="1" applyBorder="1" applyAlignment="1">
      <alignment vertical="center"/>
    </xf>
    <xf numFmtId="0" fontId="0" fillId="0" borderId="34" xfId="0" applyFont="1" applyBorder="1" applyAlignment="1">
      <alignment horizontal="center" vertical="center"/>
    </xf>
    <xf numFmtId="0" fontId="0" fillId="0" borderId="35" xfId="0" applyFont="1" applyBorder="1" applyAlignment="1">
      <alignment horizontal="center" vertical="center"/>
    </xf>
    <xf numFmtId="0" fontId="0" fillId="0" borderId="7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41" xfId="0" applyFont="1" applyBorder="1" applyAlignment="1">
      <alignment horizontal="center" vertical="center"/>
    </xf>
    <xf numFmtId="0" fontId="0" fillId="0" borderId="72" xfId="0" applyFont="1" applyBorder="1" applyAlignment="1">
      <alignment horizontal="center" vertical="center"/>
    </xf>
    <xf numFmtId="0" fontId="0" fillId="0" borderId="7" xfId="0" applyFont="1" applyBorder="1" applyAlignment="1">
      <alignment horizontal="center" vertical="center"/>
    </xf>
    <xf numFmtId="0" fontId="0" fillId="0" borderId="48" xfId="0" applyFont="1" applyBorder="1" applyAlignment="1">
      <alignment horizontal="center" vertical="center"/>
    </xf>
    <xf numFmtId="182" fontId="0" fillId="0" borderId="0" xfId="0" applyNumberFormat="1" applyFont="1" applyBorder="1" applyAlignment="1">
      <alignment horizontal="left" vertical="center"/>
    </xf>
    <xf numFmtId="0" fontId="0" fillId="0" borderId="97" xfId="0" applyFont="1" applyBorder="1" applyAlignment="1">
      <alignment horizontal="center" vertical="center"/>
    </xf>
    <xf numFmtId="0" fontId="0" fillId="0" borderId="98" xfId="0" applyFont="1" applyBorder="1" applyAlignment="1">
      <alignment horizontal="center" vertical="center"/>
    </xf>
    <xf numFmtId="0" fontId="0" fillId="0" borderId="99" xfId="0" applyFont="1" applyBorder="1" applyAlignment="1">
      <alignment horizontal="center" vertical="center"/>
    </xf>
    <xf numFmtId="0" fontId="0" fillId="0" borderId="27" xfId="0" applyFont="1" applyBorder="1" applyAlignment="1">
      <alignment horizontal="center" vertical="center"/>
    </xf>
    <xf numFmtId="0" fontId="0" fillId="0" borderId="14" xfId="0" applyFont="1" applyBorder="1" applyAlignment="1">
      <alignment horizontal="center" vertical="center"/>
    </xf>
    <xf numFmtId="0" fontId="0" fillId="0" borderId="100" xfId="0" applyFont="1"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18" t="s">
        <v>0</v>
      </c>
      <c r="F1" s="418"/>
      <c r="G1" s="418"/>
      <c r="H1" s="418"/>
      <c r="I1" s="2"/>
      <c r="J1" s="2"/>
      <c r="K1" s="2"/>
      <c r="L1" s="2"/>
    </row>
    <row r="2" spans="1:13" ht="24" customHeight="1" x14ac:dyDescent="0.2">
      <c r="A2" s="2"/>
      <c r="B2" s="2"/>
      <c r="C2" s="2"/>
      <c r="D2" s="2"/>
      <c r="E2" s="2"/>
      <c r="F2" s="41">
        <v>6</v>
      </c>
      <c r="G2" s="16">
        <v>6</v>
      </c>
      <c r="H2" s="2"/>
      <c r="I2" s="2"/>
      <c r="J2" s="2"/>
      <c r="K2" s="2"/>
      <c r="L2" s="2"/>
      <c r="M2" s="2"/>
    </row>
    <row r="3" spans="1:13" ht="24" customHeight="1" x14ac:dyDescent="0.2"/>
    <row r="4" spans="1:13" ht="20.25" customHeight="1" x14ac:dyDescent="0.2">
      <c r="D4" s="3"/>
      <c r="E4" s="4" t="s">
        <v>1</v>
      </c>
      <c r="F4" s="3"/>
      <c r="H4" s="23">
        <f>G2</f>
        <v>6</v>
      </c>
    </row>
    <row r="5" spans="1:13" ht="10.5" customHeight="1" thickBot="1" x14ac:dyDescent="0.25">
      <c r="E5" s="5"/>
    </row>
    <row r="6" spans="1:13" ht="21" customHeight="1" x14ac:dyDescent="0.2">
      <c r="E6" s="38"/>
      <c r="F6" s="419" t="s">
        <v>2</v>
      </c>
      <c r="G6" s="420"/>
      <c r="H6" s="420"/>
      <c r="I6" s="421"/>
    </row>
    <row r="7" spans="1:13" ht="21" customHeight="1" x14ac:dyDescent="0.2">
      <c r="E7" s="6"/>
      <c r="F7" s="7"/>
      <c r="G7" s="8" t="s">
        <v>3</v>
      </c>
      <c r="H7" s="39" t="s">
        <v>147</v>
      </c>
      <c r="I7" s="40" t="s">
        <v>146</v>
      </c>
    </row>
    <row r="8" spans="1:13" ht="21" customHeight="1" x14ac:dyDescent="0.2">
      <c r="E8" s="65" t="s">
        <v>4</v>
      </c>
      <c r="F8" s="43">
        <v>2354623</v>
      </c>
      <c r="G8" s="43">
        <v>995805</v>
      </c>
      <c r="H8" s="43">
        <v>944596</v>
      </c>
      <c r="I8" s="44">
        <v>414222</v>
      </c>
    </row>
    <row r="9" spans="1:13" ht="21" customHeight="1" x14ac:dyDescent="0.2">
      <c r="E9" s="66" t="s">
        <v>5</v>
      </c>
      <c r="F9" s="45">
        <v>940526</v>
      </c>
      <c r="G9" s="45">
        <v>397677</v>
      </c>
      <c r="H9" s="45">
        <v>371628</v>
      </c>
      <c r="I9" s="46">
        <v>171221</v>
      </c>
    </row>
    <row r="10" spans="1:13" ht="21" customHeight="1" x14ac:dyDescent="0.2">
      <c r="E10" s="66" t="s">
        <v>6</v>
      </c>
      <c r="F10" s="45">
        <v>310489</v>
      </c>
      <c r="G10" s="45">
        <v>138151</v>
      </c>
      <c r="H10" s="45">
        <v>118475</v>
      </c>
      <c r="I10" s="46">
        <v>53863</v>
      </c>
    </row>
    <row r="11" spans="1:13" ht="21" customHeight="1" x14ac:dyDescent="0.2">
      <c r="E11" s="66" t="s">
        <v>14</v>
      </c>
      <c r="F11" s="45">
        <v>189191</v>
      </c>
      <c r="G11" s="45">
        <v>80569</v>
      </c>
      <c r="H11" s="45">
        <v>78373</v>
      </c>
      <c r="I11" s="46">
        <v>30249</v>
      </c>
    </row>
    <row r="12" spans="1:13" ht="21" customHeight="1" x14ac:dyDescent="0.2">
      <c r="E12" s="66" t="s">
        <v>7</v>
      </c>
      <c r="F12" s="45">
        <v>124874</v>
      </c>
      <c r="G12" s="45">
        <v>49700</v>
      </c>
      <c r="H12" s="45">
        <v>52126</v>
      </c>
      <c r="I12" s="46">
        <v>23048</v>
      </c>
    </row>
    <row r="13" spans="1:13" ht="21" customHeight="1" x14ac:dyDescent="0.2">
      <c r="E13" s="66" t="s">
        <v>8</v>
      </c>
      <c r="F13" s="45">
        <v>73927</v>
      </c>
      <c r="G13" s="45">
        <v>31739</v>
      </c>
      <c r="H13" s="45">
        <v>30021</v>
      </c>
      <c r="I13" s="46">
        <v>12167</v>
      </c>
    </row>
    <row r="14" spans="1:13" ht="21" customHeight="1" x14ac:dyDescent="0.2">
      <c r="E14" s="66" t="s">
        <v>9</v>
      </c>
      <c r="F14" s="45">
        <v>53368</v>
      </c>
      <c r="G14" s="45">
        <v>19698</v>
      </c>
      <c r="H14" s="45">
        <v>21696</v>
      </c>
      <c r="I14" s="46">
        <v>11974</v>
      </c>
    </row>
    <row r="15" spans="1:13" ht="21" customHeight="1" x14ac:dyDescent="0.2">
      <c r="E15" s="66" t="s">
        <v>10</v>
      </c>
      <c r="F15" s="45">
        <v>109059</v>
      </c>
      <c r="G15" s="45">
        <v>45056</v>
      </c>
      <c r="H15" s="45">
        <v>44115</v>
      </c>
      <c r="I15" s="46">
        <v>19888</v>
      </c>
    </row>
    <row r="16" spans="1:13" ht="21" customHeight="1" x14ac:dyDescent="0.2">
      <c r="E16" s="66" t="s">
        <v>11</v>
      </c>
      <c r="F16" s="45">
        <v>57652</v>
      </c>
      <c r="G16" s="45">
        <v>24594</v>
      </c>
      <c r="H16" s="45">
        <v>22754</v>
      </c>
      <c r="I16" s="46">
        <v>10304</v>
      </c>
    </row>
    <row r="17" spans="5:13" ht="21" customHeight="1" x14ac:dyDescent="0.2">
      <c r="E17" s="66" t="s">
        <v>12</v>
      </c>
      <c r="F17" s="45">
        <v>66184</v>
      </c>
      <c r="G17" s="45">
        <v>27273</v>
      </c>
      <c r="H17" s="45">
        <v>26790</v>
      </c>
      <c r="I17" s="46">
        <v>12121</v>
      </c>
    </row>
    <row r="18" spans="5:13" ht="21" customHeight="1" x14ac:dyDescent="0.2">
      <c r="E18" s="66" t="s">
        <v>13</v>
      </c>
      <c r="F18" s="45">
        <v>18463</v>
      </c>
      <c r="G18" s="45">
        <v>6804</v>
      </c>
      <c r="H18" s="45">
        <v>7562</v>
      </c>
      <c r="I18" s="46">
        <v>4097</v>
      </c>
      <c r="M18" s="1" t="s">
        <v>87</v>
      </c>
    </row>
    <row r="19" spans="5:13" ht="21" customHeight="1" x14ac:dyDescent="0.2">
      <c r="E19" s="66" t="s">
        <v>15</v>
      </c>
      <c r="F19" s="45">
        <v>15933</v>
      </c>
      <c r="G19" s="45">
        <v>6701</v>
      </c>
      <c r="H19" s="45">
        <v>6367</v>
      </c>
      <c r="I19" s="46">
        <v>2865</v>
      </c>
    </row>
    <row r="20" spans="5:13" ht="21" customHeight="1" x14ac:dyDescent="0.2">
      <c r="E20" s="66" t="s">
        <v>16</v>
      </c>
      <c r="F20" s="45">
        <v>49727</v>
      </c>
      <c r="G20" s="45">
        <v>21901</v>
      </c>
      <c r="H20" s="45">
        <v>20550</v>
      </c>
      <c r="I20" s="46">
        <v>7276</v>
      </c>
    </row>
    <row r="21" spans="5:13" ht="21" customHeight="1" x14ac:dyDescent="0.2">
      <c r="E21" s="66" t="s">
        <v>17</v>
      </c>
      <c r="F21" s="45">
        <v>59066</v>
      </c>
      <c r="G21" s="45">
        <v>25824</v>
      </c>
      <c r="H21" s="45">
        <v>24649</v>
      </c>
      <c r="I21" s="46">
        <v>8593</v>
      </c>
    </row>
    <row r="22" spans="5:13" ht="21" customHeight="1" x14ac:dyDescent="0.2">
      <c r="E22" s="66" t="s">
        <v>18</v>
      </c>
      <c r="F22" s="45">
        <v>58535</v>
      </c>
      <c r="G22" s="45">
        <v>24826</v>
      </c>
      <c r="H22" s="45">
        <v>24305</v>
      </c>
      <c r="I22" s="46">
        <v>9404</v>
      </c>
    </row>
    <row r="23" spans="5:13" ht="21" customHeight="1" x14ac:dyDescent="0.2">
      <c r="E23" s="66" t="s">
        <v>19</v>
      </c>
      <c r="F23" s="45">
        <v>26722</v>
      </c>
      <c r="G23" s="45">
        <v>11337</v>
      </c>
      <c r="H23" s="45">
        <v>11101</v>
      </c>
      <c r="I23" s="46">
        <v>4284</v>
      </c>
    </row>
    <row r="24" spans="5:13" ht="21" customHeight="1" x14ac:dyDescent="0.2">
      <c r="E24" s="66" t="s">
        <v>20</v>
      </c>
      <c r="F24" s="45">
        <v>34368</v>
      </c>
      <c r="G24" s="45">
        <v>14828</v>
      </c>
      <c r="H24" s="45">
        <v>14364</v>
      </c>
      <c r="I24" s="46">
        <v>5176</v>
      </c>
    </row>
    <row r="25" spans="5:13" ht="21" customHeight="1" x14ac:dyDescent="0.2">
      <c r="E25" s="66" t="s">
        <v>21</v>
      </c>
      <c r="F25" s="45">
        <v>34585</v>
      </c>
      <c r="G25" s="45">
        <v>14879</v>
      </c>
      <c r="H25" s="45">
        <v>14309</v>
      </c>
      <c r="I25" s="46">
        <v>5397</v>
      </c>
    </row>
    <row r="26" spans="5:13" ht="21" customHeight="1" x14ac:dyDescent="0.2">
      <c r="E26" s="66" t="s">
        <v>22</v>
      </c>
      <c r="F26" s="45">
        <v>13631</v>
      </c>
      <c r="G26" s="45">
        <v>5503</v>
      </c>
      <c r="H26" s="45">
        <v>5672</v>
      </c>
      <c r="I26" s="46">
        <v>2456</v>
      </c>
    </row>
    <row r="27" spans="5:13" ht="21" customHeight="1" x14ac:dyDescent="0.2">
      <c r="E27" s="66" t="s">
        <v>23</v>
      </c>
      <c r="F27" s="45">
        <v>22649</v>
      </c>
      <c r="G27" s="45">
        <v>8950</v>
      </c>
      <c r="H27" s="45">
        <v>10223</v>
      </c>
      <c r="I27" s="46">
        <v>3476</v>
      </c>
    </row>
    <row r="28" spans="5:13" ht="21" customHeight="1" x14ac:dyDescent="0.2">
      <c r="E28" s="66" t="s">
        <v>24</v>
      </c>
      <c r="F28" s="45">
        <v>10094</v>
      </c>
      <c r="G28" s="45">
        <v>3672</v>
      </c>
      <c r="H28" s="45">
        <v>4301</v>
      </c>
      <c r="I28" s="46">
        <v>2121</v>
      </c>
    </row>
    <row r="29" spans="5:13" ht="21" customHeight="1" x14ac:dyDescent="0.2">
      <c r="E29" s="66" t="s">
        <v>25</v>
      </c>
      <c r="F29" s="45">
        <v>13536</v>
      </c>
      <c r="G29" s="45">
        <v>5972</v>
      </c>
      <c r="H29" s="45">
        <v>5594</v>
      </c>
      <c r="I29" s="46">
        <v>1970</v>
      </c>
    </row>
    <row r="30" spans="5:13" ht="21" customHeight="1" x14ac:dyDescent="0.2">
      <c r="E30" s="66" t="s">
        <v>26</v>
      </c>
      <c r="F30" s="45">
        <v>11092</v>
      </c>
      <c r="G30" s="45">
        <v>4407</v>
      </c>
      <c r="H30" s="45">
        <v>4714</v>
      </c>
      <c r="I30" s="46">
        <v>1971</v>
      </c>
    </row>
    <row r="31" spans="5:13" ht="21" customHeight="1" x14ac:dyDescent="0.2">
      <c r="E31" s="66" t="s">
        <v>27</v>
      </c>
      <c r="F31" s="45">
        <v>9843</v>
      </c>
      <c r="G31" s="45">
        <v>3767</v>
      </c>
      <c r="H31" s="45">
        <v>4126</v>
      </c>
      <c r="I31" s="46">
        <v>1950</v>
      </c>
    </row>
    <row r="32" spans="5:13" ht="21" customHeight="1" x14ac:dyDescent="0.2">
      <c r="E32" s="66" t="s">
        <v>28</v>
      </c>
      <c r="F32" s="45">
        <v>3218</v>
      </c>
      <c r="G32" s="45">
        <v>1404</v>
      </c>
      <c r="H32" s="45">
        <v>1348</v>
      </c>
      <c r="I32" s="46">
        <v>466</v>
      </c>
    </row>
    <row r="33" spans="5:9" ht="21" customHeight="1" x14ac:dyDescent="0.2">
      <c r="E33" s="66" t="s">
        <v>29</v>
      </c>
      <c r="F33" s="45">
        <v>5017</v>
      </c>
      <c r="G33" s="45">
        <v>2121</v>
      </c>
      <c r="H33" s="45">
        <v>2128</v>
      </c>
      <c r="I33" s="46">
        <v>768</v>
      </c>
    </row>
    <row r="34" spans="5:9" ht="21" customHeight="1" x14ac:dyDescent="0.2">
      <c r="E34" s="66" t="s">
        <v>30</v>
      </c>
      <c r="F34" s="45">
        <v>3724</v>
      </c>
      <c r="G34" s="45">
        <v>1522</v>
      </c>
      <c r="H34" s="45">
        <v>1479</v>
      </c>
      <c r="I34" s="46">
        <v>723</v>
      </c>
    </row>
    <row r="35" spans="5:9" ht="21" customHeight="1" x14ac:dyDescent="0.2">
      <c r="E35" s="66" t="s">
        <v>31</v>
      </c>
      <c r="F35" s="45">
        <v>4016</v>
      </c>
      <c r="G35" s="45">
        <v>1804</v>
      </c>
      <c r="H35" s="45">
        <v>1483</v>
      </c>
      <c r="I35" s="46">
        <v>729</v>
      </c>
    </row>
    <row r="36" spans="5:9" ht="21" customHeight="1" x14ac:dyDescent="0.2">
      <c r="E36" s="66" t="s">
        <v>32</v>
      </c>
      <c r="F36" s="45">
        <v>4705</v>
      </c>
      <c r="G36" s="45">
        <v>2010</v>
      </c>
      <c r="H36" s="45">
        <v>1896</v>
      </c>
      <c r="I36" s="46">
        <v>799</v>
      </c>
    </row>
    <row r="37" spans="5:9" ht="21" customHeight="1" x14ac:dyDescent="0.2">
      <c r="E37" s="66" t="s">
        <v>33</v>
      </c>
      <c r="F37" s="45">
        <v>4108</v>
      </c>
      <c r="G37" s="45">
        <v>1727</v>
      </c>
      <c r="H37" s="45">
        <v>1664</v>
      </c>
      <c r="I37" s="46">
        <v>717</v>
      </c>
    </row>
    <row r="38" spans="5:9" ht="21" customHeight="1" x14ac:dyDescent="0.2">
      <c r="E38" s="66" t="s">
        <v>34</v>
      </c>
      <c r="F38" s="45">
        <v>3015</v>
      </c>
      <c r="G38" s="45">
        <v>1231</v>
      </c>
      <c r="H38" s="45">
        <v>1235</v>
      </c>
      <c r="I38" s="46">
        <v>549</v>
      </c>
    </row>
    <row r="39" spans="5:9" ht="21" customHeight="1" x14ac:dyDescent="0.2">
      <c r="E39" s="66" t="s">
        <v>35</v>
      </c>
      <c r="F39" s="45">
        <v>9811</v>
      </c>
      <c r="G39" s="45">
        <v>3911</v>
      </c>
      <c r="H39" s="45">
        <v>4076</v>
      </c>
      <c r="I39" s="46">
        <v>1824</v>
      </c>
    </row>
    <row r="40" spans="5:9" ht="21" customHeight="1" x14ac:dyDescent="0.2">
      <c r="E40" s="66" t="s">
        <v>36</v>
      </c>
      <c r="F40" s="45">
        <v>12416</v>
      </c>
      <c r="G40" s="45">
        <v>5741</v>
      </c>
      <c r="H40" s="45">
        <v>5057</v>
      </c>
      <c r="I40" s="46">
        <v>1618</v>
      </c>
    </row>
    <row r="41" spans="5:9" ht="21" customHeight="1" thickBot="1" x14ac:dyDescent="0.25">
      <c r="E41" s="67" t="s">
        <v>37</v>
      </c>
      <c r="F41" s="47">
        <v>1079</v>
      </c>
      <c r="G41" s="47">
        <v>506</v>
      </c>
      <c r="H41" s="47">
        <v>415</v>
      </c>
      <c r="I41" s="48">
        <v>158</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6.777343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6</v>
      </c>
      <c r="M1" s="445">
        <f>IF(L1&lt;3,L1+12-2,L1-2)</f>
        <v>4</v>
      </c>
      <c r="N1" s="445"/>
    </row>
    <row r="2" spans="2:112" ht="24" customHeight="1" thickBot="1" x14ac:dyDescent="0.25">
      <c r="B2" s="142" t="s">
        <v>128</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58</v>
      </c>
      <c r="CN3" s="480"/>
      <c r="CO3" s="480"/>
      <c r="CP3" s="480"/>
      <c r="CQ3" s="480"/>
      <c r="CR3" s="480"/>
      <c r="CS3" s="480"/>
      <c r="CT3" s="480"/>
      <c r="CU3" s="480"/>
      <c r="CV3" s="480"/>
      <c r="CW3" s="481"/>
      <c r="CX3" s="479" t="s">
        <v>154</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78" t="s">
        <v>44</v>
      </c>
      <c r="E5" s="179"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4">
        <v>0</v>
      </c>
      <c r="E6" s="185">
        <v>0</v>
      </c>
      <c r="F6" s="186">
        <v>0</v>
      </c>
      <c r="G6" s="184">
        <v>12703</v>
      </c>
      <c r="H6" s="184">
        <v>18940</v>
      </c>
      <c r="I6" s="184">
        <v>20483</v>
      </c>
      <c r="J6" s="184">
        <v>23506</v>
      </c>
      <c r="K6" s="184">
        <v>20702</v>
      </c>
      <c r="L6" s="187">
        <v>96334</v>
      </c>
      <c r="M6" s="188">
        <v>96334</v>
      </c>
      <c r="N6" s="183">
        <v>0</v>
      </c>
      <c r="O6" s="184">
        <v>2</v>
      </c>
      <c r="P6" s="189">
        <v>2</v>
      </c>
      <c r="Q6" s="186">
        <v>0</v>
      </c>
      <c r="R6" s="184">
        <v>5</v>
      </c>
      <c r="S6" s="184">
        <v>120</v>
      </c>
      <c r="T6" s="184">
        <v>246</v>
      </c>
      <c r="U6" s="184">
        <v>581</v>
      </c>
      <c r="V6" s="184">
        <v>965</v>
      </c>
      <c r="W6" s="189">
        <v>1917</v>
      </c>
      <c r="X6" s="188">
        <v>1919</v>
      </c>
      <c r="Y6" s="183">
        <v>1167</v>
      </c>
      <c r="Z6" s="184">
        <v>3269</v>
      </c>
      <c r="AA6" s="189">
        <v>4436</v>
      </c>
      <c r="AB6" s="186">
        <v>0</v>
      </c>
      <c r="AC6" s="184">
        <v>8618</v>
      </c>
      <c r="AD6" s="184">
        <v>14056</v>
      </c>
      <c r="AE6" s="184">
        <v>8550</v>
      </c>
      <c r="AF6" s="184">
        <v>6929</v>
      </c>
      <c r="AG6" s="184">
        <v>4446</v>
      </c>
      <c r="AH6" s="189">
        <v>42599</v>
      </c>
      <c r="AI6" s="188">
        <v>47035</v>
      </c>
      <c r="AJ6" s="183">
        <v>243</v>
      </c>
      <c r="AK6" s="184">
        <v>555</v>
      </c>
      <c r="AL6" s="189">
        <v>798</v>
      </c>
      <c r="AM6" s="186">
        <v>0</v>
      </c>
      <c r="AN6" s="184">
        <v>1242</v>
      </c>
      <c r="AO6" s="184">
        <v>1305</v>
      </c>
      <c r="AP6" s="184">
        <v>1028</v>
      </c>
      <c r="AQ6" s="184">
        <v>953</v>
      </c>
      <c r="AR6" s="184">
        <v>451</v>
      </c>
      <c r="AS6" s="189">
        <v>4979</v>
      </c>
      <c r="AT6" s="188">
        <v>5777</v>
      </c>
      <c r="AU6" s="183">
        <v>0</v>
      </c>
      <c r="AV6" s="184">
        <v>0</v>
      </c>
      <c r="AW6" s="189">
        <v>0</v>
      </c>
      <c r="AX6" s="186">
        <v>0</v>
      </c>
      <c r="AY6" s="184">
        <v>12836</v>
      </c>
      <c r="AZ6" s="184">
        <v>11805</v>
      </c>
      <c r="BA6" s="184">
        <v>7103</v>
      </c>
      <c r="BB6" s="184">
        <v>3439</v>
      </c>
      <c r="BC6" s="184">
        <v>1182</v>
      </c>
      <c r="BD6" s="187">
        <v>36365</v>
      </c>
      <c r="BE6" s="188">
        <v>36365</v>
      </c>
      <c r="BF6" s="183">
        <v>0</v>
      </c>
      <c r="BG6" s="184">
        <v>0</v>
      </c>
      <c r="BH6" s="189">
        <v>0</v>
      </c>
      <c r="BI6" s="186">
        <v>0</v>
      </c>
      <c r="BJ6" s="184">
        <v>2721</v>
      </c>
      <c r="BK6" s="184">
        <v>3790</v>
      </c>
      <c r="BL6" s="184">
        <v>2370</v>
      </c>
      <c r="BM6" s="184">
        <v>1294</v>
      </c>
      <c r="BN6" s="184">
        <v>308</v>
      </c>
      <c r="BO6" s="189">
        <v>10483</v>
      </c>
      <c r="BP6" s="188">
        <v>10483</v>
      </c>
      <c r="BQ6" s="183">
        <v>16</v>
      </c>
      <c r="BR6" s="184">
        <v>82</v>
      </c>
      <c r="BS6" s="189">
        <v>98</v>
      </c>
      <c r="BT6" s="186">
        <v>0</v>
      </c>
      <c r="BU6" s="184">
        <v>1152</v>
      </c>
      <c r="BV6" s="184">
        <v>1977</v>
      </c>
      <c r="BW6" s="184">
        <v>3040</v>
      </c>
      <c r="BX6" s="184">
        <v>2306</v>
      </c>
      <c r="BY6" s="184">
        <v>795</v>
      </c>
      <c r="BZ6" s="189">
        <v>9270</v>
      </c>
      <c r="CA6" s="188">
        <v>9368</v>
      </c>
      <c r="CB6" s="183">
        <v>0</v>
      </c>
      <c r="CC6" s="184">
        <v>8</v>
      </c>
      <c r="CD6" s="189">
        <v>8</v>
      </c>
      <c r="CE6" s="186">
        <v>0</v>
      </c>
      <c r="CF6" s="184">
        <v>118</v>
      </c>
      <c r="CG6" s="184">
        <v>222</v>
      </c>
      <c r="CH6" s="184">
        <v>519</v>
      </c>
      <c r="CI6" s="184">
        <v>290</v>
      </c>
      <c r="CJ6" s="184">
        <v>109</v>
      </c>
      <c r="CK6" s="189">
        <v>1258</v>
      </c>
      <c r="CL6" s="188">
        <v>1266</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4881</v>
      </c>
      <c r="H7" s="191">
        <v>8478</v>
      </c>
      <c r="I7" s="191">
        <v>8734</v>
      </c>
      <c r="J7" s="191">
        <v>9683</v>
      </c>
      <c r="K7" s="191">
        <v>8968</v>
      </c>
      <c r="L7" s="194">
        <v>40744</v>
      </c>
      <c r="M7" s="195">
        <v>40744</v>
      </c>
      <c r="N7" s="190">
        <v>0</v>
      </c>
      <c r="O7" s="191">
        <v>2</v>
      </c>
      <c r="P7" s="196">
        <v>2</v>
      </c>
      <c r="Q7" s="193">
        <v>0</v>
      </c>
      <c r="R7" s="191">
        <v>1</v>
      </c>
      <c r="S7" s="191">
        <v>51</v>
      </c>
      <c r="T7" s="191">
        <v>106</v>
      </c>
      <c r="U7" s="191">
        <v>260</v>
      </c>
      <c r="V7" s="191">
        <v>470</v>
      </c>
      <c r="W7" s="196">
        <v>888</v>
      </c>
      <c r="X7" s="195">
        <v>890</v>
      </c>
      <c r="Y7" s="190">
        <v>564</v>
      </c>
      <c r="Z7" s="191">
        <v>2023</v>
      </c>
      <c r="AA7" s="196">
        <v>2587</v>
      </c>
      <c r="AB7" s="193">
        <v>0</v>
      </c>
      <c r="AC7" s="191">
        <v>3413</v>
      </c>
      <c r="AD7" s="191">
        <v>7992</v>
      </c>
      <c r="AE7" s="191">
        <v>4815</v>
      </c>
      <c r="AF7" s="191">
        <v>3633</v>
      </c>
      <c r="AG7" s="191">
        <v>1930</v>
      </c>
      <c r="AH7" s="196">
        <v>21783</v>
      </c>
      <c r="AI7" s="195">
        <v>24370</v>
      </c>
      <c r="AJ7" s="190">
        <v>72</v>
      </c>
      <c r="AK7" s="191">
        <v>285</v>
      </c>
      <c r="AL7" s="196">
        <v>357</v>
      </c>
      <c r="AM7" s="193">
        <v>0</v>
      </c>
      <c r="AN7" s="191">
        <v>366</v>
      </c>
      <c r="AO7" s="191">
        <v>516</v>
      </c>
      <c r="AP7" s="191">
        <v>415</v>
      </c>
      <c r="AQ7" s="191">
        <v>334</v>
      </c>
      <c r="AR7" s="191">
        <v>139</v>
      </c>
      <c r="AS7" s="196">
        <v>1770</v>
      </c>
      <c r="AT7" s="195">
        <v>2127</v>
      </c>
      <c r="AU7" s="190">
        <v>0</v>
      </c>
      <c r="AV7" s="191">
        <v>0</v>
      </c>
      <c r="AW7" s="196">
        <v>0</v>
      </c>
      <c r="AX7" s="193">
        <v>0</v>
      </c>
      <c r="AY7" s="191">
        <v>4292</v>
      </c>
      <c r="AZ7" s="191">
        <v>4732</v>
      </c>
      <c r="BA7" s="191">
        <v>2743</v>
      </c>
      <c r="BB7" s="191">
        <v>1374</v>
      </c>
      <c r="BC7" s="191">
        <v>619</v>
      </c>
      <c r="BD7" s="194">
        <v>13760</v>
      </c>
      <c r="BE7" s="195">
        <v>13760</v>
      </c>
      <c r="BF7" s="190">
        <v>0</v>
      </c>
      <c r="BG7" s="191">
        <v>0</v>
      </c>
      <c r="BH7" s="196">
        <v>0</v>
      </c>
      <c r="BI7" s="193">
        <v>0</v>
      </c>
      <c r="BJ7" s="191">
        <v>942</v>
      </c>
      <c r="BK7" s="191">
        <v>1805</v>
      </c>
      <c r="BL7" s="191">
        <v>1097</v>
      </c>
      <c r="BM7" s="191">
        <v>652</v>
      </c>
      <c r="BN7" s="191">
        <v>112</v>
      </c>
      <c r="BO7" s="196">
        <v>4608</v>
      </c>
      <c r="BP7" s="195">
        <v>4608</v>
      </c>
      <c r="BQ7" s="190">
        <v>2</v>
      </c>
      <c r="BR7" s="191">
        <v>51</v>
      </c>
      <c r="BS7" s="196">
        <v>53</v>
      </c>
      <c r="BT7" s="193">
        <v>0</v>
      </c>
      <c r="BU7" s="191">
        <v>448</v>
      </c>
      <c r="BV7" s="191">
        <v>644</v>
      </c>
      <c r="BW7" s="191">
        <v>1256</v>
      </c>
      <c r="BX7" s="191">
        <v>909</v>
      </c>
      <c r="BY7" s="191">
        <v>319</v>
      </c>
      <c r="BZ7" s="196">
        <v>3576</v>
      </c>
      <c r="CA7" s="195">
        <v>3629</v>
      </c>
      <c r="CB7" s="190">
        <v>0</v>
      </c>
      <c r="CC7" s="191">
        <v>5</v>
      </c>
      <c r="CD7" s="196">
        <v>5</v>
      </c>
      <c r="CE7" s="193">
        <v>0</v>
      </c>
      <c r="CF7" s="191">
        <v>36</v>
      </c>
      <c r="CG7" s="191">
        <v>128</v>
      </c>
      <c r="CH7" s="191">
        <v>319</v>
      </c>
      <c r="CI7" s="191">
        <v>211</v>
      </c>
      <c r="CJ7" s="191">
        <v>93</v>
      </c>
      <c r="CK7" s="196">
        <v>787</v>
      </c>
      <c r="CL7" s="195">
        <v>792</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1899</v>
      </c>
      <c r="H8" s="191">
        <v>2174</v>
      </c>
      <c r="I8" s="191">
        <v>1984</v>
      </c>
      <c r="J8" s="191">
        <v>2124</v>
      </c>
      <c r="K8" s="191">
        <v>2668</v>
      </c>
      <c r="L8" s="194">
        <v>10849</v>
      </c>
      <c r="M8" s="195">
        <v>10849</v>
      </c>
      <c r="N8" s="190">
        <v>0</v>
      </c>
      <c r="O8" s="191">
        <v>0</v>
      </c>
      <c r="P8" s="196">
        <v>0</v>
      </c>
      <c r="Q8" s="193">
        <v>0</v>
      </c>
      <c r="R8" s="191">
        <v>0</v>
      </c>
      <c r="S8" s="191">
        <v>8</v>
      </c>
      <c r="T8" s="191">
        <v>17</v>
      </c>
      <c r="U8" s="191">
        <v>37</v>
      </c>
      <c r="V8" s="191">
        <v>99</v>
      </c>
      <c r="W8" s="196">
        <v>161</v>
      </c>
      <c r="X8" s="195">
        <v>161</v>
      </c>
      <c r="Y8" s="190">
        <v>111</v>
      </c>
      <c r="Z8" s="191">
        <v>418</v>
      </c>
      <c r="AA8" s="196">
        <v>529</v>
      </c>
      <c r="AB8" s="193">
        <v>0</v>
      </c>
      <c r="AC8" s="191">
        <v>1540</v>
      </c>
      <c r="AD8" s="191">
        <v>2038</v>
      </c>
      <c r="AE8" s="191">
        <v>816</v>
      </c>
      <c r="AF8" s="191">
        <v>862</v>
      </c>
      <c r="AG8" s="191">
        <v>647</v>
      </c>
      <c r="AH8" s="196">
        <v>5903</v>
      </c>
      <c r="AI8" s="195">
        <v>6432</v>
      </c>
      <c r="AJ8" s="190">
        <v>16</v>
      </c>
      <c r="AK8" s="191">
        <v>41</v>
      </c>
      <c r="AL8" s="196">
        <v>57</v>
      </c>
      <c r="AM8" s="193">
        <v>0</v>
      </c>
      <c r="AN8" s="191">
        <v>293</v>
      </c>
      <c r="AO8" s="191">
        <v>206</v>
      </c>
      <c r="AP8" s="191">
        <v>141</v>
      </c>
      <c r="AQ8" s="191">
        <v>111</v>
      </c>
      <c r="AR8" s="191">
        <v>86</v>
      </c>
      <c r="AS8" s="196">
        <v>837</v>
      </c>
      <c r="AT8" s="195">
        <v>894</v>
      </c>
      <c r="AU8" s="190">
        <v>0</v>
      </c>
      <c r="AV8" s="191">
        <v>0</v>
      </c>
      <c r="AW8" s="196">
        <v>0</v>
      </c>
      <c r="AX8" s="193">
        <v>0</v>
      </c>
      <c r="AY8" s="191">
        <v>1729</v>
      </c>
      <c r="AZ8" s="191">
        <v>1811</v>
      </c>
      <c r="BA8" s="191">
        <v>793</v>
      </c>
      <c r="BB8" s="191">
        <v>379</v>
      </c>
      <c r="BC8" s="191">
        <v>163</v>
      </c>
      <c r="BD8" s="194">
        <v>4875</v>
      </c>
      <c r="BE8" s="195">
        <v>4875</v>
      </c>
      <c r="BF8" s="190">
        <v>0</v>
      </c>
      <c r="BG8" s="191">
        <v>0</v>
      </c>
      <c r="BH8" s="196">
        <v>0</v>
      </c>
      <c r="BI8" s="193">
        <v>0</v>
      </c>
      <c r="BJ8" s="191">
        <v>318</v>
      </c>
      <c r="BK8" s="191">
        <v>423</v>
      </c>
      <c r="BL8" s="191">
        <v>253</v>
      </c>
      <c r="BM8" s="191">
        <v>149</v>
      </c>
      <c r="BN8" s="191">
        <v>46</v>
      </c>
      <c r="BO8" s="196">
        <v>1189</v>
      </c>
      <c r="BP8" s="195">
        <v>1189</v>
      </c>
      <c r="BQ8" s="190">
        <v>0</v>
      </c>
      <c r="BR8" s="191">
        <v>8</v>
      </c>
      <c r="BS8" s="196">
        <v>8</v>
      </c>
      <c r="BT8" s="193">
        <v>0</v>
      </c>
      <c r="BU8" s="191">
        <v>86</v>
      </c>
      <c r="BV8" s="191">
        <v>189</v>
      </c>
      <c r="BW8" s="191">
        <v>215</v>
      </c>
      <c r="BX8" s="191">
        <v>186</v>
      </c>
      <c r="BY8" s="191">
        <v>60</v>
      </c>
      <c r="BZ8" s="196">
        <v>736</v>
      </c>
      <c r="CA8" s="195">
        <v>744</v>
      </c>
      <c r="CB8" s="190">
        <v>0</v>
      </c>
      <c r="CC8" s="191">
        <v>0</v>
      </c>
      <c r="CD8" s="196">
        <v>0</v>
      </c>
      <c r="CE8" s="193">
        <v>0</v>
      </c>
      <c r="CF8" s="191">
        <v>3</v>
      </c>
      <c r="CG8" s="191">
        <v>26</v>
      </c>
      <c r="CH8" s="191">
        <v>58</v>
      </c>
      <c r="CI8" s="191">
        <v>11</v>
      </c>
      <c r="CJ8" s="191">
        <v>13</v>
      </c>
      <c r="CK8" s="196">
        <v>111</v>
      </c>
      <c r="CL8" s="195">
        <v>111</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634</v>
      </c>
      <c r="H9" s="191">
        <v>1541</v>
      </c>
      <c r="I9" s="191">
        <v>1275</v>
      </c>
      <c r="J9" s="191">
        <v>1984</v>
      </c>
      <c r="K9" s="191">
        <v>1455</v>
      </c>
      <c r="L9" s="194">
        <v>6889</v>
      </c>
      <c r="M9" s="195">
        <v>6889</v>
      </c>
      <c r="N9" s="190">
        <v>0</v>
      </c>
      <c r="O9" s="191">
        <v>0</v>
      </c>
      <c r="P9" s="196">
        <v>0</v>
      </c>
      <c r="Q9" s="193">
        <v>0</v>
      </c>
      <c r="R9" s="191">
        <v>0</v>
      </c>
      <c r="S9" s="191">
        <v>8</v>
      </c>
      <c r="T9" s="191">
        <v>25</v>
      </c>
      <c r="U9" s="191">
        <v>30</v>
      </c>
      <c r="V9" s="191">
        <v>48</v>
      </c>
      <c r="W9" s="196">
        <v>111</v>
      </c>
      <c r="X9" s="195">
        <v>111</v>
      </c>
      <c r="Y9" s="190">
        <v>91</v>
      </c>
      <c r="Z9" s="191">
        <v>194</v>
      </c>
      <c r="AA9" s="196">
        <v>285</v>
      </c>
      <c r="AB9" s="193">
        <v>0</v>
      </c>
      <c r="AC9" s="191">
        <v>371</v>
      </c>
      <c r="AD9" s="191">
        <v>843</v>
      </c>
      <c r="AE9" s="191">
        <v>613</v>
      </c>
      <c r="AF9" s="191">
        <v>457</v>
      </c>
      <c r="AG9" s="191">
        <v>352</v>
      </c>
      <c r="AH9" s="196">
        <v>2636</v>
      </c>
      <c r="AI9" s="195">
        <v>2921</v>
      </c>
      <c r="AJ9" s="190">
        <v>12</v>
      </c>
      <c r="AK9" s="191">
        <v>22</v>
      </c>
      <c r="AL9" s="196">
        <v>34</v>
      </c>
      <c r="AM9" s="193">
        <v>0</v>
      </c>
      <c r="AN9" s="191">
        <v>0</v>
      </c>
      <c r="AO9" s="191">
        <v>30</v>
      </c>
      <c r="AP9" s="191">
        <v>25</v>
      </c>
      <c r="AQ9" s="191">
        <v>78</v>
      </c>
      <c r="AR9" s="191">
        <v>0</v>
      </c>
      <c r="AS9" s="196">
        <v>133</v>
      </c>
      <c r="AT9" s="195">
        <v>167</v>
      </c>
      <c r="AU9" s="190">
        <v>0</v>
      </c>
      <c r="AV9" s="191">
        <v>0</v>
      </c>
      <c r="AW9" s="196">
        <v>0</v>
      </c>
      <c r="AX9" s="193">
        <v>0</v>
      </c>
      <c r="AY9" s="191">
        <v>951</v>
      </c>
      <c r="AZ9" s="191">
        <v>921</v>
      </c>
      <c r="BA9" s="191">
        <v>944</v>
      </c>
      <c r="BB9" s="191">
        <v>388</v>
      </c>
      <c r="BC9" s="191">
        <v>91</v>
      </c>
      <c r="BD9" s="194">
        <v>3295</v>
      </c>
      <c r="BE9" s="195">
        <v>3295</v>
      </c>
      <c r="BF9" s="190">
        <v>0</v>
      </c>
      <c r="BG9" s="191">
        <v>0</v>
      </c>
      <c r="BH9" s="196">
        <v>0</v>
      </c>
      <c r="BI9" s="193">
        <v>0</v>
      </c>
      <c r="BJ9" s="191">
        <v>86</v>
      </c>
      <c r="BK9" s="191">
        <v>218</v>
      </c>
      <c r="BL9" s="191">
        <v>131</v>
      </c>
      <c r="BM9" s="191">
        <v>46</v>
      </c>
      <c r="BN9" s="191">
        <v>4</v>
      </c>
      <c r="BO9" s="196">
        <v>485</v>
      </c>
      <c r="BP9" s="195">
        <v>485</v>
      </c>
      <c r="BQ9" s="190">
        <v>0</v>
      </c>
      <c r="BR9" s="191">
        <v>0</v>
      </c>
      <c r="BS9" s="196">
        <v>0</v>
      </c>
      <c r="BT9" s="193">
        <v>0</v>
      </c>
      <c r="BU9" s="191">
        <v>31</v>
      </c>
      <c r="BV9" s="191">
        <v>148</v>
      </c>
      <c r="BW9" s="191">
        <v>259</v>
      </c>
      <c r="BX9" s="191">
        <v>187</v>
      </c>
      <c r="BY9" s="191">
        <v>32</v>
      </c>
      <c r="BZ9" s="196">
        <v>657</v>
      </c>
      <c r="CA9" s="195">
        <v>657</v>
      </c>
      <c r="CB9" s="190">
        <v>0</v>
      </c>
      <c r="CC9" s="191">
        <v>0</v>
      </c>
      <c r="CD9" s="196">
        <v>0</v>
      </c>
      <c r="CE9" s="193">
        <v>0</v>
      </c>
      <c r="CF9" s="191">
        <v>0</v>
      </c>
      <c r="CG9" s="191">
        <v>4</v>
      </c>
      <c r="CH9" s="191">
        <v>26</v>
      </c>
      <c r="CI9" s="191">
        <v>3</v>
      </c>
      <c r="CJ9" s="191">
        <v>0</v>
      </c>
      <c r="CK9" s="196">
        <v>33</v>
      </c>
      <c r="CL9" s="195">
        <v>33</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028</v>
      </c>
      <c r="H10" s="191">
        <v>1522</v>
      </c>
      <c r="I10" s="191">
        <v>1416</v>
      </c>
      <c r="J10" s="191">
        <v>1660</v>
      </c>
      <c r="K10" s="191">
        <v>1049</v>
      </c>
      <c r="L10" s="194">
        <v>6675</v>
      </c>
      <c r="M10" s="195">
        <v>6675</v>
      </c>
      <c r="N10" s="190">
        <v>0</v>
      </c>
      <c r="O10" s="191">
        <v>0</v>
      </c>
      <c r="P10" s="196">
        <v>0</v>
      </c>
      <c r="Q10" s="193">
        <v>0</v>
      </c>
      <c r="R10" s="191">
        <v>0</v>
      </c>
      <c r="S10" s="191">
        <v>15</v>
      </c>
      <c r="T10" s="191">
        <v>14</v>
      </c>
      <c r="U10" s="191">
        <v>32</v>
      </c>
      <c r="V10" s="191">
        <v>60</v>
      </c>
      <c r="W10" s="196">
        <v>121</v>
      </c>
      <c r="X10" s="195">
        <v>121</v>
      </c>
      <c r="Y10" s="190">
        <v>37</v>
      </c>
      <c r="Z10" s="191">
        <v>17</v>
      </c>
      <c r="AA10" s="196">
        <v>54</v>
      </c>
      <c r="AB10" s="193">
        <v>0</v>
      </c>
      <c r="AC10" s="191">
        <v>461</v>
      </c>
      <c r="AD10" s="191">
        <v>457</v>
      </c>
      <c r="AE10" s="191">
        <v>206</v>
      </c>
      <c r="AF10" s="191">
        <v>243</v>
      </c>
      <c r="AG10" s="191">
        <v>291</v>
      </c>
      <c r="AH10" s="196">
        <v>1658</v>
      </c>
      <c r="AI10" s="195">
        <v>1712</v>
      </c>
      <c r="AJ10" s="190">
        <v>16</v>
      </c>
      <c r="AK10" s="191">
        <v>0</v>
      </c>
      <c r="AL10" s="196">
        <v>16</v>
      </c>
      <c r="AM10" s="193">
        <v>0</v>
      </c>
      <c r="AN10" s="191">
        <v>110</v>
      </c>
      <c r="AO10" s="191">
        <v>60</v>
      </c>
      <c r="AP10" s="191">
        <v>42</v>
      </c>
      <c r="AQ10" s="191">
        <v>92</v>
      </c>
      <c r="AR10" s="191">
        <v>16</v>
      </c>
      <c r="AS10" s="196">
        <v>320</v>
      </c>
      <c r="AT10" s="195">
        <v>336</v>
      </c>
      <c r="AU10" s="190">
        <v>0</v>
      </c>
      <c r="AV10" s="191">
        <v>0</v>
      </c>
      <c r="AW10" s="196">
        <v>0</v>
      </c>
      <c r="AX10" s="193">
        <v>0</v>
      </c>
      <c r="AY10" s="191">
        <v>1346</v>
      </c>
      <c r="AZ10" s="191">
        <v>741</v>
      </c>
      <c r="BA10" s="191">
        <v>392</v>
      </c>
      <c r="BB10" s="191">
        <v>107</v>
      </c>
      <c r="BC10" s="191">
        <v>66</v>
      </c>
      <c r="BD10" s="194">
        <v>2652</v>
      </c>
      <c r="BE10" s="195">
        <v>2652</v>
      </c>
      <c r="BF10" s="190">
        <v>0</v>
      </c>
      <c r="BG10" s="191">
        <v>0</v>
      </c>
      <c r="BH10" s="196">
        <v>0</v>
      </c>
      <c r="BI10" s="193">
        <v>0</v>
      </c>
      <c r="BJ10" s="191">
        <v>144</v>
      </c>
      <c r="BK10" s="191">
        <v>190</v>
      </c>
      <c r="BL10" s="191">
        <v>78</v>
      </c>
      <c r="BM10" s="191">
        <v>28</v>
      </c>
      <c r="BN10" s="191">
        <v>22</v>
      </c>
      <c r="BO10" s="196">
        <v>462</v>
      </c>
      <c r="BP10" s="195">
        <v>462</v>
      </c>
      <c r="BQ10" s="190">
        <v>2</v>
      </c>
      <c r="BR10" s="191">
        <v>0</v>
      </c>
      <c r="BS10" s="196">
        <v>2</v>
      </c>
      <c r="BT10" s="193">
        <v>0</v>
      </c>
      <c r="BU10" s="191">
        <v>201</v>
      </c>
      <c r="BV10" s="191">
        <v>281</v>
      </c>
      <c r="BW10" s="191">
        <v>318</v>
      </c>
      <c r="BX10" s="191">
        <v>142</v>
      </c>
      <c r="BY10" s="191">
        <v>78</v>
      </c>
      <c r="BZ10" s="196">
        <v>1020</v>
      </c>
      <c r="CA10" s="195">
        <v>1022</v>
      </c>
      <c r="CB10" s="190">
        <v>0</v>
      </c>
      <c r="CC10" s="191">
        <v>0</v>
      </c>
      <c r="CD10" s="196">
        <v>0</v>
      </c>
      <c r="CE10" s="193">
        <v>0</v>
      </c>
      <c r="CF10" s="191">
        <v>10</v>
      </c>
      <c r="CG10" s="191">
        <v>10</v>
      </c>
      <c r="CH10" s="191">
        <v>19</v>
      </c>
      <c r="CI10" s="191">
        <v>9</v>
      </c>
      <c r="CJ10" s="191">
        <v>0</v>
      </c>
      <c r="CK10" s="196">
        <v>48</v>
      </c>
      <c r="CL10" s="195">
        <v>48</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274</v>
      </c>
      <c r="H11" s="191">
        <v>524</v>
      </c>
      <c r="I11" s="191">
        <v>890</v>
      </c>
      <c r="J11" s="191">
        <v>519</v>
      </c>
      <c r="K11" s="191">
        <v>903</v>
      </c>
      <c r="L11" s="194">
        <v>3110</v>
      </c>
      <c r="M11" s="195">
        <v>3110</v>
      </c>
      <c r="N11" s="190">
        <v>0</v>
      </c>
      <c r="O11" s="191">
        <v>0</v>
      </c>
      <c r="P11" s="196">
        <v>0</v>
      </c>
      <c r="Q11" s="193">
        <v>0</v>
      </c>
      <c r="R11" s="191">
        <v>0</v>
      </c>
      <c r="S11" s="191">
        <v>5</v>
      </c>
      <c r="T11" s="191">
        <v>19</v>
      </c>
      <c r="U11" s="191">
        <v>4</v>
      </c>
      <c r="V11" s="191">
        <v>29</v>
      </c>
      <c r="W11" s="196">
        <v>57</v>
      </c>
      <c r="X11" s="195">
        <v>57</v>
      </c>
      <c r="Y11" s="190">
        <v>9</v>
      </c>
      <c r="Z11" s="191">
        <v>6</v>
      </c>
      <c r="AA11" s="196">
        <v>15</v>
      </c>
      <c r="AB11" s="193">
        <v>0</v>
      </c>
      <c r="AC11" s="191">
        <v>173</v>
      </c>
      <c r="AD11" s="191">
        <v>136</v>
      </c>
      <c r="AE11" s="191">
        <v>230</v>
      </c>
      <c r="AF11" s="191">
        <v>76</v>
      </c>
      <c r="AG11" s="191">
        <v>99</v>
      </c>
      <c r="AH11" s="196">
        <v>714</v>
      </c>
      <c r="AI11" s="195">
        <v>729</v>
      </c>
      <c r="AJ11" s="190">
        <v>0</v>
      </c>
      <c r="AK11" s="191">
        <v>0</v>
      </c>
      <c r="AL11" s="196">
        <v>0</v>
      </c>
      <c r="AM11" s="193">
        <v>0</v>
      </c>
      <c r="AN11" s="191">
        <v>68</v>
      </c>
      <c r="AO11" s="191">
        <v>0</v>
      </c>
      <c r="AP11" s="191">
        <v>89</v>
      </c>
      <c r="AQ11" s="191">
        <v>10</v>
      </c>
      <c r="AR11" s="191">
        <v>20</v>
      </c>
      <c r="AS11" s="196">
        <v>187</v>
      </c>
      <c r="AT11" s="195">
        <v>187</v>
      </c>
      <c r="AU11" s="190">
        <v>0</v>
      </c>
      <c r="AV11" s="191">
        <v>0</v>
      </c>
      <c r="AW11" s="196">
        <v>0</v>
      </c>
      <c r="AX11" s="193">
        <v>0</v>
      </c>
      <c r="AY11" s="191">
        <v>305</v>
      </c>
      <c r="AZ11" s="191">
        <v>341</v>
      </c>
      <c r="BA11" s="191">
        <v>147</v>
      </c>
      <c r="BB11" s="191">
        <v>172</v>
      </c>
      <c r="BC11" s="191">
        <v>39</v>
      </c>
      <c r="BD11" s="194">
        <v>1004</v>
      </c>
      <c r="BE11" s="195">
        <v>1004</v>
      </c>
      <c r="BF11" s="190">
        <v>0</v>
      </c>
      <c r="BG11" s="191">
        <v>0</v>
      </c>
      <c r="BH11" s="196">
        <v>0</v>
      </c>
      <c r="BI11" s="193">
        <v>0</v>
      </c>
      <c r="BJ11" s="191">
        <v>73</v>
      </c>
      <c r="BK11" s="191">
        <v>42</v>
      </c>
      <c r="BL11" s="191">
        <v>74</v>
      </c>
      <c r="BM11" s="191">
        <v>12</v>
      </c>
      <c r="BN11" s="191">
        <v>4</v>
      </c>
      <c r="BO11" s="196">
        <v>205</v>
      </c>
      <c r="BP11" s="195">
        <v>205</v>
      </c>
      <c r="BQ11" s="190">
        <v>8</v>
      </c>
      <c r="BR11" s="191">
        <v>0</v>
      </c>
      <c r="BS11" s="196">
        <v>8</v>
      </c>
      <c r="BT11" s="193">
        <v>0</v>
      </c>
      <c r="BU11" s="191">
        <v>41</v>
      </c>
      <c r="BV11" s="191">
        <v>53</v>
      </c>
      <c r="BW11" s="191">
        <v>115</v>
      </c>
      <c r="BX11" s="191">
        <v>61</v>
      </c>
      <c r="BY11" s="191">
        <v>18</v>
      </c>
      <c r="BZ11" s="196">
        <v>288</v>
      </c>
      <c r="CA11" s="195">
        <v>296</v>
      </c>
      <c r="CB11" s="190">
        <v>0</v>
      </c>
      <c r="CC11" s="191">
        <v>0</v>
      </c>
      <c r="CD11" s="196">
        <v>0</v>
      </c>
      <c r="CE11" s="193">
        <v>0</v>
      </c>
      <c r="CF11" s="191">
        <v>0</v>
      </c>
      <c r="CG11" s="191">
        <v>1</v>
      </c>
      <c r="CH11" s="191">
        <v>5</v>
      </c>
      <c r="CI11" s="191">
        <v>0</v>
      </c>
      <c r="CJ11" s="191">
        <v>0</v>
      </c>
      <c r="CK11" s="196">
        <v>6</v>
      </c>
      <c r="CL11" s="195">
        <v>6</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542</v>
      </c>
      <c r="H12" s="191">
        <v>662</v>
      </c>
      <c r="I12" s="191">
        <v>906</v>
      </c>
      <c r="J12" s="191">
        <v>1186</v>
      </c>
      <c r="K12" s="191">
        <v>860</v>
      </c>
      <c r="L12" s="194">
        <v>4156</v>
      </c>
      <c r="M12" s="195">
        <v>4156</v>
      </c>
      <c r="N12" s="190">
        <v>0</v>
      </c>
      <c r="O12" s="191">
        <v>0</v>
      </c>
      <c r="P12" s="196">
        <v>0</v>
      </c>
      <c r="Q12" s="193">
        <v>0</v>
      </c>
      <c r="R12" s="191">
        <v>0</v>
      </c>
      <c r="S12" s="191">
        <v>5</v>
      </c>
      <c r="T12" s="191">
        <v>5</v>
      </c>
      <c r="U12" s="191">
        <v>6</v>
      </c>
      <c r="V12" s="191">
        <v>30</v>
      </c>
      <c r="W12" s="196">
        <v>46</v>
      </c>
      <c r="X12" s="195">
        <v>46</v>
      </c>
      <c r="Y12" s="190">
        <v>25</v>
      </c>
      <c r="Z12" s="191">
        <v>69</v>
      </c>
      <c r="AA12" s="196">
        <v>94</v>
      </c>
      <c r="AB12" s="193">
        <v>0</v>
      </c>
      <c r="AC12" s="191">
        <v>571</v>
      </c>
      <c r="AD12" s="191">
        <v>222</v>
      </c>
      <c r="AE12" s="191">
        <v>296</v>
      </c>
      <c r="AF12" s="191">
        <v>244</v>
      </c>
      <c r="AG12" s="191">
        <v>268</v>
      </c>
      <c r="AH12" s="196">
        <v>1601</v>
      </c>
      <c r="AI12" s="195">
        <v>1695</v>
      </c>
      <c r="AJ12" s="190">
        <v>0</v>
      </c>
      <c r="AK12" s="191">
        <v>20</v>
      </c>
      <c r="AL12" s="196">
        <v>20</v>
      </c>
      <c r="AM12" s="193">
        <v>0</v>
      </c>
      <c r="AN12" s="191">
        <v>39</v>
      </c>
      <c r="AO12" s="191">
        <v>34</v>
      </c>
      <c r="AP12" s="191">
        <v>10</v>
      </c>
      <c r="AQ12" s="191">
        <v>53</v>
      </c>
      <c r="AR12" s="191">
        <v>18</v>
      </c>
      <c r="AS12" s="196">
        <v>154</v>
      </c>
      <c r="AT12" s="195">
        <v>174</v>
      </c>
      <c r="AU12" s="190">
        <v>0</v>
      </c>
      <c r="AV12" s="191">
        <v>0</v>
      </c>
      <c r="AW12" s="196">
        <v>0</v>
      </c>
      <c r="AX12" s="193">
        <v>0</v>
      </c>
      <c r="AY12" s="191">
        <v>384</v>
      </c>
      <c r="AZ12" s="191">
        <v>349</v>
      </c>
      <c r="BA12" s="191">
        <v>267</v>
      </c>
      <c r="BB12" s="191">
        <v>114</v>
      </c>
      <c r="BC12" s="191">
        <v>27</v>
      </c>
      <c r="BD12" s="194">
        <v>1141</v>
      </c>
      <c r="BE12" s="195">
        <v>1141</v>
      </c>
      <c r="BF12" s="190">
        <v>0</v>
      </c>
      <c r="BG12" s="191">
        <v>0</v>
      </c>
      <c r="BH12" s="196">
        <v>0</v>
      </c>
      <c r="BI12" s="193">
        <v>0</v>
      </c>
      <c r="BJ12" s="191">
        <v>82</v>
      </c>
      <c r="BK12" s="191">
        <v>78</v>
      </c>
      <c r="BL12" s="191">
        <v>63</v>
      </c>
      <c r="BM12" s="191">
        <v>86</v>
      </c>
      <c r="BN12" s="191">
        <v>11</v>
      </c>
      <c r="BO12" s="196">
        <v>320</v>
      </c>
      <c r="BP12" s="195">
        <v>320</v>
      </c>
      <c r="BQ12" s="190">
        <v>0</v>
      </c>
      <c r="BR12" s="191">
        <v>0</v>
      </c>
      <c r="BS12" s="196">
        <v>0</v>
      </c>
      <c r="BT12" s="193">
        <v>0</v>
      </c>
      <c r="BU12" s="191">
        <v>13</v>
      </c>
      <c r="BV12" s="191">
        <v>166</v>
      </c>
      <c r="BW12" s="191">
        <v>123</v>
      </c>
      <c r="BX12" s="191">
        <v>102</v>
      </c>
      <c r="BY12" s="191">
        <v>15</v>
      </c>
      <c r="BZ12" s="196">
        <v>419</v>
      </c>
      <c r="CA12" s="195">
        <v>419</v>
      </c>
      <c r="CB12" s="190">
        <v>0</v>
      </c>
      <c r="CC12" s="191">
        <v>0</v>
      </c>
      <c r="CD12" s="196">
        <v>0</v>
      </c>
      <c r="CE12" s="193">
        <v>0</v>
      </c>
      <c r="CF12" s="191">
        <v>21</v>
      </c>
      <c r="CG12" s="191">
        <v>16</v>
      </c>
      <c r="CH12" s="191">
        <v>5</v>
      </c>
      <c r="CI12" s="191">
        <v>5</v>
      </c>
      <c r="CJ12" s="191">
        <v>3</v>
      </c>
      <c r="CK12" s="196">
        <v>50</v>
      </c>
      <c r="CL12" s="195">
        <v>50</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002</v>
      </c>
      <c r="H13" s="191">
        <v>1002</v>
      </c>
      <c r="I13" s="191">
        <v>1126</v>
      </c>
      <c r="J13" s="191">
        <v>1540</v>
      </c>
      <c r="K13" s="191">
        <v>1555</v>
      </c>
      <c r="L13" s="194">
        <v>6225</v>
      </c>
      <c r="M13" s="195">
        <v>6225</v>
      </c>
      <c r="N13" s="190">
        <v>0</v>
      </c>
      <c r="O13" s="191">
        <v>0</v>
      </c>
      <c r="P13" s="196">
        <v>0</v>
      </c>
      <c r="Q13" s="193">
        <v>0</v>
      </c>
      <c r="R13" s="191">
        <v>4</v>
      </c>
      <c r="S13" s="191">
        <v>6</v>
      </c>
      <c r="T13" s="191">
        <v>13</v>
      </c>
      <c r="U13" s="191">
        <v>48</v>
      </c>
      <c r="V13" s="191">
        <v>58</v>
      </c>
      <c r="W13" s="196">
        <v>129</v>
      </c>
      <c r="X13" s="195">
        <v>129</v>
      </c>
      <c r="Y13" s="190">
        <v>96</v>
      </c>
      <c r="Z13" s="191">
        <v>107</v>
      </c>
      <c r="AA13" s="196">
        <v>203</v>
      </c>
      <c r="AB13" s="193">
        <v>0</v>
      </c>
      <c r="AC13" s="191">
        <v>696</v>
      </c>
      <c r="AD13" s="191">
        <v>338</v>
      </c>
      <c r="AE13" s="191">
        <v>391</v>
      </c>
      <c r="AF13" s="191">
        <v>340</v>
      </c>
      <c r="AG13" s="191">
        <v>213</v>
      </c>
      <c r="AH13" s="196">
        <v>1978</v>
      </c>
      <c r="AI13" s="195">
        <v>2181</v>
      </c>
      <c r="AJ13" s="190">
        <v>18</v>
      </c>
      <c r="AK13" s="191">
        <v>37</v>
      </c>
      <c r="AL13" s="196">
        <v>55</v>
      </c>
      <c r="AM13" s="193">
        <v>0</v>
      </c>
      <c r="AN13" s="191">
        <v>56</v>
      </c>
      <c r="AO13" s="191">
        <v>58</v>
      </c>
      <c r="AP13" s="191">
        <v>20</v>
      </c>
      <c r="AQ13" s="191">
        <v>73</v>
      </c>
      <c r="AR13" s="191">
        <v>49</v>
      </c>
      <c r="AS13" s="196">
        <v>256</v>
      </c>
      <c r="AT13" s="195">
        <v>311</v>
      </c>
      <c r="AU13" s="190">
        <v>0</v>
      </c>
      <c r="AV13" s="191">
        <v>0</v>
      </c>
      <c r="AW13" s="196">
        <v>0</v>
      </c>
      <c r="AX13" s="193">
        <v>0</v>
      </c>
      <c r="AY13" s="191">
        <v>914</v>
      </c>
      <c r="AZ13" s="191">
        <v>520</v>
      </c>
      <c r="BA13" s="191">
        <v>277</v>
      </c>
      <c r="BB13" s="191">
        <v>257</v>
      </c>
      <c r="BC13" s="191">
        <v>41</v>
      </c>
      <c r="BD13" s="194">
        <v>2009</v>
      </c>
      <c r="BE13" s="195">
        <v>2009</v>
      </c>
      <c r="BF13" s="190">
        <v>0</v>
      </c>
      <c r="BG13" s="191">
        <v>0</v>
      </c>
      <c r="BH13" s="196">
        <v>0</v>
      </c>
      <c r="BI13" s="193">
        <v>0</v>
      </c>
      <c r="BJ13" s="191">
        <v>198</v>
      </c>
      <c r="BK13" s="191">
        <v>75</v>
      </c>
      <c r="BL13" s="191">
        <v>48</v>
      </c>
      <c r="BM13" s="191">
        <v>46</v>
      </c>
      <c r="BN13" s="191">
        <v>21</v>
      </c>
      <c r="BO13" s="196">
        <v>388</v>
      </c>
      <c r="BP13" s="195">
        <v>388</v>
      </c>
      <c r="BQ13" s="190">
        <v>0</v>
      </c>
      <c r="BR13" s="191">
        <v>6</v>
      </c>
      <c r="BS13" s="196">
        <v>6</v>
      </c>
      <c r="BT13" s="193">
        <v>0</v>
      </c>
      <c r="BU13" s="191">
        <v>80</v>
      </c>
      <c r="BV13" s="191">
        <v>13</v>
      </c>
      <c r="BW13" s="191">
        <v>270</v>
      </c>
      <c r="BX13" s="191">
        <v>110</v>
      </c>
      <c r="BY13" s="191">
        <v>50</v>
      </c>
      <c r="BZ13" s="196">
        <v>523</v>
      </c>
      <c r="CA13" s="195">
        <v>529</v>
      </c>
      <c r="CB13" s="190">
        <v>0</v>
      </c>
      <c r="CC13" s="191">
        <v>0</v>
      </c>
      <c r="CD13" s="196">
        <v>0</v>
      </c>
      <c r="CE13" s="193">
        <v>0</v>
      </c>
      <c r="CF13" s="191">
        <v>11</v>
      </c>
      <c r="CG13" s="191">
        <v>16</v>
      </c>
      <c r="CH13" s="191">
        <v>24</v>
      </c>
      <c r="CI13" s="191">
        <v>5</v>
      </c>
      <c r="CJ13" s="191">
        <v>0</v>
      </c>
      <c r="CK13" s="196">
        <v>56</v>
      </c>
      <c r="CL13" s="195">
        <v>56</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219</v>
      </c>
      <c r="H14" s="191">
        <v>107</v>
      </c>
      <c r="I14" s="191">
        <v>406</v>
      </c>
      <c r="J14" s="191">
        <v>412</v>
      </c>
      <c r="K14" s="191">
        <v>547</v>
      </c>
      <c r="L14" s="194">
        <v>1691</v>
      </c>
      <c r="M14" s="195">
        <v>1691</v>
      </c>
      <c r="N14" s="190">
        <v>0</v>
      </c>
      <c r="O14" s="191">
        <v>0</v>
      </c>
      <c r="P14" s="196">
        <v>0</v>
      </c>
      <c r="Q14" s="193">
        <v>0</v>
      </c>
      <c r="R14" s="191">
        <v>0</v>
      </c>
      <c r="S14" s="191">
        <v>9</v>
      </c>
      <c r="T14" s="191">
        <v>2</v>
      </c>
      <c r="U14" s="191">
        <v>20</v>
      </c>
      <c r="V14" s="191">
        <v>23</v>
      </c>
      <c r="W14" s="196">
        <v>54</v>
      </c>
      <c r="X14" s="195">
        <v>54</v>
      </c>
      <c r="Y14" s="190">
        <v>30</v>
      </c>
      <c r="Z14" s="191">
        <v>16</v>
      </c>
      <c r="AA14" s="196">
        <v>46</v>
      </c>
      <c r="AB14" s="193">
        <v>0</v>
      </c>
      <c r="AC14" s="191">
        <v>114</v>
      </c>
      <c r="AD14" s="191">
        <v>57</v>
      </c>
      <c r="AE14" s="191">
        <v>115</v>
      </c>
      <c r="AF14" s="191">
        <v>149</v>
      </c>
      <c r="AG14" s="191">
        <v>77</v>
      </c>
      <c r="AH14" s="196">
        <v>512</v>
      </c>
      <c r="AI14" s="195">
        <v>558</v>
      </c>
      <c r="AJ14" s="190">
        <v>0</v>
      </c>
      <c r="AK14" s="191">
        <v>22</v>
      </c>
      <c r="AL14" s="196">
        <v>22</v>
      </c>
      <c r="AM14" s="193">
        <v>0</v>
      </c>
      <c r="AN14" s="191">
        <v>26</v>
      </c>
      <c r="AO14" s="191">
        <v>22</v>
      </c>
      <c r="AP14" s="191">
        <v>0</v>
      </c>
      <c r="AQ14" s="191">
        <v>51</v>
      </c>
      <c r="AR14" s="191">
        <v>0</v>
      </c>
      <c r="AS14" s="196">
        <v>99</v>
      </c>
      <c r="AT14" s="195">
        <v>121</v>
      </c>
      <c r="AU14" s="190">
        <v>0</v>
      </c>
      <c r="AV14" s="191">
        <v>0</v>
      </c>
      <c r="AW14" s="196">
        <v>0</v>
      </c>
      <c r="AX14" s="193">
        <v>0</v>
      </c>
      <c r="AY14" s="191">
        <v>358</v>
      </c>
      <c r="AZ14" s="191">
        <v>206</v>
      </c>
      <c r="BA14" s="191">
        <v>140</v>
      </c>
      <c r="BB14" s="191">
        <v>125</v>
      </c>
      <c r="BC14" s="191">
        <v>15</v>
      </c>
      <c r="BD14" s="194">
        <v>844</v>
      </c>
      <c r="BE14" s="195">
        <v>844</v>
      </c>
      <c r="BF14" s="190">
        <v>0</v>
      </c>
      <c r="BG14" s="191">
        <v>0</v>
      </c>
      <c r="BH14" s="196">
        <v>0</v>
      </c>
      <c r="BI14" s="193">
        <v>0</v>
      </c>
      <c r="BJ14" s="191">
        <v>144</v>
      </c>
      <c r="BK14" s="191">
        <v>90</v>
      </c>
      <c r="BL14" s="191">
        <v>48</v>
      </c>
      <c r="BM14" s="191">
        <v>104</v>
      </c>
      <c r="BN14" s="191">
        <v>4</v>
      </c>
      <c r="BO14" s="196">
        <v>390</v>
      </c>
      <c r="BP14" s="195">
        <v>390</v>
      </c>
      <c r="BQ14" s="190">
        <v>0</v>
      </c>
      <c r="BR14" s="191">
        <v>6</v>
      </c>
      <c r="BS14" s="196">
        <v>6</v>
      </c>
      <c r="BT14" s="193">
        <v>0</v>
      </c>
      <c r="BU14" s="191">
        <v>29</v>
      </c>
      <c r="BV14" s="191">
        <v>51</v>
      </c>
      <c r="BW14" s="191">
        <v>40</v>
      </c>
      <c r="BX14" s="191">
        <v>35</v>
      </c>
      <c r="BY14" s="191">
        <v>18</v>
      </c>
      <c r="BZ14" s="196">
        <v>173</v>
      </c>
      <c r="CA14" s="195">
        <v>179</v>
      </c>
      <c r="CB14" s="190">
        <v>0</v>
      </c>
      <c r="CC14" s="191">
        <v>0</v>
      </c>
      <c r="CD14" s="196">
        <v>0</v>
      </c>
      <c r="CE14" s="193">
        <v>0</v>
      </c>
      <c r="CF14" s="191">
        <v>13</v>
      </c>
      <c r="CG14" s="191">
        <v>0</v>
      </c>
      <c r="CH14" s="191">
        <v>0</v>
      </c>
      <c r="CI14" s="191">
        <v>8</v>
      </c>
      <c r="CJ14" s="191">
        <v>0</v>
      </c>
      <c r="CK14" s="196">
        <v>21</v>
      </c>
      <c r="CL14" s="195">
        <v>21</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288</v>
      </c>
      <c r="H15" s="191">
        <v>711</v>
      </c>
      <c r="I15" s="191">
        <v>621</v>
      </c>
      <c r="J15" s="191">
        <v>1203</v>
      </c>
      <c r="K15" s="191">
        <v>430</v>
      </c>
      <c r="L15" s="194">
        <v>3253</v>
      </c>
      <c r="M15" s="195">
        <v>3253</v>
      </c>
      <c r="N15" s="190">
        <v>0</v>
      </c>
      <c r="O15" s="191">
        <v>0</v>
      </c>
      <c r="P15" s="196">
        <v>0</v>
      </c>
      <c r="Q15" s="193">
        <v>0</v>
      </c>
      <c r="R15" s="191">
        <v>0</v>
      </c>
      <c r="S15" s="191">
        <v>0</v>
      </c>
      <c r="T15" s="191">
        <v>4</v>
      </c>
      <c r="U15" s="191">
        <v>26</v>
      </c>
      <c r="V15" s="191">
        <v>8</v>
      </c>
      <c r="W15" s="196">
        <v>38</v>
      </c>
      <c r="X15" s="195">
        <v>38</v>
      </c>
      <c r="Y15" s="190">
        <v>51</v>
      </c>
      <c r="Z15" s="191">
        <v>123</v>
      </c>
      <c r="AA15" s="196">
        <v>174</v>
      </c>
      <c r="AB15" s="193">
        <v>0</v>
      </c>
      <c r="AC15" s="191">
        <v>154</v>
      </c>
      <c r="AD15" s="191">
        <v>231</v>
      </c>
      <c r="AE15" s="191">
        <v>134</v>
      </c>
      <c r="AF15" s="191">
        <v>129</v>
      </c>
      <c r="AG15" s="191">
        <v>66</v>
      </c>
      <c r="AH15" s="196">
        <v>714</v>
      </c>
      <c r="AI15" s="195">
        <v>888</v>
      </c>
      <c r="AJ15" s="190">
        <v>0</v>
      </c>
      <c r="AK15" s="191">
        <v>6</v>
      </c>
      <c r="AL15" s="196">
        <v>6</v>
      </c>
      <c r="AM15" s="193">
        <v>0</v>
      </c>
      <c r="AN15" s="191">
        <v>20</v>
      </c>
      <c r="AO15" s="191">
        <v>34</v>
      </c>
      <c r="AP15" s="191">
        <v>0</v>
      </c>
      <c r="AQ15" s="191">
        <v>63</v>
      </c>
      <c r="AR15" s="191">
        <v>4</v>
      </c>
      <c r="AS15" s="196">
        <v>121</v>
      </c>
      <c r="AT15" s="195">
        <v>127</v>
      </c>
      <c r="AU15" s="190">
        <v>0</v>
      </c>
      <c r="AV15" s="191">
        <v>0</v>
      </c>
      <c r="AW15" s="196">
        <v>0</v>
      </c>
      <c r="AX15" s="193">
        <v>0</v>
      </c>
      <c r="AY15" s="191">
        <v>450</v>
      </c>
      <c r="AZ15" s="191">
        <v>280</v>
      </c>
      <c r="BA15" s="191">
        <v>227</v>
      </c>
      <c r="BB15" s="191">
        <v>128</v>
      </c>
      <c r="BC15" s="191">
        <v>9</v>
      </c>
      <c r="BD15" s="194">
        <v>1094</v>
      </c>
      <c r="BE15" s="195">
        <v>1094</v>
      </c>
      <c r="BF15" s="190">
        <v>0</v>
      </c>
      <c r="BG15" s="191">
        <v>0</v>
      </c>
      <c r="BH15" s="196">
        <v>0</v>
      </c>
      <c r="BI15" s="193">
        <v>0</v>
      </c>
      <c r="BJ15" s="191">
        <v>67</v>
      </c>
      <c r="BK15" s="191">
        <v>126</v>
      </c>
      <c r="BL15" s="191">
        <v>99</v>
      </c>
      <c r="BM15" s="191">
        <v>49</v>
      </c>
      <c r="BN15" s="191">
        <v>16</v>
      </c>
      <c r="BO15" s="196">
        <v>357</v>
      </c>
      <c r="BP15" s="195">
        <v>357</v>
      </c>
      <c r="BQ15" s="190">
        <v>0</v>
      </c>
      <c r="BR15" s="191">
        <v>3</v>
      </c>
      <c r="BS15" s="196">
        <v>3</v>
      </c>
      <c r="BT15" s="193">
        <v>0</v>
      </c>
      <c r="BU15" s="191">
        <v>48</v>
      </c>
      <c r="BV15" s="191">
        <v>67</v>
      </c>
      <c r="BW15" s="191">
        <v>38</v>
      </c>
      <c r="BX15" s="191">
        <v>115</v>
      </c>
      <c r="BY15" s="191">
        <v>43</v>
      </c>
      <c r="BZ15" s="196">
        <v>311</v>
      </c>
      <c r="CA15" s="195">
        <v>314</v>
      </c>
      <c r="CB15" s="190">
        <v>0</v>
      </c>
      <c r="CC15" s="191">
        <v>0</v>
      </c>
      <c r="CD15" s="196">
        <v>0</v>
      </c>
      <c r="CE15" s="193">
        <v>0</v>
      </c>
      <c r="CF15" s="191">
        <v>0</v>
      </c>
      <c r="CG15" s="191">
        <v>0</v>
      </c>
      <c r="CH15" s="191">
        <v>3</v>
      </c>
      <c r="CI15" s="191">
        <v>6</v>
      </c>
      <c r="CJ15" s="191">
        <v>0</v>
      </c>
      <c r="CK15" s="196">
        <v>9</v>
      </c>
      <c r="CL15" s="195">
        <v>9</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127</v>
      </c>
      <c r="H16" s="191">
        <v>272</v>
      </c>
      <c r="I16" s="191">
        <v>266</v>
      </c>
      <c r="J16" s="191">
        <v>726</v>
      </c>
      <c r="K16" s="191">
        <v>388</v>
      </c>
      <c r="L16" s="194">
        <v>1779</v>
      </c>
      <c r="M16" s="195">
        <v>1779</v>
      </c>
      <c r="N16" s="190">
        <v>0</v>
      </c>
      <c r="O16" s="191">
        <v>0</v>
      </c>
      <c r="P16" s="196">
        <v>0</v>
      </c>
      <c r="Q16" s="193">
        <v>0</v>
      </c>
      <c r="R16" s="191">
        <v>0</v>
      </c>
      <c r="S16" s="191">
        <v>0</v>
      </c>
      <c r="T16" s="191">
        <v>6</v>
      </c>
      <c r="U16" s="191">
        <v>11</v>
      </c>
      <c r="V16" s="191">
        <v>21</v>
      </c>
      <c r="W16" s="196">
        <v>38</v>
      </c>
      <c r="X16" s="195">
        <v>38</v>
      </c>
      <c r="Y16" s="190">
        <v>0</v>
      </c>
      <c r="Z16" s="191">
        <v>18</v>
      </c>
      <c r="AA16" s="196">
        <v>18</v>
      </c>
      <c r="AB16" s="193">
        <v>0</v>
      </c>
      <c r="AC16" s="191">
        <v>62</v>
      </c>
      <c r="AD16" s="191">
        <v>257</v>
      </c>
      <c r="AE16" s="191">
        <v>130</v>
      </c>
      <c r="AF16" s="191">
        <v>79</v>
      </c>
      <c r="AG16" s="191">
        <v>119</v>
      </c>
      <c r="AH16" s="196">
        <v>647</v>
      </c>
      <c r="AI16" s="195">
        <v>665</v>
      </c>
      <c r="AJ16" s="190">
        <v>10</v>
      </c>
      <c r="AK16" s="191">
        <v>0</v>
      </c>
      <c r="AL16" s="196">
        <v>10</v>
      </c>
      <c r="AM16" s="193">
        <v>0</v>
      </c>
      <c r="AN16" s="191">
        <v>23</v>
      </c>
      <c r="AO16" s="191">
        <v>12</v>
      </c>
      <c r="AP16" s="191">
        <v>8</v>
      </c>
      <c r="AQ16" s="191">
        <v>14</v>
      </c>
      <c r="AR16" s="191">
        <v>6</v>
      </c>
      <c r="AS16" s="196">
        <v>63</v>
      </c>
      <c r="AT16" s="195">
        <v>73</v>
      </c>
      <c r="AU16" s="190">
        <v>0</v>
      </c>
      <c r="AV16" s="191">
        <v>0</v>
      </c>
      <c r="AW16" s="196">
        <v>0</v>
      </c>
      <c r="AX16" s="193">
        <v>0</v>
      </c>
      <c r="AY16" s="191">
        <v>122</v>
      </c>
      <c r="AZ16" s="191">
        <v>90</v>
      </c>
      <c r="BA16" s="191">
        <v>93</v>
      </c>
      <c r="BB16" s="191">
        <v>53</v>
      </c>
      <c r="BC16" s="191">
        <v>4</v>
      </c>
      <c r="BD16" s="194">
        <v>362</v>
      </c>
      <c r="BE16" s="195">
        <v>362</v>
      </c>
      <c r="BF16" s="190">
        <v>0</v>
      </c>
      <c r="BG16" s="191">
        <v>0</v>
      </c>
      <c r="BH16" s="196">
        <v>0</v>
      </c>
      <c r="BI16" s="193">
        <v>0</v>
      </c>
      <c r="BJ16" s="191">
        <v>36</v>
      </c>
      <c r="BK16" s="191">
        <v>13</v>
      </c>
      <c r="BL16" s="191">
        <v>7</v>
      </c>
      <c r="BM16" s="191">
        <v>0</v>
      </c>
      <c r="BN16" s="191">
        <v>18</v>
      </c>
      <c r="BO16" s="196">
        <v>74</v>
      </c>
      <c r="BP16" s="195">
        <v>74</v>
      </c>
      <c r="BQ16" s="190">
        <v>0</v>
      </c>
      <c r="BR16" s="191">
        <v>0</v>
      </c>
      <c r="BS16" s="196">
        <v>0</v>
      </c>
      <c r="BT16" s="193">
        <v>0</v>
      </c>
      <c r="BU16" s="191">
        <v>27</v>
      </c>
      <c r="BV16" s="191">
        <v>2</v>
      </c>
      <c r="BW16" s="191">
        <v>12</v>
      </c>
      <c r="BX16" s="191">
        <v>0</v>
      </c>
      <c r="BY16" s="191">
        <v>6</v>
      </c>
      <c r="BZ16" s="196">
        <v>47</v>
      </c>
      <c r="CA16" s="195">
        <v>47</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66</v>
      </c>
      <c r="H17" s="191">
        <v>44</v>
      </c>
      <c r="I17" s="191">
        <v>9</v>
      </c>
      <c r="J17" s="191">
        <v>404</v>
      </c>
      <c r="K17" s="191">
        <v>0</v>
      </c>
      <c r="L17" s="194">
        <v>523</v>
      </c>
      <c r="M17" s="195">
        <v>523</v>
      </c>
      <c r="N17" s="190">
        <v>0</v>
      </c>
      <c r="O17" s="191">
        <v>0</v>
      </c>
      <c r="P17" s="196">
        <v>0</v>
      </c>
      <c r="Q17" s="193">
        <v>0</v>
      </c>
      <c r="R17" s="191">
        <v>0</v>
      </c>
      <c r="S17" s="191">
        <v>4</v>
      </c>
      <c r="T17" s="191">
        <v>0</v>
      </c>
      <c r="U17" s="191">
        <v>9</v>
      </c>
      <c r="V17" s="191">
        <v>0</v>
      </c>
      <c r="W17" s="196">
        <v>13</v>
      </c>
      <c r="X17" s="195">
        <v>13</v>
      </c>
      <c r="Y17" s="190">
        <v>0</v>
      </c>
      <c r="Z17" s="191">
        <v>13</v>
      </c>
      <c r="AA17" s="196">
        <v>13</v>
      </c>
      <c r="AB17" s="193">
        <v>0</v>
      </c>
      <c r="AC17" s="191">
        <v>37</v>
      </c>
      <c r="AD17" s="191">
        <v>29</v>
      </c>
      <c r="AE17" s="191">
        <v>32</v>
      </c>
      <c r="AF17" s="191">
        <v>30</v>
      </c>
      <c r="AG17" s="191">
        <v>0</v>
      </c>
      <c r="AH17" s="196">
        <v>128</v>
      </c>
      <c r="AI17" s="195">
        <v>141</v>
      </c>
      <c r="AJ17" s="190">
        <v>0</v>
      </c>
      <c r="AK17" s="191">
        <v>0</v>
      </c>
      <c r="AL17" s="196">
        <v>0</v>
      </c>
      <c r="AM17" s="193">
        <v>0</v>
      </c>
      <c r="AN17" s="191">
        <v>8</v>
      </c>
      <c r="AO17" s="191">
        <v>21</v>
      </c>
      <c r="AP17" s="191">
        <v>0</v>
      </c>
      <c r="AQ17" s="191">
        <v>0</v>
      </c>
      <c r="AR17" s="191">
        <v>0</v>
      </c>
      <c r="AS17" s="196">
        <v>29</v>
      </c>
      <c r="AT17" s="195">
        <v>29</v>
      </c>
      <c r="AU17" s="190">
        <v>0</v>
      </c>
      <c r="AV17" s="191">
        <v>0</v>
      </c>
      <c r="AW17" s="196">
        <v>0</v>
      </c>
      <c r="AX17" s="193">
        <v>0</v>
      </c>
      <c r="AY17" s="191">
        <v>29</v>
      </c>
      <c r="AZ17" s="191">
        <v>34</v>
      </c>
      <c r="BA17" s="191">
        <v>27</v>
      </c>
      <c r="BB17" s="191">
        <v>8</v>
      </c>
      <c r="BC17" s="191">
        <v>0</v>
      </c>
      <c r="BD17" s="194">
        <v>98</v>
      </c>
      <c r="BE17" s="195">
        <v>98</v>
      </c>
      <c r="BF17" s="190">
        <v>0</v>
      </c>
      <c r="BG17" s="191">
        <v>0</v>
      </c>
      <c r="BH17" s="196">
        <v>0</v>
      </c>
      <c r="BI17" s="193">
        <v>0</v>
      </c>
      <c r="BJ17" s="191">
        <v>3</v>
      </c>
      <c r="BK17" s="191">
        <v>0</v>
      </c>
      <c r="BL17" s="191">
        <v>55</v>
      </c>
      <c r="BM17" s="191">
        <v>0</v>
      </c>
      <c r="BN17" s="191">
        <v>0</v>
      </c>
      <c r="BO17" s="196">
        <v>58</v>
      </c>
      <c r="BP17" s="195">
        <v>58</v>
      </c>
      <c r="BQ17" s="190">
        <v>0</v>
      </c>
      <c r="BR17" s="191">
        <v>0</v>
      </c>
      <c r="BS17" s="196">
        <v>0</v>
      </c>
      <c r="BT17" s="193">
        <v>0</v>
      </c>
      <c r="BU17" s="191">
        <v>0</v>
      </c>
      <c r="BV17" s="191">
        <v>3</v>
      </c>
      <c r="BW17" s="191">
        <v>29</v>
      </c>
      <c r="BX17" s="191">
        <v>52</v>
      </c>
      <c r="BY17" s="191">
        <v>13</v>
      </c>
      <c r="BZ17" s="196">
        <v>97</v>
      </c>
      <c r="CA17" s="195">
        <v>97</v>
      </c>
      <c r="CB17" s="190">
        <v>0</v>
      </c>
      <c r="CC17" s="191">
        <v>0</v>
      </c>
      <c r="CD17" s="196">
        <v>0</v>
      </c>
      <c r="CE17" s="193">
        <v>0</v>
      </c>
      <c r="CF17" s="191">
        <v>11</v>
      </c>
      <c r="CG17" s="191">
        <v>0</v>
      </c>
      <c r="CH17" s="191">
        <v>6</v>
      </c>
      <c r="CI17" s="191">
        <v>0</v>
      </c>
      <c r="CJ17" s="191">
        <v>0</v>
      </c>
      <c r="CK17" s="196">
        <v>17</v>
      </c>
      <c r="CL17" s="195">
        <v>17</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87</v>
      </c>
      <c r="H18" s="191">
        <v>104</v>
      </c>
      <c r="I18" s="191">
        <v>224</v>
      </c>
      <c r="J18" s="191">
        <v>57</v>
      </c>
      <c r="K18" s="191">
        <v>102</v>
      </c>
      <c r="L18" s="194">
        <v>574</v>
      </c>
      <c r="M18" s="195">
        <v>574</v>
      </c>
      <c r="N18" s="190">
        <v>0</v>
      </c>
      <c r="O18" s="191">
        <v>0</v>
      </c>
      <c r="P18" s="196">
        <v>0</v>
      </c>
      <c r="Q18" s="193">
        <v>0</v>
      </c>
      <c r="R18" s="191">
        <v>0</v>
      </c>
      <c r="S18" s="191">
        <v>0</v>
      </c>
      <c r="T18" s="191">
        <v>4</v>
      </c>
      <c r="U18" s="191">
        <v>6</v>
      </c>
      <c r="V18" s="191">
        <v>16</v>
      </c>
      <c r="W18" s="196">
        <v>26</v>
      </c>
      <c r="X18" s="195">
        <v>26</v>
      </c>
      <c r="Y18" s="190">
        <v>27</v>
      </c>
      <c r="Z18" s="191">
        <v>24</v>
      </c>
      <c r="AA18" s="196">
        <v>51</v>
      </c>
      <c r="AB18" s="193">
        <v>0</v>
      </c>
      <c r="AC18" s="191">
        <v>85</v>
      </c>
      <c r="AD18" s="191">
        <v>170</v>
      </c>
      <c r="AE18" s="191">
        <v>36</v>
      </c>
      <c r="AF18" s="191">
        <v>49</v>
      </c>
      <c r="AG18" s="191">
        <v>38</v>
      </c>
      <c r="AH18" s="196">
        <v>378</v>
      </c>
      <c r="AI18" s="195">
        <v>429</v>
      </c>
      <c r="AJ18" s="190">
        <v>12</v>
      </c>
      <c r="AK18" s="191">
        <v>0</v>
      </c>
      <c r="AL18" s="196">
        <v>12</v>
      </c>
      <c r="AM18" s="193">
        <v>0</v>
      </c>
      <c r="AN18" s="191">
        <v>10</v>
      </c>
      <c r="AO18" s="191">
        <v>54</v>
      </c>
      <c r="AP18" s="191">
        <v>0</v>
      </c>
      <c r="AQ18" s="191">
        <v>15</v>
      </c>
      <c r="AR18" s="191">
        <v>0</v>
      </c>
      <c r="AS18" s="196">
        <v>79</v>
      </c>
      <c r="AT18" s="195">
        <v>91</v>
      </c>
      <c r="AU18" s="190">
        <v>0</v>
      </c>
      <c r="AV18" s="191">
        <v>0</v>
      </c>
      <c r="AW18" s="196">
        <v>0</v>
      </c>
      <c r="AX18" s="193">
        <v>0</v>
      </c>
      <c r="AY18" s="191">
        <v>151</v>
      </c>
      <c r="AZ18" s="191">
        <v>230</v>
      </c>
      <c r="BA18" s="191">
        <v>85</v>
      </c>
      <c r="BB18" s="191">
        <v>44</v>
      </c>
      <c r="BC18" s="191">
        <v>0</v>
      </c>
      <c r="BD18" s="194">
        <v>510</v>
      </c>
      <c r="BE18" s="195">
        <v>510</v>
      </c>
      <c r="BF18" s="190">
        <v>0</v>
      </c>
      <c r="BG18" s="191">
        <v>0</v>
      </c>
      <c r="BH18" s="196">
        <v>0</v>
      </c>
      <c r="BI18" s="193">
        <v>0</v>
      </c>
      <c r="BJ18" s="191">
        <v>66</v>
      </c>
      <c r="BK18" s="191">
        <v>208</v>
      </c>
      <c r="BL18" s="191">
        <v>50</v>
      </c>
      <c r="BM18" s="191">
        <v>3</v>
      </c>
      <c r="BN18" s="191">
        <v>11</v>
      </c>
      <c r="BO18" s="196">
        <v>338</v>
      </c>
      <c r="BP18" s="195">
        <v>338</v>
      </c>
      <c r="BQ18" s="190">
        <v>0</v>
      </c>
      <c r="BR18" s="191">
        <v>0</v>
      </c>
      <c r="BS18" s="196">
        <v>0</v>
      </c>
      <c r="BT18" s="193">
        <v>0</v>
      </c>
      <c r="BU18" s="191">
        <v>0</v>
      </c>
      <c r="BV18" s="191">
        <v>6</v>
      </c>
      <c r="BW18" s="191">
        <v>8</v>
      </c>
      <c r="BX18" s="191">
        <v>0</v>
      </c>
      <c r="BY18" s="191">
        <v>8</v>
      </c>
      <c r="BZ18" s="196">
        <v>22</v>
      </c>
      <c r="CA18" s="195">
        <v>22</v>
      </c>
      <c r="CB18" s="190">
        <v>0</v>
      </c>
      <c r="CC18" s="191">
        <v>0</v>
      </c>
      <c r="CD18" s="196">
        <v>0</v>
      </c>
      <c r="CE18" s="193">
        <v>0</v>
      </c>
      <c r="CF18" s="191">
        <v>0</v>
      </c>
      <c r="CG18" s="191">
        <v>8</v>
      </c>
      <c r="CH18" s="191">
        <v>7</v>
      </c>
      <c r="CI18" s="191">
        <v>0</v>
      </c>
      <c r="CJ18" s="191">
        <v>0</v>
      </c>
      <c r="CK18" s="196">
        <v>15</v>
      </c>
      <c r="CL18" s="195">
        <v>15</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137</v>
      </c>
      <c r="H19" s="191">
        <v>275</v>
      </c>
      <c r="I19" s="191">
        <v>393</v>
      </c>
      <c r="J19" s="191">
        <v>146</v>
      </c>
      <c r="K19" s="191">
        <v>262</v>
      </c>
      <c r="L19" s="194">
        <v>1213</v>
      </c>
      <c r="M19" s="195">
        <v>1213</v>
      </c>
      <c r="N19" s="190">
        <v>0</v>
      </c>
      <c r="O19" s="191">
        <v>0</v>
      </c>
      <c r="P19" s="196">
        <v>0</v>
      </c>
      <c r="Q19" s="193">
        <v>0</v>
      </c>
      <c r="R19" s="191">
        <v>0</v>
      </c>
      <c r="S19" s="191">
        <v>0</v>
      </c>
      <c r="T19" s="191">
        <v>3</v>
      </c>
      <c r="U19" s="191">
        <v>0</v>
      </c>
      <c r="V19" s="191">
        <v>6</v>
      </c>
      <c r="W19" s="196">
        <v>9</v>
      </c>
      <c r="X19" s="195">
        <v>9</v>
      </c>
      <c r="Y19" s="190">
        <v>0</v>
      </c>
      <c r="Z19" s="191">
        <v>23</v>
      </c>
      <c r="AA19" s="196">
        <v>23</v>
      </c>
      <c r="AB19" s="193">
        <v>0</v>
      </c>
      <c r="AC19" s="191">
        <v>94</v>
      </c>
      <c r="AD19" s="191">
        <v>156</v>
      </c>
      <c r="AE19" s="191">
        <v>143</v>
      </c>
      <c r="AF19" s="191">
        <v>6</v>
      </c>
      <c r="AG19" s="191">
        <v>18</v>
      </c>
      <c r="AH19" s="196">
        <v>417</v>
      </c>
      <c r="AI19" s="195">
        <v>440</v>
      </c>
      <c r="AJ19" s="190">
        <v>0</v>
      </c>
      <c r="AK19" s="191">
        <v>15</v>
      </c>
      <c r="AL19" s="196">
        <v>15</v>
      </c>
      <c r="AM19" s="193">
        <v>0</v>
      </c>
      <c r="AN19" s="191">
        <v>8</v>
      </c>
      <c r="AO19" s="191">
        <v>6</v>
      </c>
      <c r="AP19" s="191">
        <v>44</v>
      </c>
      <c r="AQ19" s="191">
        <v>0</v>
      </c>
      <c r="AR19" s="191">
        <v>9</v>
      </c>
      <c r="AS19" s="196">
        <v>67</v>
      </c>
      <c r="AT19" s="195">
        <v>82</v>
      </c>
      <c r="AU19" s="190">
        <v>0</v>
      </c>
      <c r="AV19" s="191">
        <v>0</v>
      </c>
      <c r="AW19" s="196">
        <v>0</v>
      </c>
      <c r="AX19" s="193">
        <v>0</v>
      </c>
      <c r="AY19" s="191">
        <v>172</v>
      </c>
      <c r="AZ19" s="191">
        <v>266</v>
      </c>
      <c r="BA19" s="191">
        <v>131</v>
      </c>
      <c r="BB19" s="191">
        <v>10</v>
      </c>
      <c r="BC19" s="191">
        <v>5</v>
      </c>
      <c r="BD19" s="194">
        <v>584</v>
      </c>
      <c r="BE19" s="195">
        <v>584</v>
      </c>
      <c r="BF19" s="190">
        <v>0</v>
      </c>
      <c r="BG19" s="191">
        <v>0</v>
      </c>
      <c r="BH19" s="196">
        <v>0</v>
      </c>
      <c r="BI19" s="193">
        <v>0</v>
      </c>
      <c r="BJ19" s="191">
        <v>33</v>
      </c>
      <c r="BK19" s="191">
        <v>96</v>
      </c>
      <c r="BL19" s="191">
        <v>43</v>
      </c>
      <c r="BM19" s="191">
        <v>9</v>
      </c>
      <c r="BN19" s="191">
        <v>0</v>
      </c>
      <c r="BO19" s="196">
        <v>181</v>
      </c>
      <c r="BP19" s="195">
        <v>181</v>
      </c>
      <c r="BQ19" s="190">
        <v>0</v>
      </c>
      <c r="BR19" s="191">
        <v>0</v>
      </c>
      <c r="BS19" s="196">
        <v>0</v>
      </c>
      <c r="BT19" s="193">
        <v>0</v>
      </c>
      <c r="BU19" s="191">
        <v>22</v>
      </c>
      <c r="BV19" s="191">
        <v>100</v>
      </c>
      <c r="BW19" s="191">
        <v>32</v>
      </c>
      <c r="BX19" s="191">
        <v>86</v>
      </c>
      <c r="BY19" s="191">
        <v>25</v>
      </c>
      <c r="BZ19" s="196">
        <v>265</v>
      </c>
      <c r="CA19" s="195">
        <v>265</v>
      </c>
      <c r="CB19" s="190">
        <v>0</v>
      </c>
      <c r="CC19" s="191">
        <v>0</v>
      </c>
      <c r="CD19" s="196">
        <v>0</v>
      </c>
      <c r="CE19" s="193">
        <v>0</v>
      </c>
      <c r="CF19" s="191">
        <v>0</v>
      </c>
      <c r="CG19" s="191">
        <v>3</v>
      </c>
      <c r="CH19" s="191">
        <v>12</v>
      </c>
      <c r="CI19" s="191">
        <v>0</v>
      </c>
      <c r="CJ19" s="191">
        <v>0</v>
      </c>
      <c r="CK19" s="196">
        <v>15</v>
      </c>
      <c r="CL19" s="195">
        <v>15</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327</v>
      </c>
      <c r="H20" s="191">
        <v>284</v>
      </c>
      <c r="I20" s="191">
        <v>893</v>
      </c>
      <c r="J20" s="191">
        <v>559</v>
      </c>
      <c r="K20" s="191">
        <v>318</v>
      </c>
      <c r="L20" s="194">
        <v>2381</v>
      </c>
      <c r="M20" s="195">
        <v>2381</v>
      </c>
      <c r="N20" s="190">
        <v>0</v>
      </c>
      <c r="O20" s="191">
        <v>0</v>
      </c>
      <c r="P20" s="196">
        <v>0</v>
      </c>
      <c r="Q20" s="193">
        <v>0</v>
      </c>
      <c r="R20" s="191">
        <v>0</v>
      </c>
      <c r="S20" s="191">
        <v>4</v>
      </c>
      <c r="T20" s="191">
        <v>0</v>
      </c>
      <c r="U20" s="191">
        <v>32</v>
      </c>
      <c r="V20" s="191">
        <v>18</v>
      </c>
      <c r="W20" s="196">
        <v>54</v>
      </c>
      <c r="X20" s="195">
        <v>54</v>
      </c>
      <c r="Y20" s="190">
        <v>14</v>
      </c>
      <c r="Z20" s="191">
        <v>49</v>
      </c>
      <c r="AA20" s="196">
        <v>63</v>
      </c>
      <c r="AB20" s="193">
        <v>0</v>
      </c>
      <c r="AC20" s="191">
        <v>113</v>
      </c>
      <c r="AD20" s="191">
        <v>270</v>
      </c>
      <c r="AE20" s="191">
        <v>144</v>
      </c>
      <c r="AF20" s="191">
        <v>92</v>
      </c>
      <c r="AG20" s="191">
        <v>79</v>
      </c>
      <c r="AH20" s="196">
        <v>698</v>
      </c>
      <c r="AI20" s="195">
        <v>761</v>
      </c>
      <c r="AJ20" s="190">
        <v>0</v>
      </c>
      <c r="AK20" s="191">
        <v>12</v>
      </c>
      <c r="AL20" s="196">
        <v>12</v>
      </c>
      <c r="AM20" s="193">
        <v>0</v>
      </c>
      <c r="AN20" s="191">
        <v>45</v>
      </c>
      <c r="AO20" s="191">
        <v>42</v>
      </c>
      <c r="AP20" s="191">
        <v>81</v>
      </c>
      <c r="AQ20" s="191">
        <v>41</v>
      </c>
      <c r="AR20" s="191">
        <v>0</v>
      </c>
      <c r="AS20" s="196">
        <v>209</v>
      </c>
      <c r="AT20" s="195">
        <v>221</v>
      </c>
      <c r="AU20" s="190">
        <v>0</v>
      </c>
      <c r="AV20" s="191">
        <v>0</v>
      </c>
      <c r="AW20" s="196">
        <v>0</v>
      </c>
      <c r="AX20" s="193">
        <v>0</v>
      </c>
      <c r="AY20" s="191">
        <v>475</v>
      </c>
      <c r="AZ20" s="191">
        <v>266</v>
      </c>
      <c r="BA20" s="191">
        <v>221</v>
      </c>
      <c r="BB20" s="191">
        <v>82</v>
      </c>
      <c r="BC20" s="191">
        <v>25</v>
      </c>
      <c r="BD20" s="194">
        <v>1069</v>
      </c>
      <c r="BE20" s="195">
        <v>1069</v>
      </c>
      <c r="BF20" s="190">
        <v>0</v>
      </c>
      <c r="BG20" s="191">
        <v>0</v>
      </c>
      <c r="BH20" s="196">
        <v>0</v>
      </c>
      <c r="BI20" s="193">
        <v>0</v>
      </c>
      <c r="BJ20" s="191">
        <v>123</v>
      </c>
      <c r="BK20" s="191">
        <v>94</v>
      </c>
      <c r="BL20" s="191">
        <v>126</v>
      </c>
      <c r="BM20" s="191">
        <v>3</v>
      </c>
      <c r="BN20" s="191">
        <v>20</v>
      </c>
      <c r="BO20" s="196">
        <v>366</v>
      </c>
      <c r="BP20" s="195">
        <v>366</v>
      </c>
      <c r="BQ20" s="190">
        <v>0</v>
      </c>
      <c r="BR20" s="191">
        <v>3</v>
      </c>
      <c r="BS20" s="196">
        <v>3</v>
      </c>
      <c r="BT20" s="193">
        <v>0</v>
      </c>
      <c r="BU20" s="191">
        <v>22</v>
      </c>
      <c r="BV20" s="191">
        <v>102</v>
      </c>
      <c r="BW20" s="191">
        <v>151</v>
      </c>
      <c r="BX20" s="191">
        <v>43</v>
      </c>
      <c r="BY20" s="191">
        <v>11</v>
      </c>
      <c r="BZ20" s="196">
        <v>329</v>
      </c>
      <c r="CA20" s="195">
        <v>332</v>
      </c>
      <c r="CB20" s="190">
        <v>0</v>
      </c>
      <c r="CC20" s="191">
        <v>0</v>
      </c>
      <c r="CD20" s="196">
        <v>0</v>
      </c>
      <c r="CE20" s="193">
        <v>0</v>
      </c>
      <c r="CF20" s="191">
        <v>0</v>
      </c>
      <c r="CG20" s="191">
        <v>0</v>
      </c>
      <c r="CH20" s="191">
        <v>0</v>
      </c>
      <c r="CI20" s="191">
        <v>0</v>
      </c>
      <c r="CJ20" s="191">
        <v>0</v>
      </c>
      <c r="CK20" s="196">
        <v>0</v>
      </c>
      <c r="CL20" s="195">
        <v>0</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83</v>
      </c>
      <c r="H21" s="191">
        <v>113</v>
      </c>
      <c r="I21" s="191">
        <v>261</v>
      </c>
      <c r="J21" s="191">
        <v>283</v>
      </c>
      <c r="K21" s="191">
        <v>147</v>
      </c>
      <c r="L21" s="194">
        <v>887</v>
      </c>
      <c r="M21" s="195">
        <v>887</v>
      </c>
      <c r="N21" s="190">
        <v>0</v>
      </c>
      <c r="O21" s="191">
        <v>0</v>
      </c>
      <c r="P21" s="196">
        <v>0</v>
      </c>
      <c r="Q21" s="193">
        <v>0</v>
      </c>
      <c r="R21" s="191">
        <v>0</v>
      </c>
      <c r="S21" s="191">
        <v>0</v>
      </c>
      <c r="T21" s="191">
        <v>6</v>
      </c>
      <c r="U21" s="191">
        <v>8</v>
      </c>
      <c r="V21" s="191">
        <v>18</v>
      </c>
      <c r="W21" s="196">
        <v>32</v>
      </c>
      <c r="X21" s="195">
        <v>32</v>
      </c>
      <c r="Y21" s="190">
        <v>0</v>
      </c>
      <c r="Z21" s="191">
        <v>10</v>
      </c>
      <c r="AA21" s="196">
        <v>10</v>
      </c>
      <c r="AB21" s="193">
        <v>0</v>
      </c>
      <c r="AC21" s="191">
        <v>114</v>
      </c>
      <c r="AD21" s="191">
        <v>63</v>
      </c>
      <c r="AE21" s="191">
        <v>67</v>
      </c>
      <c r="AF21" s="191">
        <v>39</v>
      </c>
      <c r="AG21" s="191">
        <v>62</v>
      </c>
      <c r="AH21" s="196">
        <v>345</v>
      </c>
      <c r="AI21" s="195">
        <v>355</v>
      </c>
      <c r="AJ21" s="190">
        <v>0</v>
      </c>
      <c r="AK21" s="191">
        <v>0</v>
      </c>
      <c r="AL21" s="196">
        <v>0</v>
      </c>
      <c r="AM21" s="193">
        <v>0</v>
      </c>
      <c r="AN21" s="191">
        <v>12</v>
      </c>
      <c r="AO21" s="191">
        <v>24</v>
      </c>
      <c r="AP21" s="191">
        <v>0</v>
      </c>
      <c r="AQ21" s="191">
        <v>0</v>
      </c>
      <c r="AR21" s="191">
        <v>0</v>
      </c>
      <c r="AS21" s="196">
        <v>36</v>
      </c>
      <c r="AT21" s="195">
        <v>36</v>
      </c>
      <c r="AU21" s="190">
        <v>0</v>
      </c>
      <c r="AV21" s="191">
        <v>0</v>
      </c>
      <c r="AW21" s="196">
        <v>0</v>
      </c>
      <c r="AX21" s="193">
        <v>0</v>
      </c>
      <c r="AY21" s="191">
        <v>132</v>
      </c>
      <c r="AZ21" s="191">
        <v>132</v>
      </c>
      <c r="BA21" s="191">
        <v>28</v>
      </c>
      <c r="BB21" s="191">
        <v>4</v>
      </c>
      <c r="BC21" s="191">
        <v>5</v>
      </c>
      <c r="BD21" s="194">
        <v>301</v>
      </c>
      <c r="BE21" s="195">
        <v>301</v>
      </c>
      <c r="BF21" s="190">
        <v>0</v>
      </c>
      <c r="BG21" s="191">
        <v>0</v>
      </c>
      <c r="BH21" s="196">
        <v>0</v>
      </c>
      <c r="BI21" s="193">
        <v>0</v>
      </c>
      <c r="BJ21" s="191">
        <v>49</v>
      </c>
      <c r="BK21" s="191">
        <v>58</v>
      </c>
      <c r="BL21" s="191">
        <v>22</v>
      </c>
      <c r="BM21" s="191">
        <v>8</v>
      </c>
      <c r="BN21" s="191">
        <v>0</v>
      </c>
      <c r="BO21" s="196">
        <v>137</v>
      </c>
      <c r="BP21" s="195">
        <v>137</v>
      </c>
      <c r="BQ21" s="190">
        <v>0</v>
      </c>
      <c r="BR21" s="191">
        <v>0</v>
      </c>
      <c r="BS21" s="196">
        <v>0</v>
      </c>
      <c r="BT21" s="193">
        <v>0</v>
      </c>
      <c r="BU21" s="191">
        <v>5</v>
      </c>
      <c r="BV21" s="191">
        <v>2</v>
      </c>
      <c r="BW21" s="191">
        <v>25</v>
      </c>
      <c r="BX21" s="191">
        <v>0</v>
      </c>
      <c r="BY21" s="191">
        <v>0</v>
      </c>
      <c r="BZ21" s="196">
        <v>32</v>
      </c>
      <c r="CA21" s="195">
        <v>32</v>
      </c>
      <c r="CB21" s="190">
        <v>0</v>
      </c>
      <c r="CC21" s="191">
        <v>0</v>
      </c>
      <c r="CD21" s="196">
        <v>0</v>
      </c>
      <c r="CE21" s="193">
        <v>0</v>
      </c>
      <c r="CF21" s="191">
        <v>0</v>
      </c>
      <c r="CG21" s="191">
        <v>6</v>
      </c>
      <c r="CH21" s="191">
        <v>0</v>
      </c>
      <c r="CI21" s="191">
        <v>0</v>
      </c>
      <c r="CJ21" s="191">
        <v>0</v>
      </c>
      <c r="CK21" s="196">
        <v>6</v>
      </c>
      <c r="CL21" s="195">
        <v>6</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300</v>
      </c>
      <c r="H22" s="191">
        <v>338</v>
      </c>
      <c r="I22" s="191">
        <v>219</v>
      </c>
      <c r="J22" s="191">
        <v>70</v>
      </c>
      <c r="K22" s="191">
        <v>313</v>
      </c>
      <c r="L22" s="194">
        <v>1240</v>
      </c>
      <c r="M22" s="195">
        <v>1240</v>
      </c>
      <c r="N22" s="190">
        <v>0</v>
      </c>
      <c r="O22" s="191">
        <v>0</v>
      </c>
      <c r="P22" s="196">
        <v>0</v>
      </c>
      <c r="Q22" s="193">
        <v>0</v>
      </c>
      <c r="R22" s="191">
        <v>0</v>
      </c>
      <c r="S22" s="191">
        <v>0</v>
      </c>
      <c r="T22" s="191">
        <v>7</v>
      </c>
      <c r="U22" s="191">
        <v>0</v>
      </c>
      <c r="V22" s="191">
        <v>17</v>
      </c>
      <c r="W22" s="196">
        <v>24</v>
      </c>
      <c r="X22" s="195">
        <v>24</v>
      </c>
      <c r="Y22" s="190">
        <v>33</v>
      </c>
      <c r="Z22" s="191">
        <v>23</v>
      </c>
      <c r="AA22" s="196">
        <v>56</v>
      </c>
      <c r="AB22" s="193">
        <v>0</v>
      </c>
      <c r="AC22" s="191">
        <v>159</v>
      </c>
      <c r="AD22" s="191">
        <v>212</v>
      </c>
      <c r="AE22" s="191">
        <v>104</v>
      </c>
      <c r="AF22" s="191">
        <v>49</v>
      </c>
      <c r="AG22" s="191">
        <v>42</v>
      </c>
      <c r="AH22" s="196">
        <v>566</v>
      </c>
      <c r="AI22" s="195">
        <v>622</v>
      </c>
      <c r="AJ22" s="190">
        <v>18</v>
      </c>
      <c r="AK22" s="191">
        <v>20</v>
      </c>
      <c r="AL22" s="196">
        <v>38</v>
      </c>
      <c r="AM22" s="193">
        <v>0</v>
      </c>
      <c r="AN22" s="191">
        <v>35</v>
      </c>
      <c r="AO22" s="191">
        <v>67</v>
      </c>
      <c r="AP22" s="191">
        <v>73</v>
      </c>
      <c r="AQ22" s="191">
        <v>6</v>
      </c>
      <c r="AR22" s="191">
        <v>45</v>
      </c>
      <c r="AS22" s="196">
        <v>226</v>
      </c>
      <c r="AT22" s="195">
        <v>264</v>
      </c>
      <c r="AU22" s="190">
        <v>0</v>
      </c>
      <c r="AV22" s="191">
        <v>0</v>
      </c>
      <c r="AW22" s="196">
        <v>0</v>
      </c>
      <c r="AX22" s="193">
        <v>0</v>
      </c>
      <c r="AY22" s="191">
        <v>257</v>
      </c>
      <c r="AZ22" s="191">
        <v>167</v>
      </c>
      <c r="BA22" s="191">
        <v>125</v>
      </c>
      <c r="BB22" s="191">
        <v>33</v>
      </c>
      <c r="BC22" s="191">
        <v>9</v>
      </c>
      <c r="BD22" s="194">
        <v>591</v>
      </c>
      <c r="BE22" s="195">
        <v>591</v>
      </c>
      <c r="BF22" s="190">
        <v>0</v>
      </c>
      <c r="BG22" s="191">
        <v>0</v>
      </c>
      <c r="BH22" s="196">
        <v>0</v>
      </c>
      <c r="BI22" s="193">
        <v>0</v>
      </c>
      <c r="BJ22" s="191">
        <v>90</v>
      </c>
      <c r="BK22" s="191">
        <v>65</v>
      </c>
      <c r="BL22" s="191">
        <v>33</v>
      </c>
      <c r="BM22" s="191">
        <v>11</v>
      </c>
      <c r="BN22" s="191">
        <v>10</v>
      </c>
      <c r="BO22" s="196">
        <v>209</v>
      </c>
      <c r="BP22" s="195">
        <v>209</v>
      </c>
      <c r="BQ22" s="190">
        <v>0</v>
      </c>
      <c r="BR22" s="191">
        <v>5</v>
      </c>
      <c r="BS22" s="196">
        <v>5</v>
      </c>
      <c r="BT22" s="193">
        <v>0</v>
      </c>
      <c r="BU22" s="191">
        <v>48</v>
      </c>
      <c r="BV22" s="191">
        <v>20</v>
      </c>
      <c r="BW22" s="191">
        <v>59</v>
      </c>
      <c r="BX22" s="191">
        <v>101</v>
      </c>
      <c r="BY22" s="191">
        <v>6</v>
      </c>
      <c r="BZ22" s="196">
        <v>234</v>
      </c>
      <c r="CA22" s="195">
        <v>239</v>
      </c>
      <c r="CB22" s="190">
        <v>0</v>
      </c>
      <c r="CC22" s="191">
        <v>0</v>
      </c>
      <c r="CD22" s="196">
        <v>0</v>
      </c>
      <c r="CE22" s="193">
        <v>0</v>
      </c>
      <c r="CF22" s="191">
        <v>0</v>
      </c>
      <c r="CG22" s="191">
        <v>0</v>
      </c>
      <c r="CH22" s="191">
        <v>3</v>
      </c>
      <c r="CI22" s="191">
        <v>20</v>
      </c>
      <c r="CJ22" s="191">
        <v>0</v>
      </c>
      <c r="CK22" s="196">
        <v>23</v>
      </c>
      <c r="CL22" s="195">
        <v>23</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97</v>
      </c>
      <c r="H23" s="191">
        <v>151</v>
      </c>
      <c r="I23" s="191">
        <v>108</v>
      </c>
      <c r="J23" s="191">
        <v>91</v>
      </c>
      <c r="K23" s="191">
        <v>317</v>
      </c>
      <c r="L23" s="194">
        <v>764</v>
      </c>
      <c r="M23" s="195">
        <v>764</v>
      </c>
      <c r="N23" s="190">
        <v>0</v>
      </c>
      <c r="O23" s="191">
        <v>0</v>
      </c>
      <c r="P23" s="196">
        <v>0</v>
      </c>
      <c r="Q23" s="193">
        <v>0</v>
      </c>
      <c r="R23" s="191">
        <v>0</v>
      </c>
      <c r="S23" s="191">
        <v>1</v>
      </c>
      <c r="T23" s="191">
        <v>0</v>
      </c>
      <c r="U23" s="191">
        <v>4</v>
      </c>
      <c r="V23" s="191">
        <v>10</v>
      </c>
      <c r="W23" s="196">
        <v>15</v>
      </c>
      <c r="X23" s="195">
        <v>15</v>
      </c>
      <c r="Y23" s="190">
        <v>18</v>
      </c>
      <c r="Z23" s="191">
        <v>24</v>
      </c>
      <c r="AA23" s="196">
        <v>42</v>
      </c>
      <c r="AB23" s="193">
        <v>0</v>
      </c>
      <c r="AC23" s="191">
        <v>135</v>
      </c>
      <c r="AD23" s="191">
        <v>158</v>
      </c>
      <c r="AE23" s="191">
        <v>74</v>
      </c>
      <c r="AF23" s="191">
        <v>121</v>
      </c>
      <c r="AG23" s="191">
        <v>55</v>
      </c>
      <c r="AH23" s="196">
        <v>543</v>
      </c>
      <c r="AI23" s="195">
        <v>585</v>
      </c>
      <c r="AJ23" s="190">
        <v>24</v>
      </c>
      <c r="AK23" s="191">
        <v>8</v>
      </c>
      <c r="AL23" s="196">
        <v>32</v>
      </c>
      <c r="AM23" s="193">
        <v>0</v>
      </c>
      <c r="AN23" s="191">
        <v>18</v>
      </c>
      <c r="AO23" s="191">
        <v>32</v>
      </c>
      <c r="AP23" s="191">
        <v>0</v>
      </c>
      <c r="AQ23" s="191">
        <v>0</v>
      </c>
      <c r="AR23" s="191">
        <v>22</v>
      </c>
      <c r="AS23" s="196">
        <v>72</v>
      </c>
      <c r="AT23" s="195">
        <v>104</v>
      </c>
      <c r="AU23" s="190">
        <v>0</v>
      </c>
      <c r="AV23" s="191">
        <v>0</v>
      </c>
      <c r="AW23" s="196">
        <v>0</v>
      </c>
      <c r="AX23" s="193">
        <v>0</v>
      </c>
      <c r="AY23" s="191">
        <v>162</v>
      </c>
      <c r="AZ23" s="191">
        <v>175</v>
      </c>
      <c r="BA23" s="191">
        <v>107</v>
      </c>
      <c r="BB23" s="191">
        <v>45</v>
      </c>
      <c r="BC23" s="191">
        <v>9</v>
      </c>
      <c r="BD23" s="194">
        <v>498</v>
      </c>
      <c r="BE23" s="195">
        <v>498</v>
      </c>
      <c r="BF23" s="190">
        <v>0</v>
      </c>
      <c r="BG23" s="191">
        <v>0</v>
      </c>
      <c r="BH23" s="196">
        <v>0</v>
      </c>
      <c r="BI23" s="193">
        <v>0</v>
      </c>
      <c r="BJ23" s="191">
        <v>64</v>
      </c>
      <c r="BK23" s="191">
        <v>48</v>
      </c>
      <c r="BL23" s="191">
        <v>30</v>
      </c>
      <c r="BM23" s="191">
        <v>0</v>
      </c>
      <c r="BN23" s="191">
        <v>0</v>
      </c>
      <c r="BO23" s="196">
        <v>142</v>
      </c>
      <c r="BP23" s="195">
        <v>142</v>
      </c>
      <c r="BQ23" s="190">
        <v>0</v>
      </c>
      <c r="BR23" s="191">
        <v>0</v>
      </c>
      <c r="BS23" s="196">
        <v>0</v>
      </c>
      <c r="BT23" s="193">
        <v>0</v>
      </c>
      <c r="BU23" s="191">
        <v>16</v>
      </c>
      <c r="BV23" s="191">
        <v>15</v>
      </c>
      <c r="BW23" s="191">
        <v>37</v>
      </c>
      <c r="BX23" s="191">
        <v>9</v>
      </c>
      <c r="BY23" s="191">
        <v>28</v>
      </c>
      <c r="BZ23" s="196">
        <v>105</v>
      </c>
      <c r="CA23" s="195">
        <v>105</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147</v>
      </c>
      <c r="H24" s="191">
        <v>42</v>
      </c>
      <c r="I24" s="191">
        <v>45</v>
      </c>
      <c r="J24" s="191">
        <v>35</v>
      </c>
      <c r="K24" s="191">
        <v>34</v>
      </c>
      <c r="L24" s="194">
        <v>303</v>
      </c>
      <c r="M24" s="195">
        <v>303</v>
      </c>
      <c r="N24" s="190">
        <v>0</v>
      </c>
      <c r="O24" s="191">
        <v>0</v>
      </c>
      <c r="P24" s="196">
        <v>0</v>
      </c>
      <c r="Q24" s="193">
        <v>0</v>
      </c>
      <c r="R24" s="191">
        <v>0</v>
      </c>
      <c r="S24" s="191">
        <v>0</v>
      </c>
      <c r="T24" s="191">
        <v>0</v>
      </c>
      <c r="U24" s="191">
        <v>0</v>
      </c>
      <c r="V24" s="191">
        <v>0</v>
      </c>
      <c r="W24" s="196">
        <v>0</v>
      </c>
      <c r="X24" s="195">
        <v>0</v>
      </c>
      <c r="Y24" s="190">
        <v>0</v>
      </c>
      <c r="Z24" s="191">
        <v>12</v>
      </c>
      <c r="AA24" s="196">
        <v>12</v>
      </c>
      <c r="AB24" s="193">
        <v>0</v>
      </c>
      <c r="AC24" s="191">
        <v>19</v>
      </c>
      <c r="AD24" s="191">
        <v>41</v>
      </c>
      <c r="AE24" s="191">
        <v>24</v>
      </c>
      <c r="AF24" s="191">
        <v>20</v>
      </c>
      <c r="AG24" s="191">
        <v>18</v>
      </c>
      <c r="AH24" s="196">
        <v>122</v>
      </c>
      <c r="AI24" s="195">
        <v>134</v>
      </c>
      <c r="AJ24" s="190">
        <v>15</v>
      </c>
      <c r="AK24" s="191">
        <v>0</v>
      </c>
      <c r="AL24" s="196">
        <v>15</v>
      </c>
      <c r="AM24" s="193">
        <v>0</v>
      </c>
      <c r="AN24" s="191">
        <v>0</v>
      </c>
      <c r="AO24" s="191">
        <v>27</v>
      </c>
      <c r="AP24" s="191">
        <v>0</v>
      </c>
      <c r="AQ24" s="191">
        <v>0</v>
      </c>
      <c r="AR24" s="191">
        <v>0</v>
      </c>
      <c r="AS24" s="196">
        <v>27</v>
      </c>
      <c r="AT24" s="195">
        <v>42</v>
      </c>
      <c r="AU24" s="190">
        <v>0</v>
      </c>
      <c r="AV24" s="191">
        <v>0</v>
      </c>
      <c r="AW24" s="196">
        <v>0</v>
      </c>
      <c r="AX24" s="193">
        <v>0</v>
      </c>
      <c r="AY24" s="191">
        <v>112</v>
      </c>
      <c r="AZ24" s="191">
        <v>40</v>
      </c>
      <c r="BA24" s="191">
        <v>97</v>
      </c>
      <c r="BB24" s="191">
        <v>0</v>
      </c>
      <c r="BC24" s="191">
        <v>2</v>
      </c>
      <c r="BD24" s="194">
        <v>251</v>
      </c>
      <c r="BE24" s="195">
        <v>251</v>
      </c>
      <c r="BF24" s="190">
        <v>0</v>
      </c>
      <c r="BG24" s="191">
        <v>0</v>
      </c>
      <c r="BH24" s="196">
        <v>0</v>
      </c>
      <c r="BI24" s="193">
        <v>0</v>
      </c>
      <c r="BJ24" s="191">
        <v>50</v>
      </c>
      <c r="BK24" s="191">
        <v>6</v>
      </c>
      <c r="BL24" s="191">
        <v>12</v>
      </c>
      <c r="BM24" s="191">
        <v>12</v>
      </c>
      <c r="BN24" s="191">
        <v>9</v>
      </c>
      <c r="BO24" s="196">
        <v>89</v>
      </c>
      <c r="BP24" s="195">
        <v>89</v>
      </c>
      <c r="BQ24" s="190">
        <v>0</v>
      </c>
      <c r="BR24" s="191">
        <v>0</v>
      </c>
      <c r="BS24" s="196">
        <v>0</v>
      </c>
      <c r="BT24" s="193">
        <v>0</v>
      </c>
      <c r="BU24" s="191">
        <v>0</v>
      </c>
      <c r="BV24" s="191">
        <v>3</v>
      </c>
      <c r="BW24" s="191">
        <v>2</v>
      </c>
      <c r="BX24" s="191">
        <v>74</v>
      </c>
      <c r="BY24" s="191">
        <v>0</v>
      </c>
      <c r="BZ24" s="196">
        <v>79</v>
      </c>
      <c r="CA24" s="195">
        <v>79</v>
      </c>
      <c r="CB24" s="190">
        <v>0</v>
      </c>
      <c r="CC24" s="191">
        <v>0</v>
      </c>
      <c r="CD24" s="196">
        <v>0</v>
      </c>
      <c r="CE24" s="193">
        <v>0</v>
      </c>
      <c r="CF24" s="191">
        <v>3</v>
      </c>
      <c r="CG24" s="191">
        <v>0</v>
      </c>
      <c r="CH24" s="191">
        <v>9</v>
      </c>
      <c r="CI24" s="191">
        <v>0</v>
      </c>
      <c r="CJ24" s="191">
        <v>0</v>
      </c>
      <c r="CK24" s="196">
        <v>12</v>
      </c>
      <c r="CL24" s="195">
        <v>12</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84</v>
      </c>
      <c r="H25" s="191">
        <v>103</v>
      </c>
      <c r="I25" s="191">
        <v>140</v>
      </c>
      <c r="J25" s="191">
        <v>19</v>
      </c>
      <c r="K25" s="191">
        <v>0</v>
      </c>
      <c r="L25" s="194">
        <v>346</v>
      </c>
      <c r="M25" s="195">
        <v>346</v>
      </c>
      <c r="N25" s="190">
        <v>0</v>
      </c>
      <c r="O25" s="191">
        <v>0</v>
      </c>
      <c r="P25" s="196">
        <v>0</v>
      </c>
      <c r="Q25" s="193">
        <v>0</v>
      </c>
      <c r="R25" s="191">
        <v>0</v>
      </c>
      <c r="S25" s="191">
        <v>0</v>
      </c>
      <c r="T25" s="191">
        <v>0</v>
      </c>
      <c r="U25" s="191">
        <v>13</v>
      </c>
      <c r="V25" s="191">
        <v>0</v>
      </c>
      <c r="W25" s="196">
        <v>13</v>
      </c>
      <c r="X25" s="195">
        <v>13</v>
      </c>
      <c r="Y25" s="190">
        <v>37</v>
      </c>
      <c r="Z25" s="191">
        <v>21</v>
      </c>
      <c r="AA25" s="196">
        <v>58</v>
      </c>
      <c r="AB25" s="193">
        <v>0</v>
      </c>
      <c r="AC25" s="191">
        <v>52</v>
      </c>
      <c r="AD25" s="191">
        <v>89</v>
      </c>
      <c r="AE25" s="191">
        <v>14</v>
      </c>
      <c r="AF25" s="191">
        <v>43</v>
      </c>
      <c r="AG25" s="191">
        <v>2</v>
      </c>
      <c r="AH25" s="196">
        <v>200</v>
      </c>
      <c r="AI25" s="195">
        <v>258</v>
      </c>
      <c r="AJ25" s="190">
        <v>0</v>
      </c>
      <c r="AK25" s="191">
        <v>6</v>
      </c>
      <c r="AL25" s="196">
        <v>6</v>
      </c>
      <c r="AM25" s="193">
        <v>0</v>
      </c>
      <c r="AN25" s="191">
        <v>0</v>
      </c>
      <c r="AO25" s="191">
        <v>0</v>
      </c>
      <c r="AP25" s="191">
        <v>0</v>
      </c>
      <c r="AQ25" s="191">
        <v>4</v>
      </c>
      <c r="AR25" s="191">
        <v>0</v>
      </c>
      <c r="AS25" s="196">
        <v>4</v>
      </c>
      <c r="AT25" s="195">
        <v>10</v>
      </c>
      <c r="AU25" s="190">
        <v>0</v>
      </c>
      <c r="AV25" s="191">
        <v>0</v>
      </c>
      <c r="AW25" s="196">
        <v>0</v>
      </c>
      <c r="AX25" s="193">
        <v>0</v>
      </c>
      <c r="AY25" s="191">
        <v>109</v>
      </c>
      <c r="AZ25" s="191">
        <v>111</v>
      </c>
      <c r="BA25" s="191">
        <v>82</v>
      </c>
      <c r="BB25" s="191">
        <v>30</v>
      </c>
      <c r="BC25" s="191">
        <v>39</v>
      </c>
      <c r="BD25" s="194">
        <v>371</v>
      </c>
      <c r="BE25" s="195">
        <v>371</v>
      </c>
      <c r="BF25" s="190">
        <v>0</v>
      </c>
      <c r="BG25" s="191">
        <v>0</v>
      </c>
      <c r="BH25" s="196">
        <v>0</v>
      </c>
      <c r="BI25" s="193">
        <v>0</v>
      </c>
      <c r="BJ25" s="191">
        <v>20</v>
      </c>
      <c r="BK25" s="191">
        <v>7</v>
      </c>
      <c r="BL25" s="191">
        <v>0</v>
      </c>
      <c r="BM25" s="191">
        <v>13</v>
      </c>
      <c r="BN25" s="191">
        <v>0</v>
      </c>
      <c r="BO25" s="196">
        <v>40</v>
      </c>
      <c r="BP25" s="195">
        <v>40</v>
      </c>
      <c r="BQ25" s="190">
        <v>0</v>
      </c>
      <c r="BR25" s="191">
        <v>0</v>
      </c>
      <c r="BS25" s="196">
        <v>0</v>
      </c>
      <c r="BT25" s="193">
        <v>0</v>
      </c>
      <c r="BU25" s="191">
        <v>0</v>
      </c>
      <c r="BV25" s="191">
        <v>32</v>
      </c>
      <c r="BW25" s="191">
        <v>2</v>
      </c>
      <c r="BX25" s="191">
        <v>13</v>
      </c>
      <c r="BY25" s="191">
        <v>0</v>
      </c>
      <c r="BZ25" s="196">
        <v>47</v>
      </c>
      <c r="CA25" s="195">
        <v>47</v>
      </c>
      <c r="CB25" s="190">
        <v>0</v>
      </c>
      <c r="CC25" s="191">
        <v>0</v>
      </c>
      <c r="CD25" s="196">
        <v>0</v>
      </c>
      <c r="CE25" s="193">
        <v>0</v>
      </c>
      <c r="CF25" s="191">
        <v>3</v>
      </c>
      <c r="CG25" s="191">
        <v>0</v>
      </c>
      <c r="CH25" s="191">
        <v>0</v>
      </c>
      <c r="CI25" s="191">
        <v>0</v>
      </c>
      <c r="CJ25" s="191">
        <v>0</v>
      </c>
      <c r="CK25" s="196">
        <v>3</v>
      </c>
      <c r="CL25" s="195">
        <v>3</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89</v>
      </c>
      <c r="H26" s="191">
        <v>104</v>
      </c>
      <c r="I26" s="191">
        <v>127</v>
      </c>
      <c r="J26" s="191">
        <v>373</v>
      </c>
      <c r="K26" s="191">
        <v>2</v>
      </c>
      <c r="L26" s="194">
        <v>695</v>
      </c>
      <c r="M26" s="195">
        <v>695</v>
      </c>
      <c r="N26" s="190">
        <v>0</v>
      </c>
      <c r="O26" s="191">
        <v>0</v>
      </c>
      <c r="P26" s="196">
        <v>0</v>
      </c>
      <c r="Q26" s="193">
        <v>0</v>
      </c>
      <c r="R26" s="191">
        <v>0</v>
      </c>
      <c r="S26" s="191">
        <v>0</v>
      </c>
      <c r="T26" s="191">
        <v>1</v>
      </c>
      <c r="U26" s="191">
        <v>18</v>
      </c>
      <c r="V26" s="191">
        <v>12</v>
      </c>
      <c r="W26" s="196">
        <v>31</v>
      </c>
      <c r="X26" s="195">
        <v>31</v>
      </c>
      <c r="Y26" s="190">
        <v>10</v>
      </c>
      <c r="Z26" s="191">
        <v>26</v>
      </c>
      <c r="AA26" s="196">
        <v>36</v>
      </c>
      <c r="AB26" s="193">
        <v>0</v>
      </c>
      <c r="AC26" s="191">
        <v>95</v>
      </c>
      <c r="AD26" s="191">
        <v>63</v>
      </c>
      <c r="AE26" s="191">
        <v>27</v>
      </c>
      <c r="AF26" s="191">
        <v>85</v>
      </c>
      <c r="AG26" s="191">
        <v>5</v>
      </c>
      <c r="AH26" s="196">
        <v>275</v>
      </c>
      <c r="AI26" s="195">
        <v>311</v>
      </c>
      <c r="AJ26" s="190">
        <v>0</v>
      </c>
      <c r="AK26" s="191">
        <v>0</v>
      </c>
      <c r="AL26" s="196">
        <v>0</v>
      </c>
      <c r="AM26" s="193">
        <v>0</v>
      </c>
      <c r="AN26" s="191">
        <v>12</v>
      </c>
      <c r="AO26" s="191">
        <v>16</v>
      </c>
      <c r="AP26" s="191">
        <v>0</v>
      </c>
      <c r="AQ26" s="191">
        <v>0</v>
      </c>
      <c r="AR26" s="191">
        <v>0</v>
      </c>
      <c r="AS26" s="196">
        <v>28</v>
      </c>
      <c r="AT26" s="195">
        <v>28</v>
      </c>
      <c r="AU26" s="190">
        <v>0</v>
      </c>
      <c r="AV26" s="191">
        <v>0</v>
      </c>
      <c r="AW26" s="196">
        <v>0</v>
      </c>
      <c r="AX26" s="193">
        <v>0</v>
      </c>
      <c r="AY26" s="191">
        <v>107</v>
      </c>
      <c r="AZ26" s="191">
        <v>128</v>
      </c>
      <c r="BA26" s="191">
        <v>27</v>
      </c>
      <c r="BB26" s="191">
        <v>4</v>
      </c>
      <c r="BC26" s="191">
        <v>7</v>
      </c>
      <c r="BD26" s="194">
        <v>273</v>
      </c>
      <c r="BE26" s="195">
        <v>273</v>
      </c>
      <c r="BF26" s="190">
        <v>0</v>
      </c>
      <c r="BG26" s="191">
        <v>0</v>
      </c>
      <c r="BH26" s="196">
        <v>0</v>
      </c>
      <c r="BI26" s="193">
        <v>0</v>
      </c>
      <c r="BJ26" s="191">
        <v>10</v>
      </c>
      <c r="BK26" s="191">
        <v>53</v>
      </c>
      <c r="BL26" s="191">
        <v>32</v>
      </c>
      <c r="BM26" s="191">
        <v>18</v>
      </c>
      <c r="BN26" s="191">
        <v>0</v>
      </c>
      <c r="BO26" s="196">
        <v>113</v>
      </c>
      <c r="BP26" s="195">
        <v>113</v>
      </c>
      <c r="BQ26" s="190">
        <v>0</v>
      </c>
      <c r="BR26" s="191">
        <v>0</v>
      </c>
      <c r="BS26" s="196">
        <v>0</v>
      </c>
      <c r="BT26" s="193">
        <v>0</v>
      </c>
      <c r="BU26" s="191">
        <v>4</v>
      </c>
      <c r="BV26" s="191">
        <v>49</v>
      </c>
      <c r="BW26" s="191">
        <v>0</v>
      </c>
      <c r="BX26" s="191">
        <v>33</v>
      </c>
      <c r="BY26" s="191">
        <v>0</v>
      </c>
      <c r="BZ26" s="196">
        <v>86</v>
      </c>
      <c r="CA26" s="195">
        <v>86</v>
      </c>
      <c r="CB26" s="190">
        <v>0</v>
      </c>
      <c r="CC26" s="191">
        <v>0</v>
      </c>
      <c r="CD26" s="196">
        <v>0</v>
      </c>
      <c r="CE26" s="193">
        <v>0</v>
      </c>
      <c r="CF26" s="191">
        <v>3</v>
      </c>
      <c r="CG26" s="191">
        <v>0</v>
      </c>
      <c r="CH26" s="191">
        <v>0</v>
      </c>
      <c r="CI26" s="191">
        <v>0</v>
      </c>
      <c r="CJ26" s="191">
        <v>0</v>
      </c>
      <c r="CK26" s="196">
        <v>3</v>
      </c>
      <c r="CL26" s="195">
        <v>3</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25</v>
      </c>
      <c r="H27" s="191">
        <v>74</v>
      </c>
      <c r="I27" s="191">
        <v>6</v>
      </c>
      <c r="J27" s="191">
        <v>7</v>
      </c>
      <c r="K27" s="191">
        <v>1</v>
      </c>
      <c r="L27" s="194">
        <v>213</v>
      </c>
      <c r="M27" s="195">
        <v>213</v>
      </c>
      <c r="N27" s="190">
        <v>0</v>
      </c>
      <c r="O27" s="191">
        <v>0</v>
      </c>
      <c r="P27" s="196">
        <v>0</v>
      </c>
      <c r="Q27" s="193">
        <v>0</v>
      </c>
      <c r="R27" s="191">
        <v>0</v>
      </c>
      <c r="S27" s="191">
        <v>0</v>
      </c>
      <c r="T27" s="191">
        <v>4</v>
      </c>
      <c r="U27" s="191">
        <v>2</v>
      </c>
      <c r="V27" s="191">
        <v>0</v>
      </c>
      <c r="W27" s="196">
        <v>6</v>
      </c>
      <c r="X27" s="195">
        <v>6</v>
      </c>
      <c r="Y27" s="190">
        <v>2</v>
      </c>
      <c r="Z27" s="191">
        <v>9</v>
      </c>
      <c r="AA27" s="196">
        <v>11</v>
      </c>
      <c r="AB27" s="193">
        <v>0</v>
      </c>
      <c r="AC27" s="191">
        <v>15</v>
      </c>
      <c r="AD27" s="191">
        <v>68</v>
      </c>
      <c r="AE27" s="191">
        <v>25</v>
      </c>
      <c r="AF27" s="191">
        <v>46</v>
      </c>
      <c r="AG27" s="191">
        <v>0</v>
      </c>
      <c r="AH27" s="196">
        <v>154</v>
      </c>
      <c r="AI27" s="195">
        <v>165</v>
      </c>
      <c r="AJ27" s="190">
        <v>0</v>
      </c>
      <c r="AK27" s="191">
        <v>26</v>
      </c>
      <c r="AL27" s="196">
        <v>26</v>
      </c>
      <c r="AM27" s="193">
        <v>0</v>
      </c>
      <c r="AN27" s="191">
        <v>0</v>
      </c>
      <c r="AO27" s="191">
        <v>0</v>
      </c>
      <c r="AP27" s="191">
        <v>9</v>
      </c>
      <c r="AQ27" s="191">
        <v>0</v>
      </c>
      <c r="AR27" s="191">
        <v>0</v>
      </c>
      <c r="AS27" s="196">
        <v>9</v>
      </c>
      <c r="AT27" s="195">
        <v>35</v>
      </c>
      <c r="AU27" s="190">
        <v>0</v>
      </c>
      <c r="AV27" s="191">
        <v>0</v>
      </c>
      <c r="AW27" s="196">
        <v>0</v>
      </c>
      <c r="AX27" s="193">
        <v>0</v>
      </c>
      <c r="AY27" s="191">
        <v>74</v>
      </c>
      <c r="AZ27" s="191">
        <v>24</v>
      </c>
      <c r="BA27" s="191">
        <v>2</v>
      </c>
      <c r="BB27" s="191">
        <v>0</v>
      </c>
      <c r="BC27" s="191">
        <v>2</v>
      </c>
      <c r="BD27" s="194">
        <v>102</v>
      </c>
      <c r="BE27" s="195">
        <v>102</v>
      </c>
      <c r="BF27" s="190">
        <v>0</v>
      </c>
      <c r="BG27" s="191">
        <v>0</v>
      </c>
      <c r="BH27" s="196">
        <v>0</v>
      </c>
      <c r="BI27" s="193">
        <v>0</v>
      </c>
      <c r="BJ27" s="191">
        <v>13</v>
      </c>
      <c r="BK27" s="191">
        <v>46</v>
      </c>
      <c r="BL27" s="191">
        <v>23</v>
      </c>
      <c r="BM27" s="191">
        <v>16</v>
      </c>
      <c r="BN27" s="191">
        <v>0</v>
      </c>
      <c r="BO27" s="196">
        <v>98</v>
      </c>
      <c r="BP27" s="195">
        <v>98</v>
      </c>
      <c r="BQ27" s="190">
        <v>0</v>
      </c>
      <c r="BR27" s="191">
        <v>0</v>
      </c>
      <c r="BS27" s="196">
        <v>0</v>
      </c>
      <c r="BT27" s="193">
        <v>0</v>
      </c>
      <c r="BU27" s="191">
        <v>13</v>
      </c>
      <c r="BV27" s="191">
        <v>0</v>
      </c>
      <c r="BW27" s="191">
        <v>0</v>
      </c>
      <c r="BX27" s="191">
        <v>4</v>
      </c>
      <c r="BY27" s="191">
        <v>10</v>
      </c>
      <c r="BZ27" s="196">
        <v>27</v>
      </c>
      <c r="CA27" s="195">
        <v>27</v>
      </c>
      <c r="CB27" s="190">
        <v>0</v>
      </c>
      <c r="CC27" s="191">
        <v>0</v>
      </c>
      <c r="CD27" s="196">
        <v>0</v>
      </c>
      <c r="CE27" s="193">
        <v>0</v>
      </c>
      <c r="CF27" s="191">
        <v>4</v>
      </c>
      <c r="CG27" s="191">
        <v>4</v>
      </c>
      <c r="CH27" s="191">
        <v>14</v>
      </c>
      <c r="CI27" s="191">
        <v>4</v>
      </c>
      <c r="CJ27" s="191">
        <v>0</v>
      </c>
      <c r="CK27" s="196">
        <v>26</v>
      </c>
      <c r="CL27" s="195">
        <v>26</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96</v>
      </c>
      <c r="H28" s="191">
        <v>94</v>
      </c>
      <c r="I28" s="191">
        <v>118</v>
      </c>
      <c r="J28" s="191">
        <v>101</v>
      </c>
      <c r="K28" s="191">
        <v>28</v>
      </c>
      <c r="L28" s="194">
        <v>437</v>
      </c>
      <c r="M28" s="195">
        <v>437</v>
      </c>
      <c r="N28" s="190">
        <v>0</v>
      </c>
      <c r="O28" s="191">
        <v>0</v>
      </c>
      <c r="P28" s="196">
        <v>0</v>
      </c>
      <c r="Q28" s="193">
        <v>0</v>
      </c>
      <c r="R28" s="191">
        <v>0</v>
      </c>
      <c r="S28" s="191">
        <v>0</v>
      </c>
      <c r="T28" s="191">
        <v>0</v>
      </c>
      <c r="U28" s="191">
        <v>9</v>
      </c>
      <c r="V28" s="191">
        <v>0</v>
      </c>
      <c r="W28" s="196">
        <v>9</v>
      </c>
      <c r="X28" s="195">
        <v>9</v>
      </c>
      <c r="Y28" s="190">
        <v>6</v>
      </c>
      <c r="Z28" s="191">
        <v>0</v>
      </c>
      <c r="AA28" s="196">
        <v>6</v>
      </c>
      <c r="AB28" s="193">
        <v>0</v>
      </c>
      <c r="AC28" s="191">
        <v>18</v>
      </c>
      <c r="AD28" s="191">
        <v>47</v>
      </c>
      <c r="AE28" s="191">
        <v>9</v>
      </c>
      <c r="AF28" s="191">
        <v>45</v>
      </c>
      <c r="AG28" s="191">
        <v>21</v>
      </c>
      <c r="AH28" s="196">
        <v>140</v>
      </c>
      <c r="AI28" s="195">
        <v>146</v>
      </c>
      <c r="AJ28" s="190">
        <v>0</v>
      </c>
      <c r="AK28" s="191">
        <v>0</v>
      </c>
      <c r="AL28" s="196">
        <v>0</v>
      </c>
      <c r="AM28" s="193">
        <v>0</v>
      </c>
      <c r="AN28" s="191">
        <v>12</v>
      </c>
      <c r="AO28" s="191">
        <v>0</v>
      </c>
      <c r="AP28" s="191">
        <v>0</v>
      </c>
      <c r="AQ28" s="191">
        <v>0</v>
      </c>
      <c r="AR28" s="191">
        <v>27</v>
      </c>
      <c r="AS28" s="196">
        <v>39</v>
      </c>
      <c r="AT28" s="195">
        <v>39</v>
      </c>
      <c r="AU28" s="190">
        <v>0</v>
      </c>
      <c r="AV28" s="191">
        <v>0</v>
      </c>
      <c r="AW28" s="196">
        <v>0</v>
      </c>
      <c r="AX28" s="193">
        <v>0</v>
      </c>
      <c r="AY28" s="191">
        <v>28</v>
      </c>
      <c r="AZ28" s="191">
        <v>45</v>
      </c>
      <c r="BA28" s="191">
        <v>19</v>
      </c>
      <c r="BB28" s="191">
        <v>29</v>
      </c>
      <c r="BC28" s="191">
        <v>0</v>
      </c>
      <c r="BD28" s="194">
        <v>121</v>
      </c>
      <c r="BE28" s="195">
        <v>121</v>
      </c>
      <c r="BF28" s="190">
        <v>0</v>
      </c>
      <c r="BG28" s="191">
        <v>0</v>
      </c>
      <c r="BH28" s="196">
        <v>0</v>
      </c>
      <c r="BI28" s="193">
        <v>0</v>
      </c>
      <c r="BJ28" s="191">
        <v>25</v>
      </c>
      <c r="BK28" s="191">
        <v>10</v>
      </c>
      <c r="BL28" s="191">
        <v>0</v>
      </c>
      <c r="BM28" s="191">
        <v>8</v>
      </c>
      <c r="BN28" s="191">
        <v>0</v>
      </c>
      <c r="BO28" s="196">
        <v>43</v>
      </c>
      <c r="BP28" s="195">
        <v>43</v>
      </c>
      <c r="BQ28" s="190">
        <v>0</v>
      </c>
      <c r="BR28" s="191">
        <v>0</v>
      </c>
      <c r="BS28" s="196">
        <v>0</v>
      </c>
      <c r="BT28" s="193">
        <v>0</v>
      </c>
      <c r="BU28" s="191">
        <v>15</v>
      </c>
      <c r="BV28" s="191">
        <v>25</v>
      </c>
      <c r="BW28" s="191">
        <v>21</v>
      </c>
      <c r="BX28" s="191">
        <v>0</v>
      </c>
      <c r="BY28" s="191">
        <v>3</v>
      </c>
      <c r="BZ28" s="196">
        <v>64</v>
      </c>
      <c r="CA28" s="195">
        <v>64</v>
      </c>
      <c r="CB28" s="190">
        <v>0</v>
      </c>
      <c r="CC28" s="191">
        <v>0</v>
      </c>
      <c r="CD28" s="196">
        <v>0</v>
      </c>
      <c r="CE28" s="193">
        <v>0</v>
      </c>
      <c r="CF28" s="191">
        <v>0</v>
      </c>
      <c r="CG28" s="191">
        <v>0</v>
      </c>
      <c r="CH28" s="191">
        <v>0</v>
      </c>
      <c r="CI28" s="191">
        <v>8</v>
      </c>
      <c r="CJ28" s="191">
        <v>0</v>
      </c>
      <c r="CK28" s="196">
        <v>8</v>
      </c>
      <c r="CL28" s="195">
        <v>8</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40</v>
      </c>
      <c r="H29" s="191">
        <v>57</v>
      </c>
      <c r="I29" s="191">
        <v>188</v>
      </c>
      <c r="J29" s="191">
        <v>77</v>
      </c>
      <c r="K29" s="191">
        <v>141</v>
      </c>
      <c r="L29" s="194">
        <v>503</v>
      </c>
      <c r="M29" s="195">
        <v>503</v>
      </c>
      <c r="N29" s="190">
        <v>0</v>
      </c>
      <c r="O29" s="191">
        <v>0</v>
      </c>
      <c r="P29" s="196">
        <v>0</v>
      </c>
      <c r="Q29" s="193">
        <v>0</v>
      </c>
      <c r="R29" s="191">
        <v>0</v>
      </c>
      <c r="S29" s="191">
        <v>0</v>
      </c>
      <c r="T29" s="191">
        <v>0</v>
      </c>
      <c r="U29" s="191">
        <v>0</v>
      </c>
      <c r="V29" s="191">
        <v>0</v>
      </c>
      <c r="W29" s="196">
        <v>0</v>
      </c>
      <c r="X29" s="195">
        <v>0</v>
      </c>
      <c r="Y29" s="190">
        <v>6</v>
      </c>
      <c r="Z29" s="191">
        <v>29</v>
      </c>
      <c r="AA29" s="196">
        <v>35</v>
      </c>
      <c r="AB29" s="193">
        <v>0</v>
      </c>
      <c r="AC29" s="191">
        <v>43</v>
      </c>
      <c r="AD29" s="191">
        <v>60</v>
      </c>
      <c r="AE29" s="191">
        <v>19</v>
      </c>
      <c r="AF29" s="191">
        <v>49</v>
      </c>
      <c r="AG29" s="191">
        <v>22</v>
      </c>
      <c r="AH29" s="196">
        <v>193</v>
      </c>
      <c r="AI29" s="195">
        <v>228</v>
      </c>
      <c r="AJ29" s="190">
        <v>0</v>
      </c>
      <c r="AK29" s="191">
        <v>0</v>
      </c>
      <c r="AL29" s="196">
        <v>0</v>
      </c>
      <c r="AM29" s="193">
        <v>0</v>
      </c>
      <c r="AN29" s="191">
        <v>0</v>
      </c>
      <c r="AO29" s="191">
        <v>12</v>
      </c>
      <c r="AP29" s="191">
        <v>0</v>
      </c>
      <c r="AQ29" s="191">
        <v>0</v>
      </c>
      <c r="AR29" s="191">
        <v>0</v>
      </c>
      <c r="AS29" s="196">
        <v>12</v>
      </c>
      <c r="AT29" s="195">
        <v>12</v>
      </c>
      <c r="AU29" s="190">
        <v>0</v>
      </c>
      <c r="AV29" s="191">
        <v>0</v>
      </c>
      <c r="AW29" s="196">
        <v>0</v>
      </c>
      <c r="AX29" s="193">
        <v>0</v>
      </c>
      <c r="AY29" s="191">
        <v>100</v>
      </c>
      <c r="AZ29" s="191">
        <v>55</v>
      </c>
      <c r="BA29" s="191">
        <v>23</v>
      </c>
      <c r="BB29" s="191">
        <v>40</v>
      </c>
      <c r="BC29" s="191">
        <v>0</v>
      </c>
      <c r="BD29" s="194">
        <v>218</v>
      </c>
      <c r="BE29" s="195">
        <v>218</v>
      </c>
      <c r="BF29" s="190">
        <v>0</v>
      </c>
      <c r="BG29" s="191">
        <v>0</v>
      </c>
      <c r="BH29" s="196">
        <v>0</v>
      </c>
      <c r="BI29" s="193">
        <v>0</v>
      </c>
      <c r="BJ29" s="191">
        <v>26</v>
      </c>
      <c r="BK29" s="191">
        <v>20</v>
      </c>
      <c r="BL29" s="191">
        <v>15</v>
      </c>
      <c r="BM29" s="191">
        <v>0</v>
      </c>
      <c r="BN29" s="191">
        <v>0</v>
      </c>
      <c r="BO29" s="196">
        <v>61</v>
      </c>
      <c r="BP29" s="195">
        <v>61</v>
      </c>
      <c r="BQ29" s="190">
        <v>0</v>
      </c>
      <c r="BR29" s="191">
        <v>0</v>
      </c>
      <c r="BS29" s="196">
        <v>0</v>
      </c>
      <c r="BT29" s="193">
        <v>0</v>
      </c>
      <c r="BU29" s="191">
        <v>0</v>
      </c>
      <c r="BV29" s="191">
        <v>0</v>
      </c>
      <c r="BW29" s="191">
        <v>4</v>
      </c>
      <c r="BX29" s="191">
        <v>3</v>
      </c>
      <c r="BY29" s="191">
        <v>0</v>
      </c>
      <c r="BZ29" s="196">
        <v>7</v>
      </c>
      <c r="CA29" s="195">
        <v>7</v>
      </c>
      <c r="CB29" s="190">
        <v>0</v>
      </c>
      <c r="CC29" s="191">
        <v>3</v>
      </c>
      <c r="CD29" s="196">
        <v>3</v>
      </c>
      <c r="CE29" s="193">
        <v>0</v>
      </c>
      <c r="CF29" s="191">
        <v>0</v>
      </c>
      <c r="CG29" s="191">
        <v>0</v>
      </c>
      <c r="CH29" s="191">
        <v>0</v>
      </c>
      <c r="CI29" s="191">
        <v>0</v>
      </c>
      <c r="CJ29" s="191">
        <v>0</v>
      </c>
      <c r="CK29" s="196">
        <v>0</v>
      </c>
      <c r="CL29" s="195">
        <v>3</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0</v>
      </c>
      <c r="H30" s="191">
        <v>5</v>
      </c>
      <c r="I30" s="191">
        <v>20</v>
      </c>
      <c r="J30" s="191">
        <v>0</v>
      </c>
      <c r="K30" s="191">
        <v>0</v>
      </c>
      <c r="L30" s="194">
        <v>25</v>
      </c>
      <c r="M30" s="195">
        <v>25</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17</v>
      </c>
      <c r="AD30" s="191">
        <v>0</v>
      </c>
      <c r="AE30" s="191">
        <v>9</v>
      </c>
      <c r="AF30" s="191">
        <v>0</v>
      </c>
      <c r="AG30" s="191">
        <v>0</v>
      </c>
      <c r="AH30" s="196">
        <v>26</v>
      </c>
      <c r="AI30" s="195">
        <v>2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27</v>
      </c>
      <c r="BA30" s="191">
        <v>26</v>
      </c>
      <c r="BB30" s="191">
        <v>0</v>
      </c>
      <c r="BC30" s="191">
        <v>0</v>
      </c>
      <c r="BD30" s="194">
        <v>53</v>
      </c>
      <c r="BE30" s="195">
        <v>53</v>
      </c>
      <c r="BF30" s="190">
        <v>0</v>
      </c>
      <c r="BG30" s="191">
        <v>0</v>
      </c>
      <c r="BH30" s="196">
        <v>0</v>
      </c>
      <c r="BI30" s="193">
        <v>0</v>
      </c>
      <c r="BJ30" s="191">
        <v>17</v>
      </c>
      <c r="BK30" s="191">
        <v>0</v>
      </c>
      <c r="BL30" s="191">
        <v>1</v>
      </c>
      <c r="BM30" s="191">
        <v>0</v>
      </c>
      <c r="BN30" s="191">
        <v>0</v>
      </c>
      <c r="BO30" s="196">
        <v>18</v>
      </c>
      <c r="BP30" s="195">
        <v>18</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9</v>
      </c>
      <c r="CI30" s="191">
        <v>0</v>
      </c>
      <c r="CJ30" s="191">
        <v>0</v>
      </c>
      <c r="CK30" s="196">
        <v>9</v>
      </c>
      <c r="CL30" s="195">
        <v>9</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0</v>
      </c>
      <c r="H31" s="191">
        <v>34</v>
      </c>
      <c r="I31" s="191">
        <v>0</v>
      </c>
      <c r="J31" s="191">
        <v>18</v>
      </c>
      <c r="K31" s="191">
        <v>0</v>
      </c>
      <c r="L31" s="194">
        <v>52</v>
      </c>
      <c r="M31" s="195">
        <v>52</v>
      </c>
      <c r="N31" s="190">
        <v>0</v>
      </c>
      <c r="O31" s="191">
        <v>0</v>
      </c>
      <c r="P31" s="196">
        <v>0</v>
      </c>
      <c r="Q31" s="193">
        <v>0</v>
      </c>
      <c r="R31" s="191">
        <v>0</v>
      </c>
      <c r="S31" s="191">
        <v>0</v>
      </c>
      <c r="T31" s="191">
        <v>1</v>
      </c>
      <c r="U31" s="191">
        <v>0</v>
      </c>
      <c r="V31" s="191">
        <v>5</v>
      </c>
      <c r="W31" s="196">
        <v>6</v>
      </c>
      <c r="X31" s="195">
        <v>6</v>
      </c>
      <c r="Y31" s="190">
        <v>0</v>
      </c>
      <c r="Z31" s="191">
        <v>2</v>
      </c>
      <c r="AA31" s="196">
        <v>2</v>
      </c>
      <c r="AB31" s="193">
        <v>0</v>
      </c>
      <c r="AC31" s="191">
        <v>0</v>
      </c>
      <c r="AD31" s="191">
        <v>4</v>
      </c>
      <c r="AE31" s="191">
        <v>12</v>
      </c>
      <c r="AF31" s="191">
        <v>0</v>
      </c>
      <c r="AG31" s="191">
        <v>0</v>
      </c>
      <c r="AH31" s="196">
        <v>16</v>
      </c>
      <c r="AI31" s="195">
        <v>18</v>
      </c>
      <c r="AJ31" s="190">
        <v>0</v>
      </c>
      <c r="AK31" s="191">
        <v>0</v>
      </c>
      <c r="AL31" s="196">
        <v>0</v>
      </c>
      <c r="AM31" s="193">
        <v>0</v>
      </c>
      <c r="AN31" s="191">
        <v>0</v>
      </c>
      <c r="AO31" s="191">
        <v>15</v>
      </c>
      <c r="AP31" s="191">
        <v>0</v>
      </c>
      <c r="AQ31" s="191">
        <v>0</v>
      </c>
      <c r="AR31" s="191">
        <v>0</v>
      </c>
      <c r="AS31" s="196">
        <v>15</v>
      </c>
      <c r="AT31" s="195">
        <v>15</v>
      </c>
      <c r="AU31" s="190">
        <v>0</v>
      </c>
      <c r="AV31" s="191">
        <v>0</v>
      </c>
      <c r="AW31" s="196">
        <v>0</v>
      </c>
      <c r="AX31" s="193">
        <v>0</v>
      </c>
      <c r="AY31" s="191">
        <v>0</v>
      </c>
      <c r="AZ31" s="191">
        <v>34</v>
      </c>
      <c r="BA31" s="191">
        <v>21</v>
      </c>
      <c r="BB31" s="191">
        <v>0</v>
      </c>
      <c r="BC31" s="191">
        <v>5</v>
      </c>
      <c r="BD31" s="194">
        <v>60</v>
      </c>
      <c r="BE31" s="195">
        <v>60</v>
      </c>
      <c r="BF31" s="190">
        <v>0</v>
      </c>
      <c r="BG31" s="191">
        <v>0</v>
      </c>
      <c r="BH31" s="196">
        <v>0</v>
      </c>
      <c r="BI31" s="193">
        <v>0</v>
      </c>
      <c r="BJ31" s="191">
        <v>0</v>
      </c>
      <c r="BK31" s="191">
        <v>0</v>
      </c>
      <c r="BL31" s="191">
        <v>0</v>
      </c>
      <c r="BM31" s="191">
        <v>0</v>
      </c>
      <c r="BN31" s="191">
        <v>0</v>
      </c>
      <c r="BO31" s="196">
        <v>0</v>
      </c>
      <c r="BP31" s="195">
        <v>0</v>
      </c>
      <c r="BQ31" s="190">
        <v>0</v>
      </c>
      <c r="BR31" s="191">
        <v>0</v>
      </c>
      <c r="BS31" s="196">
        <v>0</v>
      </c>
      <c r="BT31" s="193">
        <v>0</v>
      </c>
      <c r="BU31" s="191">
        <v>0</v>
      </c>
      <c r="BV31" s="191">
        <v>0</v>
      </c>
      <c r="BW31" s="191">
        <v>0</v>
      </c>
      <c r="BX31" s="191">
        <v>0</v>
      </c>
      <c r="BY31" s="191">
        <v>24</v>
      </c>
      <c r="BZ31" s="196">
        <v>24</v>
      </c>
      <c r="CA31" s="195">
        <v>24</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9</v>
      </c>
      <c r="H32" s="191">
        <v>6</v>
      </c>
      <c r="I32" s="191">
        <v>11</v>
      </c>
      <c r="J32" s="191">
        <v>12</v>
      </c>
      <c r="K32" s="191">
        <v>0</v>
      </c>
      <c r="L32" s="194">
        <v>38</v>
      </c>
      <c r="M32" s="195">
        <v>38</v>
      </c>
      <c r="N32" s="190">
        <v>0</v>
      </c>
      <c r="O32" s="191">
        <v>0</v>
      </c>
      <c r="P32" s="196">
        <v>0</v>
      </c>
      <c r="Q32" s="193">
        <v>0</v>
      </c>
      <c r="R32" s="191">
        <v>0</v>
      </c>
      <c r="S32" s="191">
        <v>0</v>
      </c>
      <c r="T32" s="191">
        <v>0</v>
      </c>
      <c r="U32" s="191">
        <v>0</v>
      </c>
      <c r="V32" s="191">
        <v>0</v>
      </c>
      <c r="W32" s="196">
        <v>0</v>
      </c>
      <c r="X32" s="195">
        <v>0</v>
      </c>
      <c r="Y32" s="190">
        <v>0</v>
      </c>
      <c r="Z32" s="191">
        <v>9</v>
      </c>
      <c r="AA32" s="196">
        <v>9</v>
      </c>
      <c r="AB32" s="193">
        <v>0</v>
      </c>
      <c r="AC32" s="191">
        <v>4</v>
      </c>
      <c r="AD32" s="191">
        <v>0</v>
      </c>
      <c r="AE32" s="191">
        <v>2</v>
      </c>
      <c r="AF32" s="191">
        <v>5</v>
      </c>
      <c r="AG32" s="191">
        <v>0</v>
      </c>
      <c r="AH32" s="196">
        <v>11</v>
      </c>
      <c r="AI32" s="195">
        <v>20</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12</v>
      </c>
      <c r="BC32" s="191">
        <v>0</v>
      </c>
      <c r="BD32" s="194">
        <v>12</v>
      </c>
      <c r="BE32" s="195">
        <v>12</v>
      </c>
      <c r="BF32" s="190">
        <v>0</v>
      </c>
      <c r="BG32" s="191">
        <v>0</v>
      </c>
      <c r="BH32" s="196">
        <v>0</v>
      </c>
      <c r="BI32" s="193">
        <v>0</v>
      </c>
      <c r="BJ32" s="191">
        <v>0</v>
      </c>
      <c r="BK32" s="191">
        <v>0</v>
      </c>
      <c r="BL32" s="191">
        <v>0</v>
      </c>
      <c r="BM32" s="191">
        <v>0</v>
      </c>
      <c r="BN32" s="191">
        <v>0</v>
      </c>
      <c r="BO32" s="196">
        <v>0</v>
      </c>
      <c r="BP32" s="195">
        <v>0</v>
      </c>
      <c r="BQ32" s="190">
        <v>4</v>
      </c>
      <c r="BR32" s="191">
        <v>0</v>
      </c>
      <c r="BS32" s="196">
        <v>4</v>
      </c>
      <c r="BT32" s="193">
        <v>0</v>
      </c>
      <c r="BU32" s="191">
        <v>3</v>
      </c>
      <c r="BV32" s="191">
        <v>0</v>
      </c>
      <c r="BW32" s="191">
        <v>8</v>
      </c>
      <c r="BX32" s="191">
        <v>9</v>
      </c>
      <c r="BY32" s="191">
        <v>0</v>
      </c>
      <c r="BZ32" s="196">
        <v>20</v>
      </c>
      <c r="CA32" s="195">
        <v>24</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0</v>
      </c>
      <c r="H33" s="191">
        <v>0</v>
      </c>
      <c r="I33" s="191">
        <v>66</v>
      </c>
      <c r="J33" s="191">
        <v>0</v>
      </c>
      <c r="K33" s="191">
        <v>0</v>
      </c>
      <c r="L33" s="194">
        <v>66</v>
      </c>
      <c r="M33" s="195">
        <v>66</v>
      </c>
      <c r="N33" s="190">
        <v>0</v>
      </c>
      <c r="O33" s="191">
        <v>0</v>
      </c>
      <c r="P33" s="196">
        <v>0</v>
      </c>
      <c r="Q33" s="193">
        <v>0</v>
      </c>
      <c r="R33" s="191">
        <v>0</v>
      </c>
      <c r="S33" s="191">
        <v>4</v>
      </c>
      <c r="T33" s="191">
        <v>9</v>
      </c>
      <c r="U33" s="191">
        <v>0</v>
      </c>
      <c r="V33" s="191">
        <v>0</v>
      </c>
      <c r="W33" s="196">
        <v>13</v>
      </c>
      <c r="X33" s="195">
        <v>13</v>
      </c>
      <c r="Y33" s="190">
        <v>0</v>
      </c>
      <c r="Z33" s="191">
        <v>4</v>
      </c>
      <c r="AA33" s="196">
        <v>4</v>
      </c>
      <c r="AB33" s="193">
        <v>0</v>
      </c>
      <c r="AC33" s="191">
        <v>0</v>
      </c>
      <c r="AD33" s="191">
        <v>0</v>
      </c>
      <c r="AE33" s="191">
        <v>24</v>
      </c>
      <c r="AF33" s="191">
        <v>0</v>
      </c>
      <c r="AG33" s="191">
        <v>0</v>
      </c>
      <c r="AH33" s="196">
        <v>24</v>
      </c>
      <c r="AI33" s="195">
        <v>28</v>
      </c>
      <c r="AJ33" s="190">
        <v>0</v>
      </c>
      <c r="AK33" s="191">
        <v>0</v>
      </c>
      <c r="AL33" s="196">
        <v>0</v>
      </c>
      <c r="AM33" s="193">
        <v>0</v>
      </c>
      <c r="AN33" s="191">
        <v>0</v>
      </c>
      <c r="AO33" s="191">
        <v>0</v>
      </c>
      <c r="AP33" s="191">
        <v>6</v>
      </c>
      <c r="AQ33" s="191">
        <v>0</v>
      </c>
      <c r="AR33" s="191">
        <v>0</v>
      </c>
      <c r="AS33" s="196">
        <v>6</v>
      </c>
      <c r="AT33" s="195">
        <v>6</v>
      </c>
      <c r="AU33" s="190">
        <v>0</v>
      </c>
      <c r="AV33" s="191">
        <v>0</v>
      </c>
      <c r="AW33" s="196">
        <v>0</v>
      </c>
      <c r="AX33" s="193">
        <v>0</v>
      </c>
      <c r="AY33" s="191">
        <v>12</v>
      </c>
      <c r="AZ33" s="191">
        <v>0</v>
      </c>
      <c r="BA33" s="191">
        <v>0</v>
      </c>
      <c r="BB33" s="191">
        <v>0</v>
      </c>
      <c r="BC33" s="191">
        <v>0</v>
      </c>
      <c r="BD33" s="194">
        <v>12</v>
      </c>
      <c r="BE33" s="195">
        <v>12</v>
      </c>
      <c r="BF33" s="190">
        <v>0</v>
      </c>
      <c r="BG33" s="191">
        <v>0</v>
      </c>
      <c r="BH33" s="196">
        <v>0</v>
      </c>
      <c r="BI33" s="193">
        <v>0</v>
      </c>
      <c r="BJ33" s="191">
        <v>6</v>
      </c>
      <c r="BK33" s="191">
        <v>8</v>
      </c>
      <c r="BL33" s="191">
        <v>6</v>
      </c>
      <c r="BM33" s="191">
        <v>0</v>
      </c>
      <c r="BN33" s="191">
        <v>0</v>
      </c>
      <c r="BO33" s="196">
        <v>20</v>
      </c>
      <c r="BP33" s="195">
        <v>20</v>
      </c>
      <c r="BQ33" s="190">
        <v>0</v>
      </c>
      <c r="BR33" s="191">
        <v>0</v>
      </c>
      <c r="BS33" s="196">
        <v>0</v>
      </c>
      <c r="BT33" s="193">
        <v>0</v>
      </c>
      <c r="BU33" s="191">
        <v>0</v>
      </c>
      <c r="BV33" s="191">
        <v>0</v>
      </c>
      <c r="BW33" s="191">
        <v>0</v>
      </c>
      <c r="BX33" s="191">
        <v>3</v>
      </c>
      <c r="BY33" s="191">
        <v>0</v>
      </c>
      <c r="BZ33" s="196">
        <v>3</v>
      </c>
      <c r="CA33" s="195">
        <v>3</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48</v>
      </c>
      <c r="H34" s="191">
        <v>110</v>
      </c>
      <c r="I34" s="191">
        <v>0</v>
      </c>
      <c r="J34" s="191">
        <v>147</v>
      </c>
      <c r="K34" s="191">
        <v>86</v>
      </c>
      <c r="L34" s="194">
        <v>391</v>
      </c>
      <c r="M34" s="195">
        <v>391</v>
      </c>
      <c r="N34" s="190">
        <v>0</v>
      </c>
      <c r="O34" s="191">
        <v>0</v>
      </c>
      <c r="P34" s="196">
        <v>0</v>
      </c>
      <c r="Q34" s="193">
        <v>0</v>
      </c>
      <c r="R34" s="191">
        <v>0</v>
      </c>
      <c r="S34" s="191">
        <v>0</v>
      </c>
      <c r="T34" s="191">
        <v>0</v>
      </c>
      <c r="U34" s="191">
        <v>0</v>
      </c>
      <c r="V34" s="191">
        <v>5</v>
      </c>
      <c r="W34" s="196">
        <v>5</v>
      </c>
      <c r="X34" s="195">
        <v>5</v>
      </c>
      <c r="Y34" s="190">
        <v>0</v>
      </c>
      <c r="Z34" s="191">
        <v>0</v>
      </c>
      <c r="AA34" s="196">
        <v>0</v>
      </c>
      <c r="AB34" s="193">
        <v>0</v>
      </c>
      <c r="AC34" s="191">
        <v>25</v>
      </c>
      <c r="AD34" s="191">
        <v>38</v>
      </c>
      <c r="AE34" s="191">
        <v>0</v>
      </c>
      <c r="AF34" s="191">
        <v>0</v>
      </c>
      <c r="AG34" s="191">
        <v>0</v>
      </c>
      <c r="AH34" s="196">
        <v>63</v>
      </c>
      <c r="AI34" s="195">
        <v>63</v>
      </c>
      <c r="AJ34" s="190">
        <v>0</v>
      </c>
      <c r="AK34" s="191">
        <v>0</v>
      </c>
      <c r="AL34" s="196">
        <v>0</v>
      </c>
      <c r="AM34" s="193">
        <v>0</v>
      </c>
      <c r="AN34" s="191">
        <v>0</v>
      </c>
      <c r="AO34" s="191">
        <v>9</v>
      </c>
      <c r="AP34" s="191">
        <v>0</v>
      </c>
      <c r="AQ34" s="191">
        <v>0</v>
      </c>
      <c r="AR34" s="191">
        <v>0</v>
      </c>
      <c r="AS34" s="196">
        <v>9</v>
      </c>
      <c r="AT34" s="195">
        <v>9</v>
      </c>
      <c r="AU34" s="190">
        <v>0</v>
      </c>
      <c r="AV34" s="191">
        <v>0</v>
      </c>
      <c r="AW34" s="196">
        <v>0</v>
      </c>
      <c r="AX34" s="193">
        <v>0</v>
      </c>
      <c r="AY34" s="191">
        <v>18</v>
      </c>
      <c r="AZ34" s="191">
        <v>38</v>
      </c>
      <c r="BA34" s="191">
        <v>25</v>
      </c>
      <c r="BB34" s="191">
        <v>0</v>
      </c>
      <c r="BC34" s="191">
        <v>0</v>
      </c>
      <c r="BD34" s="194">
        <v>81</v>
      </c>
      <c r="BE34" s="195">
        <v>81</v>
      </c>
      <c r="BF34" s="190">
        <v>0</v>
      </c>
      <c r="BG34" s="191">
        <v>0</v>
      </c>
      <c r="BH34" s="196">
        <v>0</v>
      </c>
      <c r="BI34" s="193">
        <v>0</v>
      </c>
      <c r="BJ34" s="191">
        <v>0</v>
      </c>
      <c r="BK34" s="191">
        <v>11</v>
      </c>
      <c r="BL34" s="191">
        <v>0</v>
      </c>
      <c r="BM34" s="191">
        <v>0</v>
      </c>
      <c r="BN34" s="191">
        <v>0</v>
      </c>
      <c r="BO34" s="196">
        <v>11</v>
      </c>
      <c r="BP34" s="195">
        <v>11</v>
      </c>
      <c r="BQ34" s="190">
        <v>0</v>
      </c>
      <c r="BR34" s="191">
        <v>0</v>
      </c>
      <c r="BS34" s="196">
        <v>0</v>
      </c>
      <c r="BT34" s="193">
        <v>0</v>
      </c>
      <c r="BU34" s="191">
        <v>0</v>
      </c>
      <c r="BV34" s="191">
        <v>6</v>
      </c>
      <c r="BW34" s="191">
        <v>0</v>
      </c>
      <c r="BX34" s="191">
        <v>0</v>
      </c>
      <c r="BY34" s="191">
        <v>0</v>
      </c>
      <c r="BZ34" s="196">
        <v>6</v>
      </c>
      <c r="CA34" s="195">
        <v>6</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22</v>
      </c>
      <c r="H35" s="191">
        <v>0</v>
      </c>
      <c r="I35" s="191">
        <v>12</v>
      </c>
      <c r="J35" s="191">
        <v>0</v>
      </c>
      <c r="K35" s="191">
        <v>8</v>
      </c>
      <c r="L35" s="194">
        <v>42</v>
      </c>
      <c r="M35" s="195">
        <v>42</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9</v>
      </c>
      <c r="AD35" s="191">
        <v>1</v>
      </c>
      <c r="AE35" s="191">
        <v>4</v>
      </c>
      <c r="AF35" s="191">
        <v>0</v>
      </c>
      <c r="AG35" s="191">
        <v>0</v>
      </c>
      <c r="AH35" s="196">
        <v>34</v>
      </c>
      <c r="AI35" s="195">
        <v>34</v>
      </c>
      <c r="AJ35" s="190">
        <v>24</v>
      </c>
      <c r="AK35" s="191">
        <v>15</v>
      </c>
      <c r="AL35" s="196">
        <v>39</v>
      </c>
      <c r="AM35" s="193">
        <v>0</v>
      </c>
      <c r="AN35" s="191">
        <v>78</v>
      </c>
      <c r="AO35" s="191">
        <v>0</v>
      </c>
      <c r="AP35" s="191">
        <v>33</v>
      </c>
      <c r="AQ35" s="191">
        <v>0</v>
      </c>
      <c r="AR35" s="191">
        <v>0</v>
      </c>
      <c r="AS35" s="196">
        <v>111</v>
      </c>
      <c r="AT35" s="195">
        <v>150</v>
      </c>
      <c r="AU35" s="190">
        <v>0</v>
      </c>
      <c r="AV35" s="191">
        <v>0</v>
      </c>
      <c r="AW35" s="196">
        <v>0</v>
      </c>
      <c r="AX35" s="193">
        <v>0</v>
      </c>
      <c r="AY35" s="191">
        <v>3</v>
      </c>
      <c r="AZ35" s="191">
        <v>0</v>
      </c>
      <c r="BA35" s="191">
        <v>0</v>
      </c>
      <c r="BB35" s="191">
        <v>0</v>
      </c>
      <c r="BC35" s="191">
        <v>0</v>
      </c>
      <c r="BD35" s="194">
        <v>3</v>
      </c>
      <c r="BE35" s="195">
        <v>3</v>
      </c>
      <c r="BF35" s="190">
        <v>0</v>
      </c>
      <c r="BG35" s="191">
        <v>0</v>
      </c>
      <c r="BH35" s="196">
        <v>0</v>
      </c>
      <c r="BI35" s="193">
        <v>0</v>
      </c>
      <c r="BJ35" s="191">
        <v>0</v>
      </c>
      <c r="BK35" s="191">
        <v>0</v>
      </c>
      <c r="BL35" s="191">
        <v>0</v>
      </c>
      <c r="BM35" s="191">
        <v>0</v>
      </c>
      <c r="BN35" s="191">
        <v>0</v>
      </c>
      <c r="BO35" s="196">
        <v>0</v>
      </c>
      <c r="BP35" s="195">
        <v>0</v>
      </c>
      <c r="BQ35" s="190">
        <v>0</v>
      </c>
      <c r="BR35" s="191">
        <v>0</v>
      </c>
      <c r="BS35" s="196">
        <v>0</v>
      </c>
      <c r="BT35" s="193">
        <v>0</v>
      </c>
      <c r="BU35" s="191">
        <v>0</v>
      </c>
      <c r="BV35" s="191">
        <v>0</v>
      </c>
      <c r="BW35" s="191">
        <v>0</v>
      </c>
      <c r="BX35" s="191">
        <v>0</v>
      </c>
      <c r="BY35" s="191">
        <v>28</v>
      </c>
      <c r="BZ35" s="196">
        <v>28</v>
      </c>
      <c r="CA35" s="195">
        <v>28</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4</v>
      </c>
      <c r="W36" s="196">
        <v>4</v>
      </c>
      <c r="X36" s="195">
        <v>4</v>
      </c>
      <c r="Y36" s="190">
        <v>0</v>
      </c>
      <c r="Z36" s="191">
        <v>0</v>
      </c>
      <c r="AA36" s="196">
        <v>0</v>
      </c>
      <c r="AB36" s="193">
        <v>0</v>
      </c>
      <c r="AC36" s="191">
        <v>5</v>
      </c>
      <c r="AD36" s="191">
        <v>16</v>
      </c>
      <c r="AE36" s="191">
        <v>0</v>
      </c>
      <c r="AF36" s="191">
        <v>1</v>
      </c>
      <c r="AG36" s="191">
        <v>22</v>
      </c>
      <c r="AH36" s="196">
        <v>44</v>
      </c>
      <c r="AI36" s="195">
        <v>44</v>
      </c>
      <c r="AJ36" s="190">
        <v>0</v>
      </c>
      <c r="AK36" s="191">
        <v>0</v>
      </c>
      <c r="AL36" s="196">
        <v>0</v>
      </c>
      <c r="AM36" s="193">
        <v>0</v>
      </c>
      <c r="AN36" s="191">
        <v>0</v>
      </c>
      <c r="AO36" s="191">
        <v>0</v>
      </c>
      <c r="AP36" s="191">
        <v>0</v>
      </c>
      <c r="AQ36" s="191">
        <v>0</v>
      </c>
      <c r="AR36" s="191">
        <v>10</v>
      </c>
      <c r="AS36" s="196">
        <v>10</v>
      </c>
      <c r="AT36" s="195">
        <v>10</v>
      </c>
      <c r="AU36" s="190">
        <v>0</v>
      </c>
      <c r="AV36" s="191">
        <v>0</v>
      </c>
      <c r="AW36" s="196">
        <v>0</v>
      </c>
      <c r="AX36" s="193">
        <v>0</v>
      </c>
      <c r="AY36" s="191">
        <v>8</v>
      </c>
      <c r="AZ36" s="191">
        <v>7</v>
      </c>
      <c r="BA36" s="191">
        <v>4</v>
      </c>
      <c r="BB36" s="191">
        <v>0</v>
      </c>
      <c r="BC36" s="191">
        <v>0</v>
      </c>
      <c r="BD36" s="194">
        <v>19</v>
      </c>
      <c r="BE36" s="195">
        <v>19</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39</v>
      </c>
      <c r="H37" s="191">
        <v>9</v>
      </c>
      <c r="I37" s="191">
        <v>10</v>
      </c>
      <c r="J37" s="191">
        <v>70</v>
      </c>
      <c r="K37" s="191">
        <v>0</v>
      </c>
      <c r="L37" s="194">
        <v>128</v>
      </c>
      <c r="M37" s="195">
        <v>128</v>
      </c>
      <c r="N37" s="190">
        <v>0</v>
      </c>
      <c r="O37" s="191">
        <v>0</v>
      </c>
      <c r="P37" s="196">
        <v>0</v>
      </c>
      <c r="Q37" s="193">
        <v>0</v>
      </c>
      <c r="R37" s="191">
        <v>0</v>
      </c>
      <c r="S37" s="191">
        <v>0</v>
      </c>
      <c r="T37" s="191">
        <v>0</v>
      </c>
      <c r="U37" s="191">
        <v>1</v>
      </c>
      <c r="V37" s="191">
        <v>0</v>
      </c>
      <c r="W37" s="196">
        <v>1</v>
      </c>
      <c r="X37" s="195">
        <v>1</v>
      </c>
      <c r="Y37" s="190">
        <v>0</v>
      </c>
      <c r="Z37" s="191">
        <v>0</v>
      </c>
      <c r="AA37" s="196">
        <v>0</v>
      </c>
      <c r="AB37" s="193">
        <v>0</v>
      </c>
      <c r="AC37" s="191">
        <v>4</v>
      </c>
      <c r="AD37" s="191">
        <v>0</v>
      </c>
      <c r="AE37" s="191">
        <v>23</v>
      </c>
      <c r="AF37" s="191">
        <v>10</v>
      </c>
      <c r="AG37" s="191">
        <v>0</v>
      </c>
      <c r="AH37" s="196">
        <v>37</v>
      </c>
      <c r="AI37" s="195">
        <v>37</v>
      </c>
      <c r="AJ37" s="190">
        <v>6</v>
      </c>
      <c r="AK37" s="191">
        <v>12</v>
      </c>
      <c r="AL37" s="196">
        <v>18</v>
      </c>
      <c r="AM37" s="193">
        <v>0</v>
      </c>
      <c r="AN37" s="191">
        <v>3</v>
      </c>
      <c r="AO37" s="191">
        <v>0</v>
      </c>
      <c r="AP37" s="191">
        <v>24</v>
      </c>
      <c r="AQ37" s="191">
        <v>0</v>
      </c>
      <c r="AR37" s="191">
        <v>0</v>
      </c>
      <c r="AS37" s="196">
        <v>27</v>
      </c>
      <c r="AT37" s="195">
        <v>45</v>
      </c>
      <c r="AU37" s="190">
        <v>0</v>
      </c>
      <c r="AV37" s="191">
        <v>0</v>
      </c>
      <c r="AW37" s="196">
        <v>0</v>
      </c>
      <c r="AX37" s="193">
        <v>0</v>
      </c>
      <c r="AY37" s="191">
        <v>23</v>
      </c>
      <c r="AZ37" s="191">
        <v>13</v>
      </c>
      <c r="BA37" s="191">
        <v>30</v>
      </c>
      <c r="BB37" s="191">
        <v>1</v>
      </c>
      <c r="BC37" s="191">
        <v>0</v>
      </c>
      <c r="BD37" s="194">
        <v>67</v>
      </c>
      <c r="BE37" s="195">
        <v>67</v>
      </c>
      <c r="BF37" s="190">
        <v>0</v>
      </c>
      <c r="BG37" s="191">
        <v>0</v>
      </c>
      <c r="BH37" s="196">
        <v>0</v>
      </c>
      <c r="BI37" s="193">
        <v>0</v>
      </c>
      <c r="BJ37" s="191">
        <v>27</v>
      </c>
      <c r="BK37" s="191">
        <v>0</v>
      </c>
      <c r="BL37" s="191">
        <v>16</v>
      </c>
      <c r="BM37" s="191">
        <v>12</v>
      </c>
      <c r="BN37" s="191">
        <v>0</v>
      </c>
      <c r="BO37" s="196">
        <v>55</v>
      </c>
      <c r="BP37" s="195">
        <v>55</v>
      </c>
      <c r="BQ37" s="190">
        <v>0</v>
      </c>
      <c r="BR37" s="191">
        <v>0</v>
      </c>
      <c r="BS37" s="196">
        <v>0</v>
      </c>
      <c r="BT37" s="193">
        <v>0</v>
      </c>
      <c r="BU37" s="191">
        <v>0</v>
      </c>
      <c r="BV37" s="191">
        <v>0</v>
      </c>
      <c r="BW37" s="191">
        <v>16</v>
      </c>
      <c r="BX37" s="191">
        <v>0</v>
      </c>
      <c r="BY37" s="191">
        <v>0</v>
      </c>
      <c r="BZ37" s="196">
        <v>16</v>
      </c>
      <c r="CA37" s="195">
        <v>16</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13</v>
      </c>
      <c r="H38" s="191">
        <v>0</v>
      </c>
      <c r="I38" s="191">
        <v>9</v>
      </c>
      <c r="J38" s="191">
        <v>0</v>
      </c>
      <c r="K38" s="191">
        <v>120</v>
      </c>
      <c r="L38" s="194">
        <v>142</v>
      </c>
      <c r="M38" s="195">
        <v>142</v>
      </c>
      <c r="N38" s="190">
        <v>0</v>
      </c>
      <c r="O38" s="191">
        <v>0</v>
      </c>
      <c r="P38" s="196">
        <v>0</v>
      </c>
      <c r="Q38" s="193">
        <v>0</v>
      </c>
      <c r="R38" s="191">
        <v>0</v>
      </c>
      <c r="S38" s="191">
        <v>0</v>
      </c>
      <c r="T38" s="191">
        <v>0</v>
      </c>
      <c r="U38" s="191">
        <v>5</v>
      </c>
      <c r="V38" s="191">
        <v>8</v>
      </c>
      <c r="W38" s="196">
        <v>13</v>
      </c>
      <c r="X38" s="195">
        <v>13</v>
      </c>
      <c r="Y38" s="190">
        <v>0</v>
      </c>
      <c r="Z38" s="191">
        <v>0</v>
      </c>
      <c r="AA38" s="196">
        <v>0</v>
      </c>
      <c r="AB38" s="193">
        <v>0</v>
      </c>
      <c r="AC38" s="191">
        <v>0</v>
      </c>
      <c r="AD38" s="191">
        <v>0</v>
      </c>
      <c r="AE38" s="191">
        <v>12</v>
      </c>
      <c r="AF38" s="191">
        <v>27</v>
      </c>
      <c r="AG38" s="191">
        <v>0</v>
      </c>
      <c r="AH38" s="196">
        <v>39</v>
      </c>
      <c r="AI38" s="195">
        <v>39</v>
      </c>
      <c r="AJ38" s="190">
        <v>0</v>
      </c>
      <c r="AK38" s="191">
        <v>8</v>
      </c>
      <c r="AL38" s="196">
        <v>8</v>
      </c>
      <c r="AM38" s="193">
        <v>0</v>
      </c>
      <c r="AN38" s="191">
        <v>0</v>
      </c>
      <c r="AO38" s="191">
        <v>8</v>
      </c>
      <c r="AP38" s="191">
        <v>8</v>
      </c>
      <c r="AQ38" s="191">
        <v>8</v>
      </c>
      <c r="AR38" s="191">
        <v>0</v>
      </c>
      <c r="AS38" s="196">
        <v>24</v>
      </c>
      <c r="AT38" s="195">
        <v>32</v>
      </c>
      <c r="AU38" s="190">
        <v>0</v>
      </c>
      <c r="AV38" s="191">
        <v>0</v>
      </c>
      <c r="AW38" s="196">
        <v>0</v>
      </c>
      <c r="AX38" s="193">
        <v>0</v>
      </c>
      <c r="AY38" s="191">
        <v>13</v>
      </c>
      <c r="AZ38" s="191">
        <v>11</v>
      </c>
      <c r="BA38" s="191">
        <v>0</v>
      </c>
      <c r="BB38" s="191">
        <v>0</v>
      </c>
      <c r="BC38" s="191">
        <v>0</v>
      </c>
      <c r="BD38" s="194">
        <v>24</v>
      </c>
      <c r="BE38" s="195">
        <v>24</v>
      </c>
      <c r="BF38" s="190">
        <v>0</v>
      </c>
      <c r="BG38" s="191">
        <v>0</v>
      </c>
      <c r="BH38" s="196">
        <v>0</v>
      </c>
      <c r="BI38" s="193">
        <v>0</v>
      </c>
      <c r="BJ38" s="191">
        <v>5</v>
      </c>
      <c r="BK38" s="191">
        <v>0</v>
      </c>
      <c r="BL38" s="191">
        <v>0</v>
      </c>
      <c r="BM38" s="191">
        <v>9</v>
      </c>
      <c r="BN38" s="191">
        <v>0</v>
      </c>
      <c r="BO38" s="196">
        <v>14</v>
      </c>
      <c r="BP38" s="195">
        <v>14</v>
      </c>
      <c r="BQ38" s="190">
        <v>0</v>
      </c>
      <c r="BR38" s="191">
        <v>0</v>
      </c>
      <c r="BS38" s="196">
        <v>0</v>
      </c>
      <c r="BT38" s="193">
        <v>0</v>
      </c>
      <c r="BU38" s="191">
        <v>0</v>
      </c>
      <c r="BV38" s="191">
        <v>0</v>
      </c>
      <c r="BW38" s="191">
        <v>0</v>
      </c>
      <c r="BX38" s="191">
        <v>29</v>
      </c>
      <c r="BY38" s="191">
        <v>0</v>
      </c>
      <c r="BZ38" s="196">
        <v>29</v>
      </c>
      <c r="CA38" s="195">
        <v>29</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11</v>
      </c>
      <c r="BA39" s="198">
        <v>0</v>
      </c>
      <c r="BB39" s="198">
        <v>0</v>
      </c>
      <c r="BC39" s="198">
        <v>0</v>
      </c>
      <c r="BD39" s="201">
        <v>11</v>
      </c>
      <c r="BE39" s="202">
        <v>11</v>
      </c>
      <c r="BF39" s="197">
        <v>0</v>
      </c>
      <c r="BG39" s="198">
        <v>0</v>
      </c>
      <c r="BH39" s="203">
        <v>0</v>
      </c>
      <c r="BI39" s="200">
        <v>0</v>
      </c>
      <c r="BJ39" s="198">
        <v>4</v>
      </c>
      <c r="BK39" s="198">
        <v>0</v>
      </c>
      <c r="BL39" s="198">
        <v>8</v>
      </c>
      <c r="BM39" s="198">
        <v>0</v>
      </c>
      <c r="BN39" s="198">
        <v>0</v>
      </c>
      <c r="BO39" s="203">
        <v>12</v>
      </c>
      <c r="BP39" s="202">
        <v>12</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7.55468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6</v>
      </c>
      <c r="M1" s="445">
        <f>IF(L1&lt;3,L1+12-2,L1-2)</f>
        <v>4</v>
      </c>
      <c r="N1" s="445"/>
    </row>
    <row r="2" spans="2:112" ht="24" customHeight="1" thickBot="1" x14ac:dyDescent="0.25">
      <c r="B2" s="142" t="s">
        <v>151</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58</v>
      </c>
      <c r="CN3" s="480"/>
      <c r="CO3" s="480"/>
      <c r="CP3" s="480"/>
      <c r="CQ3" s="480"/>
      <c r="CR3" s="480"/>
      <c r="CS3" s="480"/>
      <c r="CT3" s="480"/>
      <c r="CU3" s="480"/>
      <c r="CV3" s="480"/>
      <c r="CW3" s="481"/>
      <c r="CX3" s="479" t="s">
        <v>154</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82" t="s">
        <v>44</v>
      </c>
      <c r="E5" s="205"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9">
        <v>0</v>
      </c>
      <c r="E6" s="206">
        <v>0</v>
      </c>
      <c r="F6" s="186">
        <v>0</v>
      </c>
      <c r="G6" s="184">
        <v>13007</v>
      </c>
      <c r="H6" s="184">
        <v>19626</v>
      </c>
      <c r="I6" s="184">
        <v>19734</v>
      </c>
      <c r="J6" s="184">
        <v>25579</v>
      </c>
      <c r="K6" s="184">
        <v>22849</v>
      </c>
      <c r="L6" s="187">
        <v>100795</v>
      </c>
      <c r="M6" s="188">
        <v>100795</v>
      </c>
      <c r="N6" s="183">
        <v>0</v>
      </c>
      <c r="O6" s="184">
        <v>9</v>
      </c>
      <c r="P6" s="189">
        <v>9</v>
      </c>
      <c r="Q6" s="186">
        <v>0</v>
      </c>
      <c r="R6" s="184">
        <v>42</v>
      </c>
      <c r="S6" s="184">
        <v>96</v>
      </c>
      <c r="T6" s="184">
        <v>234</v>
      </c>
      <c r="U6" s="184">
        <v>663</v>
      </c>
      <c r="V6" s="184">
        <v>1218</v>
      </c>
      <c r="W6" s="189">
        <v>2253</v>
      </c>
      <c r="X6" s="188">
        <v>2262</v>
      </c>
      <c r="Y6" s="183">
        <v>1418</v>
      </c>
      <c r="Z6" s="184">
        <v>4246</v>
      </c>
      <c r="AA6" s="189">
        <v>5664</v>
      </c>
      <c r="AB6" s="186">
        <v>0</v>
      </c>
      <c r="AC6" s="184">
        <v>10078</v>
      </c>
      <c r="AD6" s="184">
        <v>15546</v>
      </c>
      <c r="AE6" s="184">
        <v>9266</v>
      </c>
      <c r="AF6" s="184">
        <v>7597</v>
      </c>
      <c r="AG6" s="184">
        <v>5665</v>
      </c>
      <c r="AH6" s="189">
        <v>48152</v>
      </c>
      <c r="AI6" s="188">
        <v>53816</v>
      </c>
      <c r="AJ6" s="183">
        <v>180</v>
      </c>
      <c r="AK6" s="184">
        <v>658</v>
      </c>
      <c r="AL6" s="189">
        <v>838</v>
      </c>
      <c r="AM6" s="186">
        <v>0</v>
      </c>
      <c r="AN6" s="184">
        <v>1110</v>
      </c>
      <c r="AO6" s="184">
        <v>2079</v>
      </c>
      <c r="AP6" s="184">
        <v>949</v>
      </c>
      <c r="AQ6" s="184">
        <v>1113</v>
      </c>
      <c r="AR6" s="184">
        <v>710</v>
      </c>
      <c r="AS6" s="189">
        <v>5961</v>
      </c>
      <c r="AT6" s="188">
        <v>6799</v>
      </c>
      <c r="AU6" s="183">
        <v>0</v>
      </c>
      <c r="AV6" s="184">
        <v>0</v>
      </c>
      <c r="AW6" s="189">
        <v>0</v>
      </c>
      <c r="AX6" s="186">
        <v>0</v>
      </c>
      <c r="AY6" s="184">
        <v>10866</v>
      </c>
      <c r="AZ6" s="184">
        <v>10282</v>
      </c>
      <c r="BA6" s="184">
        <v>5709</v>
      </c>
      <c r="BB6" s="184">
        <v>2999</v>
      </c>
      <c r="BC6" s="184">
        <v>1480</v>
      </c>
      <c r="BD6" s="187">
        <v>31336</v>
      </c>
      <c r="BE6" s="188">
        <v>31336</v>
      </c>
      <c r="BF6" s="183">
        <v>0</v>
      </c>
      <c r="BG6" s="184">
        <v>0</v>
      </c>
      <c r="BH6" s="189">
        <v>0</v>
      </c>
      <c r="BI6" s="186">
        <v>0</v>
      </c>
      <c r="BJ6" s="184">
        <v>2406</v>
      </c>
      <c r="BK6" s="184">
        <v>3565</v>
      </c>
      <c r="BL6" s="184">
        <v>2303</v>
      </c>
      <c r="BM6" s="184">
        <v>1246</v>
      </c>
      <c r="BN6" s="184">
        <v>517</v>
      </c>
      <c r="BO6" s="189">
        <v>10037</v>
      </c>
      <c r="BP6" s="188">
        <v>10037</v>
      </c>
      <c r="BQ6" s="183">
        <v>24</v>
      </c>
      <c r="BR6" s="184">
        <v>84</v>
      </c>
      <c r="BS6" s="189">
        <v>108</v>
      </c>
      <c r="BT6" s="186">
        <v>0</v>
      </c>
      <c r="BU6" s="184">
        <v>1021</v>
      </c>
      <c r="BV6" s="184">
        <v>1873</v>
      </c>
      <c r="BW6" s="184">
        <v>2338</v>
      </c>
      <c r="BX6" s="184">
        <v>2039</v>
      </c>
      <c r="BY6" s="184">
        <v>928</v>
      </c>
      <c r="BZ6" s="189">
        <v>8199</v>
      </c>
      <c r="CA6" s="188">
        <v>8307</v>
      </c>
      <c r="CB6" s="183">
        <v>3</v>
      </c>
      <c r="CC6" s="184">
        <v>8</v>
      </c>
      <c r="CD6" s="189">
        <v>11</v>
      </c>
      <c r="CE6" s="186">
        <v>0</v>
      </c>
      <c r="CF6" s="184">
        <v>136</v>
      </c>
      <c r="CG6" s="184">
        <v>322</v>
      </c>
      <c r="CH6" s="184">
        <v>344</v>
      </c>
      <c r="CI6" s="184">
        <v>224</v>
      </c>
      <c r="CJ6" s="184">
        <v>191</v>
      </c>
      <c r="CK6" s="189">
        <v>1217</v>
      </c>
      <c r="CL6" s="188">
        <v>1228</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6">
        <v>0</v>
      </c>
      <c r="E7" s="207">
        <v>0</v>
      </c>
      <c r="F7" s="193">
        <v>0</v>
      </c>
      <c r="G7" s="191">
        <v>4950</v>
      </c>
      <c r="H7" s="191">
        <v>8500</v>
      </c>
      <c r="I7" s="191">
        <v>7757</v>
      </c>
      <c r="J7" s="191">
        <v>10336</v>
      </c>
      <c r="K7" s="191">
        <v>10158</v>
      </c>
      <c r="L7" s="194">
        <v>41701</v>
      </c>
      <c r="M7" s="195">
        <v>41701</v>
      </c>
      <c r="N7" s="190">
        <v>0</v>
      </c>
      <c r="O7" s="191">
        <v>8</v>
      </c>
      <c r="P7" s="196">
        <v>8</v>
      </c>
      <c r="Q7" s="193">
        <v>0</v>
      </c>
      <c r="R7" s="191">
        <v>8</v>
      </c>
      <c r="S7" s="191">
        <v>25</v>
      </c>
      <c r="T7" s="191">
        <v>116</v>
      </c>
      <c r="U7" s="191">
        <v>217</v>
      </c>
      <c r="V7" s="191">
        <v>648</v>
      </c>
      <c r="W7" s="196">
        <v>1014</v>
      </c>
      <c r="X7" s="195">
        <v>1022</v>
      </c>
      <c r="Y7" s="190">
        <v>577</v>
      </c>
      <c r="Z7" s="191">
        <v>2260</v>
      </c>
      <c r="AA7" s="196">
        <v>2837</v>
      </c>
      <c r="AB7" s="193">
        <v>0</v>
      </c>
      <c r="AC7" s="191">
        <v>3530</v>
      </c>
      <c r="AD7" s="191">
        <v>8713</v>
      </c>
      <c r="AE7" s="191">
        <v>4694</v>
      </c>
      <c r="AF7" s="191">
        <v>3822</v>
      </c>
      <c r="AG7" s="191">
        <v>2813</v>
      </c>
      <c r="AH7" s="196">
        <v>23572</v>
      </c>
      <c r="AI7" s="195">
        <v>26409</v>
      </c>
      <c r="AJ7" s="190">
        <v>70</v>
      </c>
      <c r="AK7" s="191">
        <v>399</v>
      </c>
      <c r="AL7" s="196">
        <v>469</v>
      </c>
      <c r="AM7" s="193">
        <v>0</v>
      </c>
      <c r="AN7" s="191">
        <v>346</v>
      </c>
      <c r="AO7" s="191">
        <v>1102</v>
      </c>
      <c r="AP7" s="191">
        <v>445</v>
      </c>
      <c r="AQ7" s="191">
        <v>464</v>
      </c>
      <c r="AR7" s="191">
        <v>304</v>
      </c>
      <c r="AS7" s="196">
        <v>2661</v>
      </c>
      <c r="AT7" s="195">
        <v>3130</v>
      </c>
      <c r="AU7" s="190">
        <v>0</v>
      </c>
      <c r="AV7" s="191">
        <v>0</v>
      </c>
      <c r="AW7" s="196">
        <v>0</v>
      </c>
      <c r="AX7" s="193">
        <v>0</v>
      </c>
      <c r="AY7" s="191">
        <v>3555</v>
      </c>
      <c r="AZ7" s="191">
        <v>4245</v>
      </c>
      <c r="BA7" s="191">
        <v>2119</v>
      </c>
      <c r="BB7" s="191">
        <v>1155</v>
      </c>
      <c r="BC7" s="191">
        <v>538</v>
      </c>
      <c r="BD7" s="194">
        <v>11612</v>
      </c>
      <c r="BE7" s="195">
        <v>11612</v>
      </c>
      <c r="BF7" s="190">
        <v>0</v>
      </c>
      <c r="BG7" s="191">
        <v>0</v>
      </c>
      <c r="BH7" s="196">
        <v>0</v>
      </c>
      <c r="BI7" s="193">
        <v>0</v>
      </c>
      <c r="BJ7" s="191">
        <v>778</v>
      </c>
      <c r="BK7" s="191">
        <v>1746</v>
      </c>
      <c r="BL7" s="191">
        <v>1005</v>
      </c>
      <c r="BM7" s="191">
        <v>497</v>
      </c>
      <c r="BN7" s="191">
        <v>235</v>
      </c>
      <c r="BO7" s="196">
        <v>4261</v>
      </c>
      <c r="BP7" s="195">
        <v>4261</v>
      </c>
      <c r="BQ7" s="190">
        <v>16</v>
      </c>
      <c r="BR7" s="191">
        <v>30</v>
      </c>
      <c r="BS7" s="196">
        <v>46</v>
      </c>
      <c r="BT7" s="193">
        <v>0</v>
      </c>
      <c r="BU7" s="191">
        <v>380</v>
      </c>
      <c r="BV7" s="191">
        <v>759</v>
      </c>
      <c r="BW7" s="191">
        <v>908</v>
      </c>
      <c r="BX7" s="191">
        <v>1003</v>
      </c>
      <c r="BY7" s="191">
        <v>374</v>
      </c>
      <c r="BZ7" s="196">
        <v>3424</v>
      </c>
      <c r="CA7" s="195">
        <v>3470</v>
      </c>
      <c r="CB7" s="190">
        <v>3</v>
      </c>
      <c r="CC7" s="191">
        <v>8</v>
      </c>
      <c r="CD7" s="196">
        <v>11</v>
      </c>
      <c r="CE7" s="193">
        <v>0</v>
      </c>
      <c r="CF7" s="191">
        <v>52</v>
      </c>
      <c r="CG7" s="191">
        <v>233</v>
      </c>
      <c r="CH7" s="191">
        <v>166</v>
      </c>
      <c r="CI7" s="191">
        <v>165</v>
      </c>
      <c r="CJ7" s="191">
        <v>124</v>
      </c>
      <c r="CK7" s="196">
        <v>740</v>
      </c>
      <c r="CL7" s="195">
        <v>751</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6">
        <v>0</v>
      </c>
      <c r="E8" s="207">
        <v>0</v>
      </c>
      <c r="F8" s="193">
        <v>0</v>
      </c>
      <c r="G8" s="191">
        <v>2269</v>
      </c>
      <c r="H8" s="191">
        <v>3209</v>
      </c>
      <c r="I8" s="191">
        <v>2411</v>
      </c>
      <c r="J8" s="191">
        <v>4291</v>
      </c>
      <c r="K8" s="191">
        <v>4569</v>
      </c>
      <c r="L8" s="194">
        <v>16749</v>
      </c>
      <c r="M8" s="195">
        <v>16749</v>
      </c>
      <c r="N8" s="190">
        <v>0</v>
      </c>
      <c r="O8" s="191">
        <v>0</v>
      </c>
      <c r="P8" s="196">
        <v>0</v>
      </c>
      <c r="Q8" s="193">
        <v>0</v>
      </c>
      <c r="R8" s="191">
        <v>15</v>
      </c>
      <c r="S8" s="191">
        <v>32</v>
      </c>
      <c r="T8" s="191">
        <v>29</v>
      </c>
      <c r="U8" s="191">
        <v>125</v>
      </c>
      <c r="V8" s="191">
        <v>139</v>
      </c>
      <c r="W8" s="196">
        <v>340</v>
      </c>
      <c r="X8" s="195">
        <v>340</v>
      </c>
      <c r="Y8" s="190">
        <v>278</v>
      </c>
      <c r="Z8" s="191">
        <v>708</v>
      </c>
      <c r="AA8" s="196">
        <v>986</v>
      </c>
      <c r="AB8" s="193">
        <v>0</v>
      </c>
      <c r="AC8" s="191">
        <v>2959</v>
      </c>
      <c r="AD8" s="191">
        <v>2398</v>
      </c>
      <c r="AE8" s="191">
        <v>1710</v>
      </c>
      <c r="AF8" s="191">
        <v>1413</v>
      </c>
      <c r="AG8" s="191">
        <v>864</v>
      </c>
      <c r="AH8" s="196">
        <v>9344</v>
      </c>
      <c r="AI8" s="195">
        <v>10330</v>
      </c>
      <c r="AJ8" s="190">
        <v>44</v>
      </c>
      <c r="AK8" s="191">
        <v>42</v>
      </c>
      <c r="AL8" s="196">
        <v>86</v>
      </c>
      <c r="AM8" s="193">
        <v>0</v>
      </c>
      <c r="AN8" s="191">
        <v>269</v>
      </c>
      <c r="AO8" s="191">
        <v>180</v>
      </c>
      <c r="AP8" s="191">
        <v>120</v>
      </c>
      <c r="AQ8" s="191">
        <v>240</v>
      </c>
      <c r="AR8" s="191">
        <v>93</v>
      </c>
      <c r="AS8" s="196">
        <v>902</v>
      </c>
      <c r="AT8" s="195">
        <v>988</v>
      </c>
      <c r="AU8" s="190">
        <v>0</v>
      </c>
      <c r="AV8" s="191">
        <v>0</v>
      </c>
      <c r="AW8" s="196">
        <v>0</v>
      </c>
      <c r="AX8" s="193">
        <v>0</v>
      </c>
      <c r="AY8" s="191">
        <v>2225</v>
      </c>
      <c r="AZ8" s="191">
        <v>1564</v>
      </c>
      <c r="BA8" s="191">
        <v>867</v>
      </c>
      <c r="BB8" s="191">
        <v>447</v>
      </c>
      <c r="BC8" s="191">
        <v>235</v>
      </c>
      <c r="BD8" s="194">
        <v>5338</v>
      </c>
      <c r="BE8" s="195">
        <v>5338</v>
      </c>
      <c r="BF8" s="190">
        <v>0</v>
      </c>
      <c r="BG8" s="191">
        <v>0</v>
      </c>
      <c r="BH8" s="196">
        <v>0</v>
      </c>
      <c r="BI8" s="193">
        <v>0</v>
      </c>
      <c r="BJ8" s="191">
        <v>448</v>
      </c>
      <c r="BK8" s="191">
        <v>472</v>
      </c>
      <c r="BL8" s="191">
        <v>319</v>
      </c>
      <c r="BM8" s="191">
        <v>181</v>
      </c>
      <c r="BN8" s="191">
        <v>61</v>
      </c>
      <c r="BO8" s="196">
        <v>1481</v>
      </c>
      <c r="BP8" s="195">
        <v>1481</v>
      </c>
      <c r="BQ8" s="190">
        <v>2</v>
      </c>
      <c r="BR8" s="191">
        <v>13</v>
      </c>
      <c r="BS8" s="196">
        <v>15</v>
      </c>
      <c r="BT8" s="193">
        <v>0</v>
      </c>
      <c r="BU8" s="191">
        <v>94</v>
      </c>
      <c r="BV8" s="191">
        <v>237</v>
      </c>
      <c r="BW8" s="191">
        <v>305</v>
      </c>
      <c r="BX8" s="191">
        <v>221</v>
      </c>
      <c r="BY8" s="191">
        <v>138</v>
      </c>
      <c r="BZ8" s="196">
        <v>995</v>
      </c>
      <c r="CA8" s="195">
        <v>1010</v>
      </c>
      <c r="CB8" s="190">
        <v>0</v>
      </c>
      <c r="CC8" s="191">
        <v>0</v>
      </c>
      <c r="CD8" s="196">
        <v>0</v>
      </c>
      <c r="CE8" s="193">
        <v>0</v>
      </c>
      <c r="CF8" s="191">
        <v>38</v>
      </c>
      <c r="CG8" s="191">
        <v>31</v>
      </c>
      <c r="CH8" s="191">
        <v>88</v>
      </c>
      <c r="CI8" s="191">
        <v>29</v>
      </c>
      <c r="CJ8" s="191">
        <v>25</v>
      </c>
      <c r="CK8" s="196">
        <v>211</v>
      </c>
      <c r="CL8" s="195">
        <v>211</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6">
        <v>0</v>
      </c>
      <c r="E9" s="207">
        <v>0</v>
      </c>
      <c r="F9" s="193">
        <v>0</v>
      </c>
      <c r="G9" s="191">
        <v>641</v>
      </c>
      <c r="H9" s="191">
        <v>1634</v>
      </c>
      <c r="I9" s="191">
        <v>1191</v>
      </c>
      <c r="J9" s="191">
        <v>1255</v>
      </c>
      <c r="K9" s="191">
        <v>1383</v>
      </c>
      <c r="L9" s="194">
        <v>6104</v>
      </c>
      <c r="M9" s="195">
        <v>6104</v>
      </c>
      <c r="N9" s="190">
        <v>0</v>
      </c>
      <c r="O9" s="191">
        <v>0</v>
      </c>
      <c r="P9" s="196">
        <v>0</v>
      </c>
      <c r="Q9" s="193">
        <v>0</v>
      </c>
      <c r="R9" s="191">
        <v>3</v>
      </c>
      <c r="S9" s="191">
        <v>9</v>
      </c>
      <c r="T9" s="191">
        <v>22</v>
      </c>
      <c r="U9" s="191">
        <v>54</v>
      </c>
      <c r="V9" s="191">
        <v>57</v>
      </c>
      <c r="W9" s="196">
        <v>145</v>
      </c>
      <c r="X9" s="195">
        <v>145</v>
      </c>
      <c r="Y9" s="190">
        <v>69</v>
      </c>
      <c r="Z9" s="191">
        <v>117</v>
      </c>
      <c r="AA9" s="196">
        <v>186</v>
      </c>
      <c r="AB9" s="193">
        <v>0</v>
      </c>
      <c r="AC9" s="191">
        <v>292</v>
      </c>
      <c r="AD9" s="191">
        <v>930</v>
      </c>
      <c r="AE9" s="191">
        <v>456</v>
      </c>
      <c r="AF9" s="191">
        <v>361</v>
      </c>
      <c r="AG9" s="191">
        <v>328</v>
      </c>
      <c r="AH9" s="196">
        <v>2367</v>
      </c>
      <c r="AI9" s="195">
        <v>2553</v>
      </c>
      <c r="AJ9" s="190">
        <v>0</v>
      </c>
      <c r="AK9" s="191">
        <v>24</v>
      </c>
      <c r="AL9" s="196">
        <v>24</v>
      </c>
      <c r="AM9" s="193">
        <v>0</v>
      </c>
      <c r="AN9" s="191">
        <v>24</v>
      </c>
      <c r="AO9" s="191">
        <v>104</v>
      </c>
      <c r="AP9" s="191">
        <v>26</v>
      </c>
      <c r="AQ9" s="191">
        <v>0</v>
      </c>
      <c r="AR9" s="191">
        <v>8</v>
      </c>
      <c r="AS9" s="196">
        <v>162</v>
      </c>
      <c r="AT9" s="195">
        <v>186</v>
      </c>
      <c r="AU9" s="190">
        <v>0</v>
      </c>
      <c r="AV9" s="191">
        <v>0</v>
      </c>
      <c r="AW9" s="196">
        <v>0</v>
      </c>
      <c r="AX9" s="193">
        <v>0</v>
      </c>
      <c r="AY9" s="191">
        <v>717</v>
      </c>
      <c r="AZ9" s="191">
        <v>971</v>
      </c>
      <c r="BA9" s="191">
        <v>631</v>
      </c>
      <c r="BB9" s="191">
        <v>213</v>
      </c>
      <c r="BC9" s="191">
        <v>157</v>
      </c>
      <c r="BD9" s="194">
        <v>2689</v>
      </c>
      <c r="BE9" s="195">
        <v>2689</v>
      </c>
      <c r="BF9" s="190">
        <v>0</v>
      </c>
      <c r="BG9" s="191">
        <v>0</v>
      </c>
      <c r="BH9" s="196">
        <v>0</v>
      </c>
      <c r="BI9" s="193">
        <v>0</v>
      </c>
      <c r="BJ9" s="191">
        <v>51</v>
      </c>
      <c r="BK9" s="191">
        <v>164</v>
      </c>
      <c r="BL9" s="191">
        <v>76</v>
      </c>
      <c r="BM9" s="191">
        <v>59</v>
      </c>
      <c r="BN9" s="191">
        <v>25</v>
      </c>
      <c r="BO9" s="196">
        <v>375</v>
      </c>
      <c r="BP9" s="195">
        <v>375</v>
      </c>
      <c r="BQ9" s="190">
        <v>0</v>
      </c>
      <c r="BR9" s="191">
        <v>0</v>
      </c>
      <c r="BS9" s="196">
        <v>0</v>
      </c>
      <c r="BT9" s="193">
        <v>0</v>
      </c>
      <c r="BU9" s="191">
        <v>29</v>
      </c>
      <c r="BV9" s="191">
        <v>87</v>
      </c>
      <c r="BW9" s="191">
        <v>143</v>
      </c>
      <c r="BX9" s="191">
        <v>204</v>
      </c>
      <c r="BY9" s="191">
        <v>69</v>
      </c>
      <c r="BZ9" s="196">
        <v>532</v>
      </c>
      <c r="CA9" s="195">
        <v>532</v>
      </c>
      <c r="CB9" s="190">
        <v>0</v>
      </c>
      <c r="CC9" s="191">
        <v>0</v>
      </c>
      <c r="CD9" s="196">
        <v>0</v>
      </c>
      <c r="CE9" s="193">
        <v>0</v>
      </c>
      <c r="CF9" s="191">
        <v>0</v>
      </c>
      <c r="CG9" s="191">
        <v>0</v>
      </c>
      <c r="CH9" s="191">
        <v>0</v>
      </c>
      <c r="CI9" s="191">
        <v>0</v>
      </c>
      <c r="CJ9" s="191">
        <v>0</v>
      </c>
      <c r="CK9" s="196">
        <v>0</v>
      </c>
      <c r="CL9" s="195">
        <v>0</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6">
        <v>0</v>
      </c>
      <c r="E10" s="207">
        <v>0</v>
      </c>
      <c r="F10" s="193">
        <v>0</v>
      </c>
      <c r="G10" s="191">
        <v>715</v>
      </c>
      <c r="H10" s="191">
        <v>519</v>
      </c>
      <c r="I10" s="191">
        <v>715</v>
      </c>
      <c r="J10" s="191">
        <v>970</v>
      </c>
      <c r="K10" s="191">
        <v>181</v>
      </c>
      <c r="L10" s="194">
        <v>3100</v>
      </c>
      <c r="M10" s="195">
        <v>3100</v>
      </c>
      <c r="N10" s="190">
        <v>0</v>
      </c>
      <c r="O10" s="191">
        <v>0</v>
      </c>
      <c r="P10" s="196">
        <v>0</v>
      </c>
      <c r="Q10" s="193">
        <v>0</v>
      </c>
      <c r="R10" s="191">
        <v>4</v>
      </c>
      <c r="S10" s="191">
        <v>0</v>
      </c>
      <c r="T10" s="191">
        <v>0</v>
      </c>
      <c r="U10" s="191">
        <v>49</v>
      </c>
      <c r="V10" s="191">
        <v>58</v>
      </c>
      <c r="W10" s="196">
        <v>111</v>
      </c>
      <c r="X10" s="195">
        <v>111</v>
      </c>
      <c r="Y10" s="190">
        <v>0</v>
      </c>
      <c r="Z10" s="191">
        <v>43</v>
      </c>
      <c r="AA10" s="196">
        <v>43</v>
      </c>
      <c r="AB10" s="193">
        <v>0</v>
      </c>
      <c r="AC10" s="191">
        <v>304</v>
      </c>
      <c r="AD10" s="191">
        <v>186</v>
      </c>
      <c r="AE10" s="191">
        <v>208</v>
      </c>
      <c r="AF10" s="191">
        <v>173</v>
      </c>
      <c r="AG10" s="191">
        <v>188</v>
      </c>
      <c r="AH10" s="196">
        <v>1059</v>
      </c>
      <c r="AI10" s="195">
        <v>1102</v>
      </c>
      <c r="AJ10" s="190">
        <v>10</v>
      </c>
      <c r="AK10" s="191">
        <v>0</v>
      </c>
      <c r="AL10" s="196">
        <v>10</v>
      </c>
      <c r="AM10" s="193">
        <v>0</v>
      </c>
      <c r="AN10" s="191">
        <v>25</v>
      </c>
      <c r="AO10" s="191">
        <v>63</v>
      </c>
      <c r="AP10" s="191">
        <v>44</v>
      </c>
      <c r="AQ10" s="191">
        <v>81</v>
      </c>
      <c r="AR10" s="191">
        <v>33</v>
      </c>
      <c r="AS10" s="196">
        <v>246</v>
      </c>
      <c r="AT10" s="195">
        <v>256</v>
      </c>
      <c r="AU10" s="190">
        <v>0</v>
      </c>
      <c r="AV10" s="191">
        <v>0</v>
      </c>
      <c r="AW10" s="196">
        <v>0</v>
      </c>
      <c r="AX10" s="193">
        <v>0</v>
      </c>
      <c r="AY10" s="191">
        <v>575</v>
      </c>
      <c r="AZ10" s="191">
        <v>311</v>
      </c>
      <c r="BA10" s="191">
        <v>153</v>
      </c>
      <c r="BB10" s="191">
        <v>92</v>
      </c>
      <c r="BC10" s="191">
        <v>35</v>
      </c>
      <c r="BD10" s="194">
        <v>1166</v>
      </c>
      <c r="BE10" s="195">
        <v>1166</v>
      </c>
      <c r="BF10" s="190">
        <v>0</v>
      </c>
      <c r="BG10" s="191">
        <v>0</v>
      </c>
      <c r="BH10" s="196">
        <v>0</v>
      </c>
      <c r="BI10" s="193">
        <v>0</v>
      </c>
      <c r="BJ10" s="191">
        <v>141</v>
      </c>
      <c r="BK10" s="191">
        <v>99</v>
      </c>
      <c r="BL10" s="191">
        <v>56</v>
      </c>
      <c r="BM10" s="191">
        <v>45</v>
      </c>
      <c r="BN10" s="191">
        <v>0</v>
      </c>
      <c r="BO10" s="196">
        <v>341</v>
      </c>
      <c r="BP10" s="195">
        <v>341</v>
      </c>
      <c r="BQ10" s="190">
        <v>0</v>
      </c>
      <c r="BR10" s="191">
        <v>0</v>
      </c>
      <c r="BS10" s="196">
        <v>0</v>
      </c>
      <c r="BT10" s="193">
        <v>0</v>
      </c>
      <c r="BU10" s="191">
        <v>64</v>
      </c>
      <c r="BV10" s="191">
        <v>67</v>
      </c>
      <c r="BW10" s="191">
        <v>57</v>
      </c>
      <c r="BX10" s="191">
        <v>72</v>
      </c>
      <c r="BY10" s="191">
        <v>20</v>
      </c>
      <c r="BZ10" s="196">
        <v>280</v>
      </c>
      <c r="CA10" s="195">
        <v>28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6">
        <v>0</v>
      </c>
      <c r="E11" s="207">
        <v>0</v>
      </c>
      <c r="F11" s="193">
        <v>0</v>
      </c>
      <c r="G11" s="191">
        <v>264</v>
      </c>
      <c r="H11" s="191">
        <v>286</v>
      </c>
      <c r="I11" s="191">
        <v>424</v>
      </c>
      <c r="J11" s="191">
        <v>589</v>
      </c>
      <c r="K11" s="191">
        <v>584</v>
      </c>
      <c r="L11" s="194">
        <v>2147</v>
      </c>
      <c r="M11" s="195">
        <v>2147</v>
      </c>
      <c r="N11" s="190">
        <v>0</v>
      </c>
      <c r="O11" s="191">
        <v>0</v>
      </c>
      <c r="P11" s="196">
        <v>0</v>
      </c>
      <c r="Q11" s="193">
        <v>0</v>
      </c>
      <c r="R11" s="191">
        <v>2</v>
      </c>
      <c r="S11" s="191">
        <v>0</v>
      </c>
      <c r="T11" s="191">
        <v>0</v>
      </c>
      <c r="U11" s="191">
        <v>9</v>
      </c>
      <c r="V11" s="191">
        <v>23</v>
      </c>
      <c r="W11" s="196">
        <v>34</v>
      </c>
      <c r="X11" s="195">
        <v>34</v>
      </c>
      <c r="Y11" s="190">
        <v>27</v>
      </c>
      <c r="Z11" s="191">
        <v>49</v>
      </c>
      <c r="AA11" s="196">
        <v>76</v>
      </c>
      <c r="AB11" s="193">
        <v>0</v>
      </c>
      <c r="AC11" s="191">
        <v>184</v>
      </c>
      <c r="AD11" s="191">
        <v>124</v>
      </c>
      <c r="AE11" s="191">
        <v>104</v>
      </c>
      <c r="AF11" s="191">
        <v>113</v>
      </c>
      <c r="AG11" s="191">
        <v>93</v>
      </c>
      <c r="AH11" s="196">
        <v>618</v>
      </c>
      <c r="AI11" s="195">
        <v>694</v>
      </c>
      <c r="AJ11" s="190">
        <v>0</v>
      </c>
      <c r="AK11" s="191">
        <v>34</v>
      </c>
      <c r="AL11" s="196">
        <v>34</v>
      </c>
      <c r="AM11" s="193">
        <v>0</v>
      </c>
      <c r="AN11" s="191">
        <v>59</v>
      </c>
      <c r="AO11" s="191">
        <v>87</v>
      </c>
      <c r="AP11" s="191">
        <v>8</v>
      </c>
      <c r="AQ11" s="191">
        <v>39</v>
      </c>
      <c r="AR11" s="191">
        <v>51</v>
      </c>
      <c r="AS11" s="196">
        <v>244</v>
      </c>
      <c r="AT11" s="195">
        <v>278</v>
      </c>
      <c r="AU11" s="190">
        <v>0</v>
      </c>
      <c r="AV11" s="191">
        <v>0</v>
      </c>
      <c r="AW11" s="196">
        <v>0</v>
      </c>
      <c r="AX11" s="193">
        <v>0</v>
      </c>
      <c r="AY11" s="191">
        <v>218</v>
      </c>
      <c r="AZ11" s="191">
        <v>267</v>
      </c>
      <c r="BA11" s="191">
        <v>181</v>
      </c>
      <c r="BB11" s="191">
        <v>95</v>
      </c>
      <c r="BC11" s="191">
        <v>45</v>
      </c>
      <c r="BD11" s="194">
        <v>806</v>
      </c>
      <c r="BE11" s="195">
        <v>806</v>
      </c>
      <c r="BF11" s="190">
        <v>0</v>
      </c>
      <c r="BG11" s="191">
        <v>0</v>
      </c>
      <c r="BH11" s="196">
        <v>0</v>
      </c>
      <c r="BI11" s="193">
        <v>0</v>
      </c>
      <c r="BJ11" s="191">
        <v>97</v>
      </c>
      <c r="BK11" s="191">
        <v>52</v>
      </c>
      <c r="BL11" s="191">
        <v>70</v>
      </c>
      <c r="BM11" s="191">
        <v>43</v>
      </c>
      <c r="BN11" s="191">
        <v>27</v>
      </c>
      <c r="BO11" s="196">
        <v>289</v>
      </c>
      <c r="BP11" s="195">
        <v>289</v>
      </c>
      <c r="BQ11" s="190">
        <v>0</v>
      </c>
      <c r="BR11" s="191">
        <v>0</v>
      </c>
      <c r="BS11" s="196">
        <v>0</v>
      </c>
      <c r="BT11" s="193">
        <v>0</v>
      </c>
      <c r="BU11" s="191">
        <v>56</v>
      </c>
      <c r="BV11" s="191">
        <v>62</v>
      </c>
      <c r="BW11" s="191">
        <v>148</v>
      </c>
      <c r="BX11" s="191">
        <v>61</v>
      </c>
      <c r="BY11" s="191">
        <v>46</v>
      </c>
      <c r="BZ11" s="196">
        <v>373</v>
      </c>
      <c r="CA11" s="195">
        <v>373</v>
      </c>
      <c r="CB11" s="190">
        <v>0</v>
      </c>
      <c r="CC11" s="191">
        <v>0</v>
      </c>
      <c r="CD11" s="196">
        <v>0</v>
      </c>
      <c r="CE11" s="193">
        <v>0</v>
      </c>
      <c r="CF11" s="191">
        <v>13</v>
      </c>
      <c r="CG11" s="191">
        <v>8</v>
      </c>
      <c r="CH11" s="191">
        <v>0</v>
      </c>
      <c r="CI11" s="191">
        <v>5</v>
      </c>
      <c r="CJ11" s="191">
        <v>0</v>
      </c>
      <c r="CK11" s="196">
        <v>26</v>
      </c>
      <c r="CL11" s="195">
        <v>26</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6">
        <v>0</v>
      </c>
      <c r="E12" s="207">
        <v>0</v>
      </c>
      <c r="F12" s="193">
        <v>0</v>
      </c>
      <c r="G12" s="191">
        <v>639</v>
      </c>
      <c r="H12" s="191">
        <v>600</v>
      </c>
      <c r="I12" s="191">
        <v>1343</v>
      </c>
      <c r="J12" s="191">
        <v>2521</v>
      </c>
      <c r="K12" s="191">
        <v>1218</v>
      </c>
      <c r="L12" s="194">
        <v>6321</v>
      </c>
      <c r="M12" s="195">
        <v>6321</v>
      </c>
      <c r="N12" s="190">
        <v>0</v>
      </c>
      <c r="O12" s="191">
        <v>0</v>
      </c>
      <c r="P12" s="196">
        <v>0</v>
      </c>
      <c r="Q12" s="193">
        <v>0</v>
      </c>
      <c r="R12" s="191">
        <v>5</v>
      </c>
      <c r="S12" s="191">
        <v>0</v>
      </c>
      <c r="T12" s="191">
        <v>7</v>
      </c>
      <c r="U12" s="191">
        <v>42</v>
      </c>
      <c r="V12" s="191">
        <v>67</v>
      </c>
      <c r="W12" s="196">
        <v>121</v>
      </c>
      <c r="X12" s="195">
        <v>121</v>
      </c>
      <c r="Y12" s="190">
        <v>89</v>
      </c>
      <c r="Z12" s="191">
        <v>105</v>
      </c>
      <c r="AA12" s="196">
        <v>194</v>
      </c>
      <c r="AB12" s="193">
        <v>0</v>
      </c>
      <c r="AC12" s="191">
        <v>327</v>
      </c>
      <c r="AD12" s="191">
        <v>572</v>
      </c>
      <c r="AE12" s="191">
        <v>264</v>
      </c>
      <c r="AF12" s="191">
        <v>286</v>
      </c>
      <c r="AG12" s="191">
        <v>233</v>
      </c>
      <c r="AH12" s="196">
        <v>1682</v>
      </c>
      <c r="AI12" s="195">
        <v>1876</v>
      </c>
      <c r="AJ12" s="190">
        <v>0</v>
      </c>
      <c r="AK12" s="191">
        <v>10</v>
      </c>
      <c r="AL12" s="196">
        <v>10</v>
      </c>
      <c r="AM12" s="193">
        <v>0</v>
      </c>
      <c r="AN12" s="191">
        <v>36</v>
      </c>
      <c r="AO12" s="191">
        <v>113</v>
      </c>
      <c r="AP12" s="191">
        <v>73</v>
      </c>
      <c r="AQ12" s="191">
        <v>65</v>
      </c>
      <c r="AR12" s="191">
        <v>56</v>
      </c>
      <c r="AS12" s="196">
        <v>343</v>
      </c>
      <c r="AT12" s="195">
        <v>353</v>
      </c>
      <c r="AU12" s="190">
        <v>0</v>
      </c>
      <c r="AV12" s="191">
        <v>0</v>
      </c>
      <c r="AW12" s="196">
        <v>0</v>
      </c>
      <c r="AX12" s="193">
        <v>0</v>
      </c>
      <c r="AY12" s="191">
        <v>505</v>
      </c>
      <c r="AZ12" s="191">
        <v>297</v>
      </c>
      <c r="BA12" s="191">
        <v>214</v>
      </c>
      <c r="BB12" s="191">
        <v>128</v>
      </c>
      <c r="BC12" s="191">
        <v>30</v>
      </c>
      <c r="BD12" s="194">
        <v>1174</v>
      </c>
      <c r="BE12" s="195">
        <v>1174</v>
      </c>
      <c r="BF12" s="190">
        <v>0</v>
      </c>
      <c r="BG12" s="191">
        <v>0</v>
      </c>
      <c r="BH12" s="196">
        <v>0</v>
      </c>
      <c r="BI12" s="193">
        <v>0</v>
      </c>
      <c r="BJ12" s="191">
        <v>113</v>
      </c>
      <c r="BK12" s="191">
        <v>126</v>
      </c>
      <c r="BL12" s="191">
        <v>90</v>
      </c>
      <c r="BM12" s="191">
        <v>45</v>
      </c>
      <c r="BN12" s="191">
        <v>15</v>
      </c>
      <c r="BO12" s="196">
        <v>389</v>
      </c>
      <c r="BP12" s="195">
        <v>389</v>
      </c>
      <c r="BQ12" s="190">
        <v>0</v>
      </c>
      <c r="BR12" s="191">
        <v>0</v>
      </c>
      <c r="BS12" s="196">
        <v>0</v>
      </c>
      <c r="BT12" s="193">
        <v>0</v>
      </c>
      <c r="BU12" s="191">
        <v>31</v>
      </c>
      <c r="BV12" s="191">
        <v>47</v>
      </c>
      <c r="BW12" s="191">
        <v>133</v>
      </c>
      <c r="BX12" s="191">
        <v>24</v>
      </c>
      <c r="BY12" s="191">
        <v>27</v>
      </c>
      <c r="BZ12" s="196">
        <v>262</v>
      </c>
      <c r="CA12" s="195">
        <v>262</v>
      </c>
      <c r="CB12" s="190">
        <v>0</v>
      </c>
      <c r="CC12" s="191">
        <v>0</v>
      </c>
      <c r="CD12" s="196">
        <v>0</v>
      </c>
      <c r="CE12" s="193">
        <v>0</v>
      </c>
      <c r="CF12" s="191">
        <v>3</v>
      </c>
      <c r="CG12" s="191">
        <v>2</v>
      </c>
      <c r="CH12" s="191">
        <v>25</v>
      </c>
      <c r="CI12" s="191">
        <v>6</v>
      </c>
      <c r="CJ12" s="191">
        <v>0</v>
      </c>
      <c r="CK12" s="196">
        <v>36</v>
      </c>
      <c r="CL12" s="195">
        <v>36</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6">
        <v>0</v>
      </c>
      <c r="E13" s="207">
        <v>0</v>
      </c>
      <c r="F13" s="193">
        <v>0</v>
      </c>
      <c r="G13" s="191">
        <v>1432</v>
      </c>
      <c r="H13" s="191">
        <v>1339</v>
      </c>
      <c r="I13" s="191">
        <v>2280</v>
      </c>
      <c r="J13" s="191">
        <v>1668</v>
      </c>
      <c r="K13" s="191">
        <v>1016</v>
      </c>
      <c r="L13" s="194">
        <v>7735</v>
      </c>
      <c r="M13" s="195">
        <v>7735</v>
      </c>
      <c r="N13" s="190">
        <v>0</v>
      </c>
      <c r="O13" s="191">
        <v>0</v>
      </c>
      <c r="P13" s="196">
        <v>0</v>
      </c>
      <c r="Q13" s="193">
        <v>0</v>
      </c>
      <c r="R13" s="191">
        <v>0</v>
      </c>
      <c r="S13" s="191">
        <v>13</v>
      </c>
      <c r="T13" s="191">
        <v>18</v>
      </c>
      <c r="U13" s="191">
        <v>39</v>
      </c>
      <c r="V13" s="191">
        <v>30</v>
      </c>
      <c r="W13" s="196">
        <v>100</v>
      </c>
      <c r="X13" s="195">
        <v>100</v>
      </c>
      <c r="Y13" s="190">
        <v>123</v>
      </c>
      <c r="Z13" s="191">
        <v>230</v>
      </c>
      <c r="AA13" s="196">
        <v>353</v>
      </c>
      <c r="AB13" s="193">
        <v>0</v>
      </c>
      <c r="AC13" s="191">
        <v>689</v>
      </c>
      <c r="AD13" s="191">
        <v>546</v>
      </c>
      <c r="AE13" s="191">
        <v>314</v>
      </c>
      <c r="AF13" s="191">
        <v>236</v>
      </c>
      <c r="AG13" s="191">
        <v>172</v>
      </c>
      <c r="AH13" s="196">
        <v>1957</v>
      </c>
      <c r="AI13" s="195">
        <v>2310</v>
      </c>
      <c r="AJ13" s="190">
        <v>4</v>
      </c>
      <c r="AK13" s="191">
        <v>22</v>
      </c>
      <c r="AL13" s="196">
        <v>26</v>
      </c>
      <c r="AM13" s="193">
        <v>0</v>
      </c>
      <c r="AN13" s="191">
        <v>97</v>
      </c>
      <c r="AO13" s="191">
        <v>49</v>
      </c>
      <c r="AP13" s="191">
        <v>52</v>
      </c>
      <c r="AQ13" s="191">
        <v>8</v>
      </c>
      <c r="AR13" s="191">
        <v>26</v>
      </c>
      <c r="AS13" s="196">
        <v>232</v>
      </c>
      <c r="AT13" s="195">
        <v>258</v>
      </c>
      <c r="AU13" s="190">
        <v>0</v>
      </c>
      <c r="AV13" s="191">
        <v>0</v>
      </c>
      <c r="AW13" s="196">
        <v>0</v>
      </c>
      <c r="AX13" s="193">
        <v>0</v>
      </c>
      <c r="AY13" s="191">
        <v>985</v>
      </c>
      <c r="AZ13" s="191">
        <v>495</v>
      </c>
      <c r="BA13" s="191">
        <v>483</v>
      </c>
      <c r="BB13" s="191">
        <v>141</v>
      </c>
      <c r="BC13" s="191">
        <v>49</v>
      </c>
      <c r="BD13" s="194">
        <v>2153</v>
      </c>
      <c r="BE13" s="195">
        <v>2153</v>
      </c>
      <c r="BF13" s="190">
        <v>0</v>
      </c>
      <c r="BG13" s="191">
        <v>0</v>
      </c>
      <c r="BH13" s="196">
        <v>0</v>
      </c>
      <c r="BI13" s="193">
        <v>0</v>
      </c>
      <c r="BJ13" s="191">
        <v>131</v>
      </c>
      <c r="BK13" s="191">
        <v>135</v>
      </c>
      <c r="BL13" s="191">
        <v>89</v>
      </c>
      <c r="BM13" s="191">
        <v>12</v>
      </c>
      <c r="BN13" s="191">
        <v>28</v>
      </c>
      <c r="BO13" s="196">
        <v>395</v>
      </c>
      <c r="BP13" s="195">
        <v>395</v>
      </c>
      <c r="BQ13" s="190">
        <v>0</v>
      </c>
      <c r="BR13" s="191">
        <v>23</v>
      </c>
      <c r="BS13" s="196">
        <v>23</v>
      </c>
      <c r="BT13" s="193">
        <v>0</v>
      </c>
      <c r="BU13" s="191">
        <v>125</v>
      </c>
      <c r="BV13" s="191">
        <v>106</v>
      </c>
      <c r="BW13" s="191">
        <v>104</v>
      </c>
      <c r="BX13" s="191">
        <v>123</v>
      </c>
      <c r="BY13" s="191">
        <v>4</v>
      </c>
      <c r="BZ13" s="196">
        <v>462</v>
      </c>
      <c r="CA13" s="195">
        <v>485</v>
      </c>
      <c r="CB13" s="190">
        <v>0</v>
      </c>
      <c r="CC13" s="191">
        <v>0</v>
      </c>
      <c r="CD13" s="196">
        <v>0</v>
      </c>
      <c r="CE13" s="193">
        <v>0</v>
      </c>
      <c r="CF13" s="191">
        <v>0</v>
      </c>
      <c r="CG13" s="191">
        <v>9</v>
      </c>
      <c r="CH13" s="191">
        <v>0</v>
      </c>
      <c r="CI13" s="191">
        <v>0</v>
      </c>
      <c r="CJ13" s="191">
        <v>8</v>
      </c>
      <c r="CK13" s="196">
        <v>17</v>
      </c>
      <c r="CL13" s="195">
        <v>17</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6">
        <v>0</v>
      </c>
      <c r="E14" s="207">
        <v>0</v>
      </c>
      <c r="F14" s="193">
        <v>0</v>
      </c>
      <c r="G14" s="191">
        <v>103</v>
      </c>
      <c r="H14" s="191">
        <v>115</v>
      </c>
      <c r="I14" s="191">
        <v>297</v>
      </c>
      <c r="J14" s="191">
        <v>427</v>
      </c>
      <c r="K14" s="191">
        <v>229</v>
      </c>
      <c r="L14" s="194">
        <v>1171</v>
      </c>
      <c r="M14" s="195">
        <v>1171</v>
      </c>
      <c r="N14" s="190">
        <v>0</v>
      </c>
      <c r="O14" s="191">
        <v>0</v>
      </c>
      <c r="P14" s="196">
        <v>0</v>
      </c>
      <c r="Q14" s="193">
        <v>0</v>
      </c>
      <c r="R14" s="191">
        <v>0</v>
      </c>
      <c r="S14" s="191">
        <v>0</v>
      </c>
      <c r="T14" s="191">
        <v>0</v>
      </c>
      <c r="U14" s="191">
        <v>21</v>
      </c>
      <c r="V14" s="191">
        <v>4</v>
      </c>
      <c r="W14" s="196">
        <v>25</v>
      </c>
      <c r="X14" s="195">
        <v>25</v>
      </c>
      <c r="Y14" s="190">
        <v>11</v>
      </c>
      <c r="Z14" s="191">
        <v>32</v>
      </c>
      <c r="AA14" s="196">
        <v>43</v>
      </c>
      <c r="AB14" s="193">
        <v>0</v>
      </c>
      <c r="AC14" s="191">
        <v>359</v>
      </c>
      <c r="AD14" s="191">
        <v>174</v>
      </c>
      <c r="AE14" s="191">
        <v>59</v>
      </c>
      <c r="AF14" s="191">
        <v>171</v>
      </c>
      <c r="AG14" s="191">
        <v>72</v>
      </c>
      <c r="AH14" s="196">
        <v>835</v>
      </c>
      <c r="AI14" s="195">
        <v>878</v>
      </c>
      <c r="AJ14" s="190">
        <v>0</v>
      </c>
      <c r="AK14" s="191">
        <v>0</v>
      </c>
      <c r="AL14" s="196">
        <v>0</v>
      </c>
      <c r="AM14" s="193">
        <v>0</v>
      </c>
      <c r="AN14" s="191">
        <v>41</v>
      </c>
      <c r="AO14" s="191">
        <v>51</v>
      </c>
      <c r="AP14" s="191">
        <v>0</v>
      </c>
      <c r="AQ14" s="191">
        <v>9</v>
      </c>
      <c r="AR14" s="191">
        <v>17</v>
      </c>
      <c r="AS14" s="196">
        <v>118</v>
      </c>
      <c r="AT14" s="195">
        <v>118</v>
      </c>
      <c r="AU14" s="190">
        <v>0</v>
      </c>
      <c r="AV14" s="191">
        <v>0</v>
      </c>
      <c r="AW14" s="196">
        <v>0</v>
      </c>
      <c r="AX14" s="193">
        <v>0</v>
      </c>
      <c r="AY14" s="191">
        <v>252</v>
      </c>
      <c r="AZ14" s="191">
        <v>114</v>
      </c>
      <c r="BA14" s="191">
        <v>78</v>
      </c>
      <c r="BB14" s="191">
        <v>90</v>
      </c>
      <c r="BC14" s="191">
        <v>27</v>
      </c>
      <c r="BD14" s="194">
        <v>561</v>
      </c>
      <c r="BE14" s="195">
        <v>561</v>
      </c>
      <c r="BF14" s="190">
        <v>0</v>
      </c>
      <c r="BG14" s="191">
        <v>0</v>
      </c>
      <c r="BH14" s="196">
        <v>0</v>
      </c>
      <c r="BI14" s="193">
        <v>0</v>
      </c>
      <c r="BJ14" s="191">
        <v>79</v>
      </c>
      <c r="BK14" s="191">
        <v>49</v>
      </c>
      <c r="BL14" s="191">
        <v>103</v>
      </c>
      <c r="BM14" s="191">
        <v>14</v>
      </c>
      <c r="BN14" s="191">
        <v>0</v>
      </c>
      <c r="BO14" s="196">
        <v>245</v>
      </c>
      <c r="BP14" s="195">
        <v>245</v>
      </c>
      <c r="BQ14" s="190">
        <v>0</v>
      </c>
      <c r="BR14" s="191">
        <v>0</v>
      </c>
      <c r="BS14" s="196">
        <v>0</v>
      </c>
      <c r="BT14" s="193">
        <v>0</v>
      </c>
      <c r="BU14" s="191">
        <v>30</v>
      </c>
      <c r="BV14" s="191">
        <v>7</v>
      </c>
      <c r="BW14" s="191">
        <v>0</v>
      </c>
      <c r="BX14" s="191">
        <v>8</v>
      </c>
      <c r="BY14" s="191">
        <v>18</v>
      </c>
      <c r="BZ14" s="196">
        <v>63</v>
      </c>
      <c r="CA14" s="195">
        <v>63</v>
      </c>
      <c r="CB14" s="190">
        <v>0</v>
      </c>
      <c r="CC14" s="191">
        <v>0</v>
      </c>
      <c r="CD14" s="196">
        <v>0</v>
      </c>
      <c r="CE14" s="193">
        <v>0</v>
      </c>
      <c r="CF14" s="191">
        <v>0</v>
      </c>
      <c r="CG14" s="191">
        <v>0</v>
      </c>
      <c r="CH14" s="191">
        <v>25</v>
      </c>
      <c r="CI14" s="191">
        <v>0</v>
      </c>
      <c r="CJ14" s="191">
        <v>27</v>
      </c>
      <c r="CK14" s="196">
        <v>52</v>
      </c>
      <c r="CL14" s="195">
        <v>52</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6">
        <v>0</v>
      </c>
      <c r="E15" s="207">
        <v>0</v>
      </c>
      <c r="F15" s="193">
        <v>0</v>
      </c>
      <c r="G15" s="191">
        <v>544</v>
      </c>
      <c r="H15" s="191">
        <v>695</v>
      </c>
      <c r="I15" s="191">
        <v>565</v>
      </c>
      <c r="J15" s="191">
        <v>954</v>
      </c>
      <c r="K15" s="191">
        <v>872</v>
      </c>
      <c r="L15" s="194">
        <v>3630</v>
      </c>
      <c r="M15" s="195">
        <v>3630</v>
      </c>
      <c r="N15" s="190">
        <v>0</v>
      </c>
      <c r="O15" s="191">
        <v>1</v>
      </c>
      <c r="P15" s="196">
        <v>1</v>
      </c>
      <c r="Q15" s="193">
        <v>0</v>
      </c>
      <c r="R15" s="191">
        <v>0</v>
      </c>
      <c r="S15" s="191">
        <v>5</v>
      </c>
      <c r="T15" s="191">
        <v>8</v>
      </c>
      <c r="U15" s="191">
        <v>24</v>
      </c>
      <c r="V15" s="191">
        <v>15</v>
      </c>
      <c r="W15" s="196">
        <v>52</v>
      </c>
      <c r="X15" s="195">
        <v>53</v>
      </c>
      <c r="Y15" s="190">
        <v>57</v>
      </c>
      <c r="Z15" s="191">
        <v>213</v>
      </c>
      <c r="AA15" s="196">
        <v>270</v>
      </c>
      <c r="AB15" s="193">
        <v>0</v>
      </c>
      <c r="AC15" s="191">
        <v>163</v>
      </c>
      <c r="AD15" s="191">
        <v>272</v>
      </c>
      <c r="AE15" s="191">
        <v>113</v>
      </c>
      <c r="AF15" s="191">
        <v>194</v>
      </c>
      <c r="AG15" s="191">
        <v>128</v>
      </c>
      <c r="AH15" s="196">
        <v>870</v>
      </c>
      <c r="AI15" s="195">
        <v>1140</v>
      </c>
      <c r="AJ15" s="190">
        <v>15</v>
      </c>
      <c r="AK15" s="191">
        <v>14</v>
      </c>
      <c r="AL15" s="196">
        <v>29</v>
      </c>
      <c r="AM15" s="193">
        <v>0</v>
      </c>
      <c r="AN15" s="191">
        <v>8</v>
      </c>
      <c r="AO15" s="191">
        <v>33</v>
      </c>
      <c r="AP15" s="191">
        <v>30</v>
      </c>
      <c r="AQ15" s="191">
        <v>8</v>
      </c>
      <c r="AR15" s="191">
        <v>0</v>
      </c>
      <c r="AS15" s="196">
        <v>79</v>
      </c>
      <c r="AT15" s="195">
        <v>108</v>
      </c>
      <c r="AU15" s="190">
        <v>0</v>
      </c>
      <c r="AV15" s="191">
        <v>0</v>
      </c>
      <c r="AW15" s="196">
        <v>0</v>
      </c>
      <c r="AX15" s="193">
        <v>0</v>
      </c>
      <c r="AY15" s="191">
        <v>338</v>
      </c>
      <c r="AZ15" s="191">
        <v>308</v>
      </c>
      <c r="BA15" s="191">
        <v>116</v>
      </c>
      <c r="BB15" s="191">
        <v>107</v>
      </c>
      <c r="BC15" s="191">
        <v>88</v>
      </c>
      <c r="BD15" s="194">
        <v>957</v>
      </c>
      <c r="BE15" s="195">
        <v>957</v>
      </c>
      <c r="BF15" s="190">
        <v>0</v>
      </c>
      <c r="BG15" s="191">
        <v>0</v>
      </c>
      <c r="BH15" s="196">
        <v>0</v>
      </c>
      <c r="BI15" s="193">
        <v>0</v>
      </c>
      <c r="BJ15" s="191">
        <v>78</v>
      </c>
      <c r="BK15" s="191">
        <v>61</v>
      </c>
      <c r="BL15" s="191">
        <v>100</v>
      </c>
      <c r="BM15" s="191">
        <v>54</v>
      </c>
      <c r="BN15" s="191">
        <v>16</v>
      </c>
      <c r="BO15" s="196">
        <v>309</v>
      </c>
      <c r="BP15" s="195">
        <v>309</v>
      </c>
      <c r="BQ15" s="190">
        <v>0</v>
      </c>
      <c r="BR15" s="191">
        <v>2</v>
      </c>
      <c r="BS15" s="196">
        <v>2</v>
      </c>
      <c r="BT15" s="193">
        <v>0</v>
      </c>
      <c r="BU15" s="191">
        <v>47</v>
      </c>
      <c r="BV15" s="191">
        <v>54</v>
      </c>
      <c r="BW15" s="191">
        <v>84</v>
      </c>
      <c r="BX15" s="191">
        <v>29</v>
      </c>
      <c r="BY15" s="191">
        <v>21</v>
      </c>
      <c r="BZ15" s="196">
        <v>235</v>
      </c>
      <c r="CA15" s="195">
        <v>237</v>
      </c>
      <c r="CB15" s="190">
        <v>0</v>
      </c>
      <c r="CC15" s="191">
        <v>0</v>
      </c>
      <c r="CD15" s="196">
        <v>0</v>
      </c>
      <c r="CE15" s="193">
        <v>0</v>
      </c>
      <c r="CF15" s="191">
        <v>20</v>
      </c>
      <c r="CG15" s="191">
        <v>0</v>
      </c>
      <c r="CH15" s="191">
        <v>0</v>
      </c>
      <c r="CI15" s="191">
        <v>0</v>
      </c>
      <c r="CJ15" s="191">
        <v>0</v>
      </c>
      <c r="CK15" s="196">
        <v>20</v>
      </c>
      <c r="CL15" s="195">
        <v>20</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6">
        <v>0</v>
      </c>
      <c r="E16" s="207">
        <v>0</v>
      </c>
      <c r="F16" s="193">
        <v>0</v>
      </c>
      <c r="G16" s="191">
        <v>182</v>
      </c>
      <c r="H16" s="191">
        <v>326</v>
      </c>
      <c r="I16" s="191">
        <v>328</v>
      </c>
      <c r="J16" s="191">
        <v>277</v>
      </c>
      <c r="K16" s="191">
        <v>477</v>
      </c>
      <c r="L16" s="194">
        <v>1590</v>
      </c>
      <c r="M16" s="195">
        <v>1590</v>
      </c>
      <c r="N16" s="190">
        <v>0</v>
      </c>
      <c r="O16" s="191">
        <v>0</v>
      </c>
      <c r="P16" s="196">
        <v>0</v>
      </c>
      <c r="Q16" s="193">
        <v>0</v>
      </c>
      <c r="R16" s="191">
        <v>0</v>
      </c>
      <c r="S16" s="191">
        <v>2</v>
      </c>
      <c r="T16" s="191">
        <v>0</v>
      </c>
      <c r="U16" s="191">
        <v>5</v>
      </c>
      <c r="V16" s="191">
        <v>13</v>
      </c>
      <c r="W16" s="196">
        <v>20</v>
      </c>
      <c r="X16" s="195">
        <v>20</v>
      </c>
      <c r="Y16" s="190">
        <v>21</v>
      </c>
      <c r="Z16" s="191">
        <v>50</v>
      </c>
      <c r="AA16" s="196">
        <v>71</v>
      </c>
      <c r="AB16" s="193">
        <v>0</v>
      </c>
      <c r="AC16" s="191">
        <v>194</v>
      </c>
      <c r="AD16" s="191">
        <v>173</v>
      </c>
      <c r="AE16" s="191">
        <v>220</v>
      </c>
      <c r="AF16" s="191">
        <v>40</v>
      </c>
      <c r="AG16" s="191">
        <v>36</v>
      </c>
      <c r="AH16" s="196">
        <v>663</v>
      </c>
      <c r="AI16" s="195">
        <v>734</v>
      </c>
      <c r="AJ16" s="190">
        <v>0</v>
      </c>
      <c r="AK16" s="191">
        <v>0</v>
      </c>
      <c r="AL16" s="196">
        <v>0</v>
      </c>
      <c r="AM16" s="193">
        <v>0</v>
      </c>
      <c r="AN16" s="191">
        <v>8</v>
      </c>
      <c r="AO16" s="191">
        <v>27</v>
      </c>
      <c r="AP16" s="191">
        <v>12</v>
      </c>
      <c r="AQ16" s="191">
        <v>6</v>
      </c>
      <c r="AR16" s="191">
        <v>35</v>
      </c>
      <c r="AS16" s="196">
        <v>88</v>
      </c>
      <c r="AT16" s="195">
        <v>88</v>
      </c>
      <c r="AU16" s="190">
        <v>0</v>
      </c>
      <c r="AV16" s="191">
        <v>0</v>
      </c>
      <c r="AW16" s="196">
        <v>0</v>
      </c>
      <c r="AX16" s="193">
        <v>0</v>
      </c>
      <c r="AY16" s="191">
        <v>135</v>
      </c>
      <c r="AZ16" s="191">
        <v>100</v>
      </c>
      <c r="BA16" s="191">
        <v>83</v>
      </c>
      <c r="BB16" s="191">
        <v>1</v>
      </c>
      <c r="BC16" s="191">
        <v>0</v>
      </c>
      <c r="BD16" s="194">
        <v>319</v>
      </c>
      <c r="BE16" s="195">
        <v>319</v>
      </c>
      <c r="BF16" s="190">
        <v>0</v>
      </c>
      <c r="BG16" s="191">
        <v>0</v>
      </c>
      <c r="BH16" s="196">
        <v>0</v>
      </c>
      <c r="BI16" s="193">
        <v>0</v>
      </c>
      <c r="BJ16" s="191">
        <v>19</v>
      </c>
      <c r="BK16" s="191">
        <v>31</v>
      </c>
      <c r="BL16" s="191">
        <v>17</v>
      </c>
      <c r="BM16" s="191">
        <v>41</v>
      </c>
      <c r="BN16" s="191">
        <v>9</v>
      </c>
      <c r="BO16" s="196">
        <v>117</v>
      </c>
      <c r="BP16" s="195">
        <v>117</v>
      </c>
      <c r="BQ16" s="190">
        <v>0</v>
      </c>
      <c r="BR16" s="191">
        <v>0</v>
      </c>
      <c r="BS16" s="196">
        <v>0</v>
      </c>
      <c r="BT16" s="193">
        <v>0</v>
      </c>
      <c r="BU16" s="191">
        <v>0</v>
      </c>
      <c r="BV16" s="191">
        <v>4</v>
      </c>
      <c r="BW16" s="191">
        <v>8</v>
      </c>
      <c r="BX16" s="191">
        <v>7</v>
      </c>
      <c r="BY16" s="191">
        <v>13</v>
      </c>
      <c r="BZ16" s="196">
        <v>32</v>
      </c>
      <c r="CA16" s="195">
        <v>32</v>
      </c>
      <c r="CB16" s="190">
        <v>0</v>
      </c>
      <c r="CC16" s="191">
        <v>0</v>
      </c>
      <c r="CD16" s="196">
        <v>0</v>
      </c>
      <c r="CE16" s="193">
        <v>0</v>
      </c>
      <c r="CF16" s="191">
        <v>0</v>
      </c>
      <c r="CG16" s="191">
        <v>0</v>
      </c>
      <c r="CH16" s="191">
        <v>3</v>
      </c>
      <c r="CI16" s="191">
        <v>0</v>
      </c>
      <c r="CJ16" s="191">
        <v>0</v>
      </c>
      <c r="CK16" s="196">
        <v>3</v>
      </c>
      <c r="CL16" s="195">
        <v>3</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6">
        <v>0</v>
      </c>
      <c r="E17" s="207">
        <v>0</v>
      </c>
      <c r="F17" s="193">
        <v>0</v>
      </c>
      <c r="G17" s="191">
        <v>57</v>
      </c>
      <c r="H17" s="191">
        <v>88</v>
      </c>
      <c r="I17" s="191">
        <v>0</v>
      </c>
      <c r="J17" s="191">
        <v>154</v>
      </c>
      <c r="K17" s="191">
        <v>27</v>
      </c>
      <c r="L17" s="194">
        <v>326</v>
      </c>
      <c r="M17" s="195">
        <v>326</v>
      </c>
      <c r="N17" s="190">
        <v>0</v>
      </c>
      <c r="O17" s="191">
        <v>0</v>
      </c>
      <c r="P17" s="196">
        <v>0</v>
      </c>
      <c r="Q17" s="193">
        <v>0</v>
      </c>
      <c r="R17" s="191">
        <v>0</v>
      </c>
      <c r="S17" s="191">
        <v>0</v>
      </c>
      <c r="T17" s="191">
        <v>5</v>
      </c>
      <c r="U17" s="191">
        <v>3</v>
      </c>
      <c r="V17" s="191">
        <v>14</v>
      </c>
      <c r="W17" s="196">
        <v>22</v>
      </c>
      <c r="X17" s="195">
        <v>22</v>
      </c>
      <c r="Y17" s="190">
        <v>0</v>
      </c>
      <c r="Z17" s="191">
        <v>8</v>
      </c>
      <c r="AA17" s="196">
        <v>8</v>
      </c>
      <c r="AB17" s="193">
        <v>0</v>
      </c>
      <c r="AC17" s="191">
        <v>19</v>
      </c>
      <c r="AD17" s="191">
        <v>16</v>
      </c>
      <c r="AE17" s="191">
        <v>17</v>
      </c>
      <c r="AF17" s="191">
        <v>27</v>
      </c>
      <c r="AG17" s="191">
        <v>49</v>
      </c>
      <c r="AH17" s="196">
        <v>128</v>
      </c>
      <c r="AI17" s="195">
        <v>136</v>
      </c>
      <c r="AJ17" s="190">
        <v>0</v>
      </c>
      <c r="AK17" s="191">
        <v>0</v>
      </c>
      <c r="AL17" s="196">
        <v>0</v>
      </c>
      <c r="AM17" s="193">
        <v>0</v>
      </c>
      <c r="AN17" s="191">
        <v>0</v>
      </c>
      <c r="AO17" s="191">
        <v>15</v>
      </c>
      <c r="AP17" s="191">
        <v>0</v>
      </c>
      <c r="AQ17" s="191">
        <v>0</v>
      </c>
      <c r="AR17" s="191">
        <v>9</v>
      </c>
      <c r="AS17" s="196">
        <v>24</v>
      </c>
      <c r="AT17" s="195">
        <v>24</v>
      </c>
      <c r="AU17" s="190">
        <v>0</v>
      </c>
      <c r="AV17" s="191">
        <v>0</v>
      </c>
      <c r="AW17" s="196">
        <v>0</v>
      </c>
      <c r="AX17" s="193">
        <v>0</v>
      </c>
      <c r="AY17" s="191">
        <v>30</v>
      </c>
      <c r="AZ17" s="191">
        <v>30</v>
      </c>
      <c r="BA17" s="191">
        <v>36</v>
      </c>
      <c r="BB17" s="191">
        <v>6</v>
      </c>
      <c r="BC17" s="191">
        <v>0</v>
      </c>
      <c r="BD17" s="194">
        <v>102</v>
      </c>
      <c r="BE17" s="195">
        <v>102</v>
      </c>
      <c r="BF17" s="190">
        <v>0</v>
      </c>
      <c r="BG17" s="191">
        <v>0</v>
      </c>
      <c r="BH17" s="196">
        <v>0</v>
      </c>
      <c r="BI17" s="193">
        <v>0</v>
      </c>
      <c r="BJ17" s="191">
        <v>7</v>
      </c>
      <c r="BK17" s="191">
        <v>14</v>
      </c>
      <c r="BL17" s="191">
        <v>16</v>
      </c>
      <c r="BM17" s="191">
        <v>10</v>
      </c>
      <c r="BN17" s="191">
        <v>8</v>
      </c>
      <c r="BO17" s="196">
        <v>55</v>
      </c>
      <c r="BP17" s="195">
        <v>55</v>
      </c>
      <c r="BQ17" s="190">
        <v>0</v>
      </c>
      <c r="BR17" s="191">
        <v>0</v>
      </c>
      <c r="BS17" s="196">
        <v>0</v>
      </c>
      <c r="BT17" s="193">
        <v>0</v>
      </c>
      <c r="BU17" s="191">
        <v>0</v>
      </c>
      <c r="BV17" s="191">
        <v>41</v>
      </c>
      <c r="BW17" s="191">
        <v>20</v>
      </c>
      <c r="BX17" s="191">
        <v>51</v>
      </c>
      <c r="BY17" s="191">
        <v>8</v>
      </c>
      <c r="BZ17" s="196">
        <v>120</v>
      </c>
      <c r="CA17" s="195">
        <v>12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6">
        <v>0</v>
      </c>
      <c r="E18" s="207">
        <v>0</v>
      </c>
      <c r="F18" s="193">
        <v>0</v>
      </c>
      <c r="G18" s="191">
        <v>42</v>
      </c>
      <c r="H18" s="191">
        <v>276</v>
      </c>
      <c r="I18" s="191">
        <v>145</v>
      </c>
      <c r="J18" s="191">
        <v>163</v>
      </c>
      <c r="K18" s="191">
        <v>82</v>
      </c>
      <c r="L18" s="194">
        <v>708</v>
      </c>
      <c r="M18" s="195">
        <v>708</v>
      </c>
      <c r="N18" s="190">
        <v>0</v>
      </c>
      <c r="O18" s="191">
        <v>0</v>
      </c>
      <c r="P18" s="196">
        <v>0</v>
      </c>
      <c r="Q18" s="193">
        <v>0</v>
      </c>
      <c r="R18" s="191">
        <v>0</v>
      </c>
      <c r="S18" s="191">
        <v>0</v>
      </c>
      <c r="T18" s="191">
        <v>0</v>
      </c>
      <c r="U18" s="191">
        <v>4</v>
      </c>
      <c r="V18" s="191">
        <v>9</v>
      </c>
      <c r="W18" s="196">
        <v>13</v>
      </c>
      <c r="X18" s="195">
        <v>13</v>
      </c>
      <c r="Y18" s="190">
        <v>5</v>
      </c>
      <c r="Z18" s="191">
        <v>52</v>
      </c>
      <c r="AA18" s="196">
        <v>57</v>
      </c>
      <c r="AB18" s="193">
        <v>0</v>
      </c>
      <c r="AC18" s="191">
        <v>25</v>
      </c>
      <c r="AD18" s="191">
        <v>136</v>
      </c>
      <c r="AE18" s="191">
        <v>91</v>
      </c>
      <c r="AF18" s="191">
        <v>77</v>
      </c>
      <c r="AG18" s="191">
        <v>27</v>
      </c>
      <c r="AH18" s="196">
        <v>356</v>
      </c>
      <c r="AI18" s="195">
        <v>413</v>
      </c>
      <c r="AJ18" s="190">
        <v>0</v>
      </c>
      <c r="AK18" s="191">
        <v>0</v>
      </c>
      <c r="AL18" s="196">
        <v>0</v>
      </c>
      <c r="AM18" s="193">
        <v>0</v>
      </c>
      <c r="AN18" s="191">
        <v>0</v>
      </c>
      <c r="AO18" s="191">
        <v>24</v>
      </c>
      <c r="AP18" s="191">
        <v>15</v>
      </c>
      <c r="AQ18" s="191">
        <v>0</v>
      </c>
      <c r="AR18" s="191">
        <v>6</v>
      </c>
      <c r="AS18" s="196">
        <v>45</v>
      </c>
      <c r="AT18" s="195">
        <v>45</v>
      </c>
      <c r="AU18" s="190">
        <v>0</v>
      </c>
      <c r="AV18" s="191">
        <v>0</v>
      </c>
      <c r="AW18" s="196">
        <v>0</v>
      </c>
      <c r="AX18" s="193">
        <v>0</v>
      </c>
      <c r="AY18" s="191">
        <v>157</v>
      </c>
      <c r="AZ18" s="191">
        <v>149</v>
      </c>
      <c r="BA18" s="191">
        <v>63</v>
      </c>
      <c r="BB18" s="191">
        <v>40</v>
      </c>
      <c r="BC18" s="191">
        <v>13</v>
      </c>
      <c r="BD18" s="194">
        <v>422</v>
      </c>
      <c r="BE18" s="195">
        <v>422</v>
      </c>
      <c r="BF18" s="190">
        <v>0</v>
      </c>
      <c r="BG18" s="191">
        <v>0</v>
      </c>
      <c r="BH18" s="196">
        <v>0</v>
      </c>
      <c r="BI18" s="193">
        <v>0</v>
      </c>
      <c r="BJ18" s="191">
        <v>41</v>
      </c>
      <c r="BK18" s="191">
        <v>154</v>
      </c>
      <c r="BL18" s="191">
        <v>50</v>
      </c>
      <c r="BM18" s="191">
        <v>24</v>
      </c>
      <c r="BN18" s="191">
        <v>9</v>
      </c>
      <c r="BO18" s="196">
        <v>278</v>
      </c>
      <c r="BP18" s="195">
        <v>278</v>
      </c>
      <c r="BQ18" s="190">
        <v>0</v>
      </c>
      <c r="BR18" s="191">
        <v>1</v>
      </c>
      <c r="BS18" s="196">
        <v>1</v>
      </c>
      <c r="BT18" s="193">
        <v>0</v>
      </c>
      <c r="BU18" s="191">
        <v>8</v>
      </c>
      <c r="BV18" s="191">
        <v>58</v>
      </c>
      <c r="BW18" s="191">
        <v>18</v>
      </c>
      <c r="BX18" s="191">
        <v>10</v>
      </c>
      <c r="BY18" s="191">
        <v>0</v>
      </c>
      <c r="BZ18" s="196">
        <v>94</v>
      </c>
      <c r="CA18" s="195">
        <v>95</v>
      </c>
      <c r="CB18" s="190">
        <v>0</v>
      </c>
      <c r="CC18" s="191">
        <v>0</v>
      </c>
      <c r="CD18" s="196">
        <v>0</v>
      </c>
      <c r="CE18" s="193">
        <v>0</v>
      </c>
      <c r="CF18" s="191">
        <v>0</v>
      </c>
      <c r="CG18" s="191">
        <v>4</v>
      </c>
      <c r="CH18" s="191">
        <v>0</v>
      </c>
      <c r="CI18" s="191">
        <v>0</v>
      </c>
      <c r="CJ18" s="191">
        <v>0</v>
      </c>
      <c r="CK18" s="196">
        <v>4</v>
      </c>
      <c r="CL18" s="195">
        <v>4</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6">
        <v>0</v>
      </c>
      <c r="E19" s="207">
        <v>0</v>
      </c>
      <c r="F19" s="193">
        <v>0</v>
      </c>
      <c r="G19" s="191">
        <v>129</v>
      </c>
      <c r="H19" s="191">
        <v>388</v>
      </c>
      <c r="I19" s="191">
        <v>451</v>
      </c>
      <c r="J19" s="191">
        <v>214</v>
      </c>
      <c r="K19" s="191">
        <v>378</v>
      </c>
      <c r="L19" s="194">
        <v>1560</v>
      </c>
      <c r="M19" s="195">
        <v>1560</v>
      </c>
      <c r="N19" s="190">
        <v>0</v>
      </c>
      <c r="O19" s="191">
        <v>0</v>
      </c>
      <c r="P19" s="196">
        <v>0</v>
      </c>
      <c r="Q19" s="193">
        <v>0</v>
      </c>
      <c r="R19" s="191">
        <v>0</v>
      </c>
      <c r="S19" s="191">
        <v>0</v>
      </c>
      <c r="T19" s="191">
        <v>3</v>
      </c>
      <c r="U19" s="191">
        <v>17</v>
      </c>
      <c r="V19" s="191">
        <v>9</v>
      </c>
      <c r="W19" s="196">
        <v>29</v>
      </c>
      <c r="X19" s="195">
        <v>29</v>
      </c>
      <c r="Y19" s="190">
        <v>14</v>
      </c>
      <c r="Z19" s="191">
        <v>53</v>
      </c>
      <c r="AA19" s="196">
        <v>67</v>
      </c>
      <c r="AB19" s="193">
        <v>0</v>
      </c>
      <c r="AC19" s="191">
        <v>69</v>
      </c>
      <c r="AD19" s="191">
        <v>206</v>
      </c>
      <c r="AE19" s="191">
        <v>180</v>
      </c>
      <c r="AF19" s="191">
        <v>120</v>
      </c>
      <c r="AG19" s="191">
        <v>39</v>
      </c>
      <c r="AH19" s="196">
        <v>614</v>
      </c>
      <c r="AI19" s="195">
        <v>681</v>
      </c>
      <c r="AJ19" s="190">
        <v>9</v>
      </c>
      <c r="AK19" s="191">
        <v>0</v>
      </c>
      <c r="AL19" s="196">
        <v>9</v>
      </c>
      <c r="AM19" s="193">
        <v>0</v>
      </c>
      <c r="AN19" s="191">
        <v>0</v>
      </c>
      <c r="AO19" s="191">
        <v>49</v>
      </c>
      <c r="AP19" s="191">
        <v>36</v>
      </c>
      <c r="AQ19" s="191">
        <v>29</v>
      </c>
      <c r="AR19" s="191">
        <v>12</v>
      </c>
      <c r="AS19" s="196">
        <v>126</v>
      </c>
      <c r="AT19" s="195">
        <v>135</v>
      </c>
      <c r="AU19" s="190">
        <v>0</v>
      </c>
      <c r="AV19" s="191">
        <v>0</v>
      </c>
      <c r="AW19" s="196">
        <v>0</v>
      </c>
      <c r="AX19" s="193">
        <v>0</v>
      </c>
      <c r="AY19" s="191">
        <v>151</v>
      </c>
      <c r="AZ19" s="191">
        <v>217</v>
      </c>
      <c r="BA19" s="191">
        <v>145</v>
      </c>
      <c r="BB19" s="191">
        <v>104</v>
      </c>
      <c r="BC19" s="191">
        <v>20</v>
      </c>
      <c r="BD19" s="194">
        <v>637</v>
      </c>
      <c r="BE19" s="195">
        <v>637</v>
      </c>
      <c r="BF19" s="190">
        <v>0</v>
      </c>
      <c r="BG19" s="191">
        <v>0</v>
      </c>
      <c r="BH19" s="196">
        <v>0</v>
      </c>
      <c r="BI19" s="193">
        <v>0</v>
      </c>
      <c r="BJ19" s="191">
        <v>34</v>
      </c>
      <c r="BK19" s="191">
        <v>102</v>
      </c>
      <c r="BL19" s="191">
        <v>48</v>
      </c>
      <c r="BM19" s="191">
        <v>46</v>
      </c>
      <c r="BN19" s="191">
        <v>6</v>
      </c>
      <c r="BO19" s="196">
        <v>236</v>
      </c>
      <c r="BP19" s="195">
        <v>236</v>
      </c>
      <c r="BQ19" s="190">
        <v>0</v>
      </c>
      <c r="BR19" s="191">
        <v>0</v>
      </c>
      <c r="BS19" s="196">
        <v>0</v>
      </c>
      <c r="BT19" s="193">
        <v>0</v>
      </c>
      <c r="BU19" s="191">
        <v>3</v>
      </c>
      <c r="BV19" s="191">
        <v>59</v>
      </c>
      <c r="BW19" s="191">
        <v>39</v>
      </c>
      <c r="BX19" s="191">
        <v>39</v>
      </c>
      <c r="BY19" s="191">
        <v>12</v>
      </c>
      <c r="BZ19" s="196">
        <v>152</v>
      </c>
      <c r="CA19" s="195">
        <v>152</v>
      </c>
      <c r="CB19" s="190">
        <v>0</v>
      </c>
      <c r="CC19" s="191">
        <v>0</v>
      </c>
      <c r="CD19" s="196">
        <v>0</v>
      </c>
      <c r="CE19" s="193">
        <v>0</v>
      </c>
      <c r="CF19" s="191">
        <v>0</v>
      </c>
      <c r="CG19" s="191">
        <v>21</v>
      </c>
      <c r="CH19" s="191">
        <v>0</v>
      </c>
      <c r="CI19" s="191">
        <v>8</v>
      </c>
      <c r="CJ19" s="191">
        <v>0</v>
      </c>
      <c r="CK19" s="196">
        <v>29</v>
      </c>
      <c r="CL19" s="195">
        <v>29</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6">
        <v>0</v>
      </c>
      <c r="E20" s="207">
        <v>0</v>
      </c>
      <c r="F20" s="193">
        <v>0</v>
      </c>
      <c r="G20" s="191">
        <v>286</v>
      </c>
      <c r="H20" s="191">
        <v>278</v>
      </c>
      <c r="I20" s="191">
        <v>738</v>
      </c>
      <c r="J20" s="191">
        <v>734</v>
      </c>
      <c r="K20" s="191">
        <v>276</v>
      </c>
      <c r="L20" s="194">
        <v>2312</v>
      </c>
      <c r="M20" s="195">
        <v>2312</v>
      </c>
      <c r="N20" s="190">
        <v>0</v>
      </c>
      <c r="O20" s="191">
        <v>0</v>
      </c>
      <c r="P20" s="196">
        <v>0</v>
      </c>
      <c r="Q20" s="193">
        <v>0</v>
      </c>
      <c r="R20" s="191">
        <v>0</v>
      </c>
      <c r="S20" s="191">
        <v>0</v>
      </c>
      <c r="T20" s="191">
        <v>4</v>
      </c>
      <c r="U20" s="191">
        <v>21</v>
      </c>
      <c r="V20" s="191">
        <v>15</v>
      </c>
      <c r="W20" s="196">
        <v>40</v>
      </c>
      <c r="X20" s="195">
        <v>40</v>
      </c>
      <c r="Y20" s="190">
        <v>34</v>
      </c>
      <c r="Z20" s="191">
        <v>28</v>
      </c>
      <c r="AA20" s="196">
        <v>62</v>
      </c>
      <c r="AB20" s="193">
        <v>0</v>
      </c>
      <c r="AC20" s="191">
        <v>258</v>
      </c>
      <c r="AD20" s="191">
        <v>352</v>
      </c>
      <c r="AE20" s="191">
        <v>243</v>
      </c>
      <c r="AF20" s="191">
        <v>244</v>
      </c>
      <c r="AG20" s="191">
        <v>215</v>
      </c>
      <c r="AH20" s="196">
        <v>1312</v>
      </c>
      <c r="AI20" s="195">
        <v>1374</v>
      </c>
      <c r="AJ20" s="190">
        <v>12</v>
      </c>
      <c r="AK20" s="191">
        <v>8</v>
      </c>
      <c r="AL20" s="196">
        <v>20</v>
      </c>
      <c r="AM20" s="193">
        <v>0</v>
      </c>
      <c r="AN20" s="191">
        <v>12</v>
      </c>
      <c r="AO20" s="191">
        <v>33</v>
      </c>
      <c r="AP20" s="191">
        <v>54</v>
      </c>
      <c r="AQ20" s="191">
        <v>27</v>
      </c>
      <c r="AR20" s="191">
        <v>18</v>
      </c>
      <c r="AS20" s="196">
        <v>144</v>
      </c>
      <c r="AT20" s="195">
        <v>164</v>
      </c>
      <c r="AU20" s="190">
        <v>0</v>
      </c>
      <c r="AV20" s="191">
        <v>0</v>
      </c>
      <c r="AW20" s="196">
        <v>0</v>
      </c>
      <c r="AX20" s="193">
        <v>0</v>
      </c>
      <c r="AY20" s="191">
        <v>266</v>
      </c>
      <c r="AZ20" s="191">
        <v>442</v>
      </c>
      <c r="BA20" s="191">
        <v>115</v>
      </c>
      <c r="BB20" s="191">
        <v>120</v>
      </c>
      <c r="BC20" s="191">
        <v>77</v>
      </c>
      <c r="BD20" s="194">
        <v>1020</v>
      </c>
      <c r="BE20" s="195">
        <v>1020</v>
      </c>
      <c r="BF20" s="190">
        <v>0</v>
      </c>
      <c r="BG20" s="191">
        <v>0</v>
      </c>
      <c r="BH20" s="196">
        <v>0</v>
      </c>
      <c r="BI20" s="193">
        <v>0</v>
      </c>
      <c r="BJ20" s="191">
        <v>82</v>
      </c>
      <c r="BK20" s="191">
        <v>112</v>
      </c>
      <c r="BL20" s="191">
        <v>70</v>
      </c>
      <c r="BM20" s="191">
        <v>44</v>
      </c>
      <c r="BN20" s="191">
        <v>7</v>
      </c>
      <c r="BO20" s="196">
        <v>315</v>
      </c>
      <c r="BP20" s="195">
        <v>315</v>
      </c>
      <c r="BQ20" s="190">
        <v>6</v>
      </c>
      <c r="BR20" s="191">
        <v>4</v>
      </c>
      <c r="BS20" s="196">
        <v>10</v>
      </c>
      <c r="BT20" s="193">
        <v>0</v>
      </c>
      <c r="BU20" s="191">
        <v>27</v>
      </c>
      <c r="BV20" s="191">
        <v>49</v>
      </c>
      <c r="BW20" s="191">
        <v>111</v>
      </c>
      <c r="BX20" s="191">
        <v>115</v>
      </c>
      <c r="BY20" s="191">
        <v>108</v>
      </c>
      <c r="BZ20" s="196">
        <v>410</v>
      </c>
      <c r="CA20" s="195">
        <v>420</v>
      </c>
      <c r="CB20" s="190">
        <v>0</v>
      </c>
      <c r="CC20" s="191">
        <v>0</v>
      </c>
      <c r="CD20" s="196">
        <v>0</v>
      </c>
      <c r="CE20" s="193">
        <v>0</v>
      </c>
      <c r="CF20" s="191">
        <v>0</v>
      </c>
      <c r="CG20" s="191">
        <v>7</v>
      </c>
      <c r="CH20" s="191">
        <v>0</v>
      </c>
      <c r="CI20" s="191">
        <v>0</v>
      </c>
      <c r="CJ20" s="191">
        <v>0</v>
      </c>
      <c r="CK20" s="196">
        <v>7</v>
      </c>
      <c r="CL20" s="195">
        <v>7</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6">
        <v>0</v>
      </c>
      <c r="E21" s="207">
        <v>0</v>
      </c>
      <c r="F21" s="193">
        <v>0</v>
      </c>
      <c r="G21" s="191">
        <v>85</v>
      </c>
      <c r="H21" s="191">
        <v>222</v>
      </c>
      <c r="I21" s="191">
        <v>164</v>
      </c>
      <c r="J21" s="191">
        <v>43</v>
      </c>
      <c r="K21" s="191">
        <v>6</v>
      </c>
      <c r="L21" s="194">
        <v>520</v>
      </c>
      <c r="M21" s="195">
        <v>520</v>
      </c>
      <c r="N21" s="190">
        <v>0</v>
      </c>
      <c r="O21" s="191">
        <v>0</v>
      </c>
      <c r="P21" s="196">
        <v>0</v>
      </c>
      <c r="Q21" s="193">
        <v>0</v>
      </c>
      <c r="R21" s="191">
        <v>0</v>
      </c>
      <c r="S21" s="191">
        <v>2</v>
      </c>
      <c r="T21" s="191">
        <v>4</v>
      </c>
      <c r="U21" s="191">
        <v>1</v>
      </c>
      <c r="V21" s="191">
        <v>4</v>
      </c>
      <c r="W21" s="196">
        <v>11</v>
      </c>
      <c r="X21" s="195">
        <v>11</v>
      </c>
      <c r="Y21" s="190">
        <v>22</v>
      </c>
      <c r="Z21" s="191">
        <v>49</v>
      </c>
      <c r="AA21" s="196">
        <v>71</v>
      </c>
      <c r="AB21" s="193">
        <v>0</v>
      </c>
      <c r="AC21" s="191">
        <v>126</v>
      </c>
      <c r="AD21" s="191">
        <v>122</v>
      </c>
      <c r="AE21" s="191">
        <v>86</v>
      </c>
      <c r="AF21" s="191">
        <v>50</v>
      </c>
      <c r="AG21" s="191">
        <v>11</v>
      </c>
      <c r="AH21" s="196">
        <v>395</v>
      </c>
      <c r="AI21" s="195">
        <v>466</v>
      </c>
      <c r="AJ21" s="190">
        <v>0</v>
      </c>
      <c r="AK21" s="191">
        <v>0</v>
      </c>
      <c r="AL21" s="196">
        <v>0</v>
      </c>
      <c r="AM21" s="193">
        <v>0</v>
      </c>
      <c r="AN21" s="191">
        <v>15</v>
      </c>
      <c r="AO21" s="191">
        <v>0</v>
      </c>
      <c r="AP21" s="191">
        <v>0</v>
      </c>
      <c r="AQ21" s="191">
        <v>27</v>
      </c>
      <c r="AR21" s="191">
        <v>0</v>
      </c>
      <c r="AS21" s="196">
        <v>42</v>
      </c>
      <c r="AT21" s="195">
        <v>42</v>
      </c>
      <c r="AU21" s="190">
        <v>0</v>
      </c>
      <c r="AV21" s="191">
        <v>0</v>
      </c>
      <c r="AW21" s="196">
        <v>0</v>
      </c>
      <c r="AX21" s="193">
        <v>0</v>
      </c>
      <c r="AY21" s="191">
        <v>121</v>
      </c>
      <c r="AZ21" s="191">
        <v>111</v>
      </c>
      <c r="BA21" s="191">
        <v>32</v>
      </c>
      <c r="BB21" s="191">
        <v>9</v>
      </c>
      <c r="BC21" s="191">
        <v>51</v>
      </c>
      <c r="BD21" s="194">
        <v>324</v>
      </c>
      <c r="BE21" s="195">
        <v>324</v>
      </c>
      <c r="BF21" s="190">
        <v>0</v>
      </c>
      <c r="BG21" s="191">
        <v>0</v>
      </c>
      <c r="BH21" s="196">
        <v>0</v>
      </c>
      <c r="BI21" s="193">
        <v>0</v>
      </c>
      <c r="BJ21" s="191">
        <v>91</v>
      </c>
      <c r="BK21" s="191">
        <v>28</v>
      </c>
      <c r="BL21" s="191">
        <v>36</v>
      </c>
      <c r="BM21" s="191">
        <v>33</v>
      </c>
      <c r="BN21" s="191">
        <v>13</v>
      </c>
      <c r="BO21" s="196">
        <v>201</v>
      </c>
      <c r="BP21" s="195">
        <v>201</v>
      </c>
      <c r="BQ21" s="190">
        <v>0</v>
      </c>
      <c r="BR21" s="191">
        <v>3</v>
      </c>
      <c r="BS21" s="196">
        <v>3</v>
      </c>
      <c r="BT21" s="193">
        <v>0</v>
      </c>
      <c r="BU21" s="191">
        <v>10</v>
      </c>
      <c r="BV21" s="191">
        <v>37</v>
      </c>
      <c r="BW21" s="191">
        <v>5</v>
      </c>
      <c r="BX21" s="191">
        <v>0</v>
      </c>
      <c r="BY21" s="191">
        <v>0</v>
      </c>
      <c r="BZ21" s="196">
        <v>52</v>
      </c>
      <c r="CA21" s="195">
        <v>55</v>
      </c>
      <c r="CB21" s="190">
        <v>0</v>
      </c>
      <c r="CC21" s="191">
        <v>0</v>
      </c>
      <c r="CD21" s="196">
        <v>0</v>
      </c>
      <c r="CE21" s="193">
        <v>0</v>
      </c>
      <c r="CF21" s="191">
        <v>2</v>
      </c>
      <c r="CG21" s="191">
        <v>0</v>
      </c>
      <c r="CH21" s="191">
        <v>0</v>
      </c>
      <c r="CI21" s="191">
        <v>11</v>
      </c>
      <c r="CJ21" s="191">
        <v>0</v>
      </c>
      <c r="CK21" s="196">
        <v>13</v>
      </c>
      <c r="CL21" s="195">
        <v>13</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6">
        <v>0</v>
      </c>
      <c r="E22" s="207">
        <v>0</v>
      </c>
      <c r="F22" s="193">
        <v>0</v>
      </c>
      <c r="G22" s="191">
        <v>211</v>
      </c>
      <c r="H22" s="191">
        <v>295</v>
      </c>
      <c r="I22" s="191">
        <v>110</v>
      </c>
      <c r="J22" s="191">
        <v>232</v>
      </c>
      <c r="K22" s="191">
        <v>343</v>
      </c>
      <c r="L22" s="194">
        <v>1191</v>
      </c>
      <c r="M22" s="195">
        <v>1191</v>
      </c>
      <c r="N22" s="190">
        <v>0</v>
      </c>
      <c r="O22" s="191">
        <v>0</v>
      </c>
      <c r="P22" s="196">
        <v>0</v>
      </c>
      <c r="Q22" s="193">
        <v>0</v>
      </c>
      <c r="R22" s="191">
        <v>0</v>
      </c>
      <c r="S22" s="191">
        <v>0</v>
      </c>
      <c r="T22" s="191">
        <v>0</v>
      </c>
      <c r="U22" s="191">
        <v>24</v>
      </c>
      <c r="V22" s="191">
        <v>12</v>
      </c>
      <c r="W22" s="196">
        <v>36</v>
      </c>
      <c r="X22" s="195">
        <v>36</v>
      </c>
      <c r="Y22" s="190">
        <v>17</v>
      </c>
      <c r="Z22" s="191">
        <v>25</v>
      </c>
      <c r="AA22" s="196">
        <v>42</v>
      </c>
      <c r="AB22" s="193">
        <v>0</v>
      </c>
      <c r="AC22" s="191">
        <v>130</v>
      </c>
      <c r="AD22" s="191">
        <v>121</v>
      </c>
      <c r="AE22" s="191">
        <v>136</v>
      </c>
      <c r="AF22" s="191">
        <v>96</v>
      </c>
      <c r="AG22" s="191">
        <v>23</v>
      </c>
      <c r="AH22" s="196">
        <v>506</v>
      </c>
      <c r="AI22" s="195">
        <v>548</v>
      </c>
      <c r="AJ22" s="190">
        <v>0</v>
      </c>
      <c r="AK22" s="191">
        <v>24</v>
      </c>
      <c r="AL22" s="196">
        <v>24</v>
      </c>
      <c r="AM22" s="193">
        <v>0</v>
      </c>
      <c r="AN22" s="191">
        <v>64</v>
      </c>
      <c r="AO22" s="191">
        <v>43</v>
      </c>
      <c r="AP22" s="191">
        <v>24</v>
      </c>
      <c r="AQ22" s="191">
        <v>24</v>
      </c>
      <c r="AR22" s="191">
        <v>18</v>
      </c>
      <c r="AS22" s="196">
        <v>173</v>
      </c>
      <c r="AT22" s="195">
        <v>197</v>
      </c>
      <c r="AU22" s="190">
        <v>0</v>
      </c>
      <c r="AV22" s="191">
        <v>0</v>
      </c>
      <c r="AW22" s="196">
        <v>0</v>
      </c>
      <c r="AX22" s="193">
        <v>0</v>
      </c>
      <c r="AY22" s="191">
        <v>140</v>
      </c>
      <c r="AZ22" s="191">
        <v>130</v>
      </c>
      <c r="BA22" s="191">
        <v>95</v>
      </c>
      <c r="BB22" s="191">
        <v>33</v>
      </c>
      <c r="BC22" s="191">
        <v>56</v>
      </c>
      <c r="BD22" s="194">
        <v>454</v>
      </c>
      <c r="BE22" s="195">
        <v>454</v>
      </c>
      <c r="BF22" s="190">
        <v>0</v>
      </c>
      <c r="BG22" s="191">
        <v>0</v>
      </c>
      <c r="BH22" s="196">
        <v>0</v>
      </c>
      <c r="BI22" s="193">
        <v>0</v>
      </c>
      <c r="BJ22" s="191">
        <v>37</v>
      </c>
      <c r="BK22" s="191">
        <v>84</v>
      </c>
      <c r="BL22" s="191">
        <v>30</v>
      </c>
      <c r="BM22" s="191">
        <v>40</v>
      </c>
      <c r="BN22" s="191">
        <v>0</v>
      </c>
      <c r="BO22" s="196">
        <v>191</v>
      </c>
      <c r="BP22" s="195">
        <v>191</v>
      </c>
      <c r="BQ22" s="190">
        <v>0</v>
      </c>
      <c r="BR22" s="191">
        <v>0</v>
      </c>
      <c r="BS22" s="196">
        <v>0</v>
      </c>
      <c r="BT22" s="193">
        <v>0</v>
      </c>
      <c r="BU22" s="191">
        <v>12</v>
      </c>
      <c r="BV22" s="191">
        <v>110</v>
      </c>
      <c r="BW22" s="191">
        <v>20</v>
      </c>
      <c r="BX22" s="191">
        <v>2</v>
      </c>
      <c r="BY22" s="191">
        <v>24</v>
      </c>
      <c r="BZ22" s="196">
        <v>168</v>
      </c>
      <c r="CA22" s="195">
        <v>168</v>
      </c>
      <c r="CB22" s="190">
        <v>0</v>
      </c>
      <c r="CC22" s="191">
        <v>0</v>
      </c>
      <c r="CD22" s="196">
        <v>0</v>
      </c>
      <c r="CE22" s="193">
        <v>0</v>
      </c>
      <c r="CF22" s="191">
        <v>4</v>
      </c>
      <c r="CG22" s="191">
        <v>5</v>
      </c>
      <c r="CH22" s="191">
        <v>0</v>
      </c>
      <c r="CI22" s="191">
        <v>0</v>
      </c>
      <c r="CJ22" s="191">
        <v>0</v>
      </c>
      <c r="CK22" s="196">
        <v>9</v>
      </c>
      <c r="CL22" s="195">
        <v>9</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6">
        <v>0</v>
      </c>
      <c r="E23" s="207">
        <v>0</v>
      </c>
      <c r="F23" s="193">
        <v>0</v>
      </c>
      <c r="G23" s="191">
        <v>168</v>
      </c>
      <c r="H23" s="191">
        <v>211</v>
      </c>
      <c r="I23" s="191">
        <v>54</v>
      </c>
      <c r="J23" s="191">
        <v>422</v>
      </c>
      <c r="K23" s="191">
        <v>40</v>
      </c>
      <c r="L23" s="194">
        <v>895</v>
      </c>
      <c r="M23" s="195">
        <v>895</v>
      </c>
      <c r="N23" s="190">
        <v>0</v>
      </c>
      <c r="O23" s="191">
        <v>0</v>
      </c>
      <c r="P23" s="196">
        <v>0</v>
      </c>
      <c r="Q23" s="193">
        <v>0</v>
      </c>
      <c r="R23" s="191">
        <v>0</v>
      </c>
      <c r="S23" s="191">
        <v>1</v>
      </c>
      <c r="T23" s="191">
        <v>0</v>
      </c>
      <c r="U23" s="191">
        <v>4</v>
      </c>
      <c r="V23" s="191">
        <v>21</v>
      </c>
      <c r="W23" s="196">
        <v>26</v>
      </c>
      <c r="X23" s="195">
        <v>26</v>
      </c>
      <c r="Y23" s="190">
        <v>0</v>
      </c>
      <c r="Z23" s="191">
        <v>26</v>
      </c>
      <c r="AA23" s="196">
        <v>26</v>
      </c>
      <c r="AB23" s="193">
        <v>0</v>
      </c>
      <c r="AC23" s="191">
        <v>115</v>
      </c>
      <c r="AD23" s="191">
        <v>99</v>
      </c>
      <c r="AE23" s="191">
        <v>65</v>
      </c>
      <c r="AF23" s="191">
        <v>34</v>
      </c>
      <c r="AG23" s="191">
        <v>64</v>
      </c>
      <c r="AH23" s="196">
        <v>377</v>
      </c>
      <c r="AI23" s="195">
        <v>403</v>
      </c>
      <c r="AJ23" s="190">
        <v>0</v>
      </c>
      <c r="AK23" s="191">
        <v>27</v>
      </c>
      <c r="AL23" s="196">
        <v>27</v>
      </c>
      <c r="AM23" s="193">
        <v>0</v>
      </c>
      <c r="AN23" s="191">
        <v>0</v>
      </c>
      <c r="AO23" s="191">
        <v>0</v>
      </c>
      <c r="AP23" s="191">
        <v>4</v>
      </c>
      <c r="AQ23" s="191">
        <v>0</v>
      </c>
      <c r="AR23" s="191">
        <v>12</v>
      </c>
      <c r="AS23" s="196">
        <v>16</v>
      </c>
      <c r="AT23" s="195">
        <v>43</v>
      </c>
      <c r="AU23" s="190">
        <v>0</v>
      </c>
      <c r="AV23" s="191">
        <v>0</v>
      </c>
      <c r="AW23" s="196">
        <v>0</v>
      </c>
      <c r="AX23" s="193">
        <v>0</v>
      </c>
      <c r="AY23" s="191">
        <v>134</v>
      </c>
      <c r="AZ23" s="191">
        <v>106</v>
      </c>
      <c r="BA23" s="191">
        <v>50</v>
      </c>
      <c r="BB23" s="191">
        <v>36</v>
      </c>
      <c r="BC23" s="191">
        <v>-19</v>
      </c>
      <c r="BD23" s="194">
        <v>307</v>
      </c>
      <c r="BE23" s="195">
        <v>307</v>
      </c>
      <c r="BF23" s="190">
        <v>0</v>
      </c>
      <c r="BG23" s="191">
        <v>0</v>
      </c>
      <c r="BH23" s="196">
        <v>0</v>
      </c>
      <c r="BI23" s="193">
        <v>0</v>
      </c>
      <c r="BJ23" s="191">
        <v>15</v>
      </c>
      <c r="BK23" s="191">
        <v>17</v>
      </c>
      <c r="BL23" s="191">
        <v>14</v>
      </c>
      <c r="BM23" s="191">
        <v>0</v>
      </c>
      <c r="BN23" s="191">
        <v>12</v>
      </c>
      <c r="BO23" s="196">
        <v>58</v>
      </c>
      <c r="BP23" s="195">
        <v>58</v>
      </c>
      <c r="BQ23" s="190">
        <v>0</v>
      </c>
      <c r="BR23" s="191">
        <v>8</v>
      </c>
      <c r="BS23" s="196">
        <v>8</v>
      </c>
      <c r="BT23" s="193">
        <v>0</v>
      </c>
      <c r="BU23" s="191">
        <v>13</v>
      </c>
      <c r="BV23" s="191">
        <v>5</v>
      </c>
      <c r="BW23" s="191">
        <v>71</v>
      </c>
      <c r="BX23" s="191">
        <v>0</v>
      </c>
      <c r="BY23" s="191">
        <v>4</v>
      </c>
      <c r="BZ23" s="196">
        <v>93</v>
      </c>
      <c r="CA23" s="195">
        <v>101</v>
      </c>
      <c r="CB23" s="190">
        <v>0</v>
      </c>
      <c r="CC23" s="191">
        <v>0</v>
      </c>
      <c r="CD23" s="196">
        <v>0</v>
      </c>
      <c r="CE23" s="193">
        <v>0</v>
      </c>
      <c r="CF23" s="191">
        <v>0</v>
      </c>
      <c r="CG23" s="191">
        <v>0</v>
      </c>
      <c r="CH23" s="191">
        <v>16</v>
      </c>
      <c r="CI23" s="191">
        <v>0</v>
      </c>
      <c r="CJ23" s="191">
        <v>0</v>
      </c>
      <c r="CK23" s="196">
        <v>16</v>
      </c>
      <c r="CL23" s="195">
        <v>16</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6">
        <v>0</v>
      </c>
      <c r="E24" s="207">
        <v>0</v>
      </c>
      <c r="F24" s="193">
        <v>0</v>
      </c>
      <c r="G24" s="191">
        <v>28</v>
      </c>
      <c r="H24" s="191">
        <v>13</v>
      </c>
      <c r="I24" s="191">
        <v>32</v>
      </c>
      <c r="J24" s="191">
        <v>104</v>
      </c>
      <c r="K24" s="191">
        <v>199</v>
      </c>
      <c r="L24" s="194">
        <v>376</v>
      </c>
      <c r="M24" s="195">
        <v>376</v>
      </c>
      <c r="N24" s="190">
        <v>0</v>
      </c>
      <c r="O24" s="191">
        <v>0</v>
      </c>
      <c r="P24" s="196">
        <v>0</v>
      </c>
      <c r="Q24" s="193">
        <v>0</v>
      </c>
      <c r="R24" s="191">
        <v>0</v>
      </c>
      <c r="S24" s="191">
        <v>0</v>
      </c>
      <c r="T24" s="191">
        <v>0</v>
      </c>
      <c r="U24" s="191">
        <v>0</v>
      </c>
      <c r="V24" s="191">
        <v>41</v>
      </c>
      <c r="W24" s="196">
        <v>41</v>
      </c>
      <c r="X24" s="195">
        <v>41</v>
      </c>
      <c r="Y24" s="190">
        <v>0</v>
      </c>
      <c r="Z24" s="191">
        <v>0</v>
      </c>
      <c r="AA24" s="196">
        <v>0</v>
      </c>
      <c r="AB24" s="193">
        <v>0</v>
      </c>
      <c r="AC24" s="191">
        <v>35</v>
      </c>
      <c r="AD24" s="191">
        <v>4</v>
      </c>
      <c r="AE24" s="191">
        <v>10</v>
      </c>
      <c r="AF24" s="191">
        <v>1</v>
      </c>
      <c r="AG24" s="191">
        <v>89</v>
      </c>
      <c r="AH24" s="196">
        <v>139</v>
      </c>
      <c r="AI24" s="195">
        <v>139</v>
      </c>
      <c r="AJ24" s="190">
        <v>0</v>
      </c>
      <c r="AK24" s="191">
        <v>0</v>
      </c>
      <c r="AL24" s="196">
        <v>0</v>
      </c>
      <c r="AM24" s="193">
        <v>0</v>
      </c>
      <c r="AN24" s="191">
        <v>27</v>
      </c>
      <c r="AO24" s="191">
        <v>12</v>
      </c>
      <c r="AP24" s="191">
        <v>0</v>
      </c>
      <c r="AQ24" s="191">
        <v>38</v>
      </c>
      <c r="AR24" s="191">
        <v>0</v>
      </c>
      <c r="AS24" s="196">
        <v>77</v>
      </c>
      <c r="AT24" s="195">
        <v>77</v>
      </c>
      <c r="AU24" s="190">
        <v>0</v>
      </c>
      <c r="AV24" s="191">
        <v>0</v>
      </c>
      <c r="AW24" s="196">
        <v>0</v>
      </c>
      <c r="AX24" s="193">
        <v>0</v>
      </c>
      <c r="AY24" s="191">
        <v>26</v>
      </c>
      <c r="AZ24" s="191">
        <v>64</v>
      </c>
      <c r="BA24" s="191">
        <v>30</v>
      </c>
      <c r="BB24" s="191">
        <v>81</v>
      </c>
      <c r="BC24" s="191">
        <v>17</v>
      </c>
      <c r="BD24" s="194">
        <v>218</v>
      </c>
      <c r="BE24" s="195">
        <v>218</v>
      </c>
      <c r="BF24" s="190">
        <v>0</v>
      </c>
      <c r="BG24" s="191">
        <v>0</v>
      </c>
      <c r="BH24" s="196">
        <v>0</v>
      </c>
      <c r="BI24" s="193">
        <v>0</v>
      </c>
      <c r="BJ24" s="191">
        <v>16</v>
      </c>
      <c r="BK24" s="191">
        <v>29</v>
      </c>
      <c r="BL24" s="191">
        <v>0</v>
      </c>
      <c r="BM24" s="191">
        <v>0</v>
      </c>
      <c r="BN24" s="191">
        <v>0</v>
      </c>
      <c r="BO24" s="196">
        <v>45</v>
      </c>
      <c r="BP24" s="195">
        <v>45</v>
      </c>
      <c r="BQ24" s="190">
        <v>0</v>
      </c>
      <c r="BR24" s="191">
        <v>0</v>
      </c>
      <c r="BS24" s="196">
        <v>0</v>
      </c>
      <c r="BT24" s="193">
        <v>0</v>
      </c>
      <c r="BU24" s="191">
        <v>0</v>
      </c>
      <c r="BV24" s="191">
        <v>24</v>
      </c>
      <c r="BW24" s="191">
        <v>72</v>
      </c>
      <c r="BX24" s="191">
        <v>13</v>
      </c>
      <c r="BY24" s="191">
        <v>0</v>
      </c>
      <c r="BZ24" s="196">
        <v>109</v>
      </c>
      <c r="CA24" s="195">
        <v>109</v>
      </c>
      <c r="CB24" s="190">
        <v>0</v>
      </c>
      <c r="CC24" s="191">
        <v>0</v>
      </c>
      <c r="CD24" s="196">
        <v>0</v>
      </c>
      <c r="CE24" s="193">
        <v>0</v>
      </c>
      <c r="CF24" s="191">
        <v>0</v>
      </c>
      <c r="CG24" s="191">
        <v>0</v>
      </c>
      <c r="CH24" s="191">
        <v>21</v>
      </c>
      <c r="CI24" s="191">
        <v>0</v>
      </c>
      <c r="CJ24" s="191">
        <v>0</v>
      </c>
      <c r="CK24" s="196">
        <v>21</v>
      </c>
      <c r="CL24" s="195">
        <v>21</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6">
        <v>0</v>
      </c>
      <c r="E25" s="207">
        <v>0</v>
      </c>
      <c r="F25" s="193">
        <v>0</v>
      </c>
      <c r="G25" s="191">
        <v>0</v>
      </c>
      <c r="H25" s="191">
        <v>68</v>
      </c>
      <c r="I25" s="191">
        <v>292</v>
      </c>
      <c r="J25" s="191">
        <v>21</v>
      </c>
      <c r="K25" s="191">
        <v>112</v>
      </c>
      <c r="L25" s="194">
        <v>493</v>
      </c>
      <c r="M25" s="195">
        <v>493</v>
      </c>
      <c r="N25" s="190">
        <v>0</v>
      </c>
      <c r="O25" s="191">
        <v>0</v>
      </c>
      <c r="P25" s="196">
        <v>0</v>
      </c>
      <c r="Q25" s="193">
        <v>0</v>
      </c>
      <c r="R25" s="191">
        <v>0</v>
      </c>
      <c r="S25" s="191">
        <v>7</v>
      </c>
      <c r="T25" s="191">
        <v>1</v>
      </c>
      <c r="U25" s="191">
        <v>0</v>
      </c>
      <c r="V25" s="191">
        <v>0</v>
      </c>
      <c r="W25" s="196">
        <v>8</v>
      </c>
      <c r="X25" s="195">
        <v>8</v>
      </c>
      <c r="Y25" s="190">
        <v>27</v>
      </c>
      <c r="Z25" s="191">
        <v>38</v>
      </c>
      <c r="AA25" s="196">
        <v>65</v>
      </c>
      <c r="AB25" s="193">
        <v>0</v>
      </c>
      <c r="AC25" s="191">
        <v>38</v>
      </c>
      <c r="AD25" s="191">
        <v>136</v>
      </c>
      <c r="AE25" s="191">
        <v>75</v>
      </c>
      <c r="AF25" s="191">
        <v>31</v>
      </c>
      <c r="AG25" s="191">
        <v>36</v>
      </c>
      <c r="AH25" s="196">
        <v>316</v>
      </c>
      <c r="AI25" s="195">
        <v>381</v>
      </c>
      <c r="AJ25" s="190">
        <v>8</v>
      </c>
      <c r="AK25" s="191">
        <v>12</v>
      </c>
      <c r="AL25" s="196">
        <v>20</v>
      </c>
      <c r="AM25" s="193">
        <v>0</v>
      </c>
      <c r="AN25" s="191">
        <v>0</v>
      </c>
      <c r="AO25" s="191">
        <v>15</v>
      </c>
      <c r="AP25" s="191">
        <v>0</v>
      </c>
      <c r="AQ25" s="191">
        <v>0</v>
      </c>
      <c r="AR25" s="191">
        <v>0</v>
      </c>
      <c r="AS25" s="196">
        <v>15</v>
      </c>
      <c r="AT25" s="195">
        <v>35</v>
      </c>
      <c r="AU25" s="190">
        <v>0</v>
      </c>
      <c r="AV25" s="191">
        <v>0</v>
      </c>
      <c r="AW25" s="196">
        <v>0</v>
      </c>
      <c r="AX25" s="193">
        <v>0</v>
      </c>
      <c r="AY25" s="191">
        <v>86</v>
      </c>
      <c r="AZ25" s="191">
        <v>77</v>
      </c>
      <c r="BA25" s="191">
        <v>44</v>
      </c>
      <c r="BB25" s="191">
        <v>34</v>
      </c>
      <c r="BC25" s="191">
        <v>21</v>
      </c>
      <c r="BD25" s="194">
        <v>262</v>
      </c>
      <c r="BE25" s="195">
        <v>262</v>
      </c>
      <c r="BF25" s="190">
        <v>0</v>
      </c>
      <c r="BG25" s="191">
        <v>0</v>
      </c>
      <c r="BH25" s="196">
        <v>0</v>
      </c>
      <c r="BI25" s="193">
        <v>0</v>
      </c>
      <c r="BJ25" s="191">
        <v>7</v>
      </c>
      <c r="BK25" s="191">
        <v>0</v>
      </c>
      <c r="BL25" s="191">
        <v>14</v>
      </c>
      <c r="BM25" s="191">
        <v>9</v>
      </c>
      <c r="BN25" s="191">
        <v>8</v>
      </c>
      <c r="BO25" s="196">
        <v>38</v>
      </c>
      <c r="BP25" s="195">
        <v>38</v>
      </c>
      <c r="BQ25" s="190">
        <v>0</v>
      </c>
      <c r="BR25" s="191">
        <v>0</v>
      </c>
      <c r="BS25" s="196">
        <v>0</v>
      </c>
      <c r="BT25" s="193">
        <v>0</v>
      </c>
      <c r="BU25" s="191">
        <v>11</v>
      </c>
      <c r="BV25" s="191">
        <v>30</v>
      </c>
      <c r="BW25" s="191">
        <v>68</v>
      </c>
      <c r="BX25" s="191">
        <v>13</v>
      </c>
      <c r="BY25" s="191">
        <v>0</v>
      </c>
      <c r="BZ25" s="196">
        <v>122</v>
      </c>
      <c r="CA25" s="195">
        <v>122</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6">
        <v>0</v>
      </c>
      <c r="E26" s="207">
        <v>0</v>
      </c>
      <c r="F26" s="193">
        <v>0</v>
      </c>
      <c r="G26" s="191">
        <v>90</v>
      </c>
      <c r="H26" s="191">
        <v>55</v>
      </c>
      <c r="I26" s="191">
        <v>116</v>
      </c>
      <c r="J26" s="191">
        <v>103</v>
      </c>
      <c r="K26" s="191">
        <v>124</v>
      </c>
      <c r="L26" s="194">
        <v>488</v>
      </c>
      <c r="M26" s="195">
        <v>488</v>
      </c>
      <c r="N26" s="190">
        <v>0</v>
      </c>
      <c r="O26" s="191">
        <v>0</v>
      </c>
      <c r="P26" s="196">
        <v>0</v>
      </c>
      <c r="Q26" s="193">
        <v>0</v>
      </c>
      <c r="R26" s="191">
        <v>4</v>
      </c>
      <c r="S26" s="191">
        <v>0</v>
      </c>
      <c r="T26" s="191">
        <v>0</v>
      </c>
      <c r="U26" s="191">
        <v>0</v>
      </c>
      <c r="V26" s="191">
        <v>8</v>
      </c>
      <c r="W26" s="196">
        <v>12</v>
      </c>
      <c r="X26" s="195">
        <v>12</v>
      </c>
      <c r="Y26" s="190">
        <v>12</v>
      </c>
      <c r="Z26" s="191">
        <v>18</v>
      </c>
      <c r="AA26" s="196">
        <v>30</v>
      </c>
      <c r="AB26" s="193">
        <v>0</v>
      </c>
      <c r="AC26" s="191">
        <v>80</v>
      </c>
      <c r="AD26" s="191">
        <v>48</v>
      </c>
      <c r="AE26" s="191">
        <v>33</v>
      </c>
      <c r="AF26" s="191">
        <v>75</v>
      </c>
      <c r="AG26" s="191">
        <v>35</v>
      </c>
      <c r="AH26" s="196">
        <v>271</v>
      </c>
      <c r="AI26" s="195">
        <v>301</v>
      </c>
      <c r="AJ26" s="190">
        <v>0</v>
      </c>
      <c r="AK26" s="191">
        <v>0</v>
      </c>
      <c r="AL26" s="196">
        <v>0</v>
      </c>
      <c r="AM26" s="193">
        <v>0</v>
      </c>
      <c r="AN26" s="191">
        <v>0</v>
      </c>
      <c r="AO26" s="191">
        <v>0</v>
      </c>
      <c r="AP26" s="191">
        <v>0</v>
      </c>
      <c r="AQ26" s="191">
        <v>0</v>
      </c>
      <c r="AR26" s="191">
        <v>12</v>
      </c>
      <c r="AS26" s="196">
        <v>12</v>
      </c>
      <c r="AT26" s="195">
        <v>12</v>
      </c>
      <c r="AU26" s="190">
        <v>0</v>
      </c>
      <c r="AV26" s="191">
        <v>0</v>
      </c>
      <c r="AW26" s="196">
        <v>0</v>
      </c>
      <c r="AX26" s="193">
        <v>0</v>
      </c>
      <c r="AY26" s="191">
        <v>71</v>
      </c>
      <c r="AZ26" s="191">
        <v>54</v>
      </c>
      <c r="BA26" s="191">
        <v>12</v>
      </c>
      <c r="BB26" s="191">
        <v>7</v>
      </c>
      <c r="BC26" s="191">
        <v>12</v>
      </c>
      <c r="BD26" s="194">
        <v>156</v>
      </c>
      <c r="BE26" s="195">
        <v>156</v>
      </c>
      <c r="BF26" s="190">
        <v>0</v>
      </c>
      <c r="BG26" s="191">
        <v>0</v>
      </c>
      <c r="BH26" s="196">
        <v>0</v>
      </c>
      <c r="BI26" s="193">
        <v>0</v>
      </c>
      <c r="BJ26" s="191">
        <v>37</v>
      </c>
      <c r="BK26" s="191">
        <v>28</v>
      </c>
      <c r="BL26" s="191">
        <v>13</v>
      </c>
      <c r="BM26" s="191">
        <v>11</v>
      </c>
      <c r="BN26" s="191">
        <v>25</v>
      </c>
      <c r="BO26" s="196">
        <v>114</v>
      </c>
      <c r="BP26" s="195">
        <v>114</v>
      </c>
      <c r="BQ26" s="190">
        <v>0</v>
      </c>
      <c r="BR26" s="191">
        <v>0</v>
      </c>
      <c r="BS26" s="196">
        <v>0</v>
      </c>
      <c r="BT26" s="193">
        <v>0</v>
      </c>
      <c r="BU26" s="191">
        <v>0</v>
      </c>
      <c r="BV26" s="191">
        <v>0</v>
      </c>
      <c r="BW26" s="191">
        <v>3</v>
      </c>
      <c r="BX26" s="191">
        <v>0</v>
      </c>
      <c r="BY26" s="191">
        <v>10</v>
      </c>
      <c r="BZ26" s="196">
        <v>13</v>
      </c>
      <c r="CA26" s="195">
        <v>13</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6">
        <v>0</v>
      </c>
      <c r="E27" s="207">
        <v>0</v>
      </c>
      <c r="F27" s="193">
        <v>0</v>
      </c>
      <c r="G27" s="191">
        <v>0</v>
      </c>
      <c r="H27" s="191">
        <v>50</v>
      </c>
      <c r="I27" s="191">
        <v>47</v>
      </c>
      <c r="J27" s="191">
        <v>0</v>
      </c>
      <c r="K27" s="191">
        <v>193</v>
      </c>
      <c r="L27" s="194">
        <v>290</v>
      </c>
      <c r="M27" s="195">
        <v>290</v>
      </c>
      <c r="N27" s="190">
        <v>0</v>
      </c>
      <c r="O27" s="191">
        <v>0</v>
      </c>
      <c r="P27" s="196">
        <v>0</v>
      </c>
      <c r="Q27" s="193">
        <v>0</v>
      </c>
      <c r="R27" s="191">
        <v>0</v>
      </c>
      <c r="S27" s="191">
        <v>0</v>
      </c>
      <c r="T27" s="191">
        <v>9</v>
      </c>
      <c r="U27" s="191">
        <v>0</v>
      </c>
      <c r="V27" s="191">
        <v>8</v>
      </c>
      <c r="W27" s="196">
        <v>17</v>
      </c>
      <c r="X27" s="195">
        <v>17</v>
      </c>
      <c r="Y27" s="190">
        <v>9</v>
      </c>
      <c r="Z27" s="191">
        <v>42</v>
      </c>
      <c r="AA27" s="196">
        <v>51</v>
      </c>
      <c r="AB27" s="193">
        <v>0</v>
      </c>
      <c r="AC27" s="191">
        <v>3</v>
      </c>
      <c r="AD27" s="191">
        <v>23</v>
      </c>
      <c r="AE27" s="191">
        <v>21</v>
      </c>
      <c r="AF27" s="191">
        <v>0</v>
      </c>
      <c r="AG27" s="191">
        <v>27</v>
      </c>
      <c r="AH27" s="196">
        <v>74</v>
      </c>
      <c r="AI27" s="195">
        <v>125</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9</v>
      </c>
      <c r="AZ27" s="191">
        <v>25</v>
      </c>
      <c r="BA27" s="191">
        <v>34</v>
      </c>
      <c r="BB27" s="191">
        <v>0</v>
      </c>
      <c r="BC27" s="191">
        <v>0</v>
      </c>
      <c r="BD27" s="194">
        <v>68</v>
      </c>
      <c r="BE27" s="195">
        <v>68</v>
      </c>
      <c r="BF27" s="190">
        <v>0</v>
      </c>
      <c r="BG27" s="191">
        <v>0</v>
      </c>
      <c r="BH27" s="196">
        <v>0</v>
      </c>
      <c r="BI27" s="193">
        <v>0</v>
      </c>
      <c r="BJ27" s="191">
        <v>20</v>
      </c>
      <c r="BK27" s="191">
        <v>7</v>
      </c>
      <c r="BL27" s="191">
        <v>13</v>
      </c>
      <c r="BM27" s="191">
        <v>0</v>
      </c>
      <c r="BN27" s="191">
        <v>9</v>
      </c>
      <c r="BO27" s="196">
        <v>49</v>
      </c>
      <c r="BP27" s="195">
        <v>49</v>
      </c>
      <c r="BQ27" s="190">
        <v>0</v>
      </c>
      <c r="BR27" s="191">
        <v>0</v>
      </c>
      <c r="BS27" s="196">
        <v>0</v>
      </c>
      <c r="BT27" s="193">
        <v>0</v>
      </c>
      <c r="BU27" s="191">
        <v>17</v>
      </c>
      <c r="BV27" s="191">
        <v>0</v>
      </c>
      <c r="BW27" s="191">
        <v>2</v>
      </c>
      <c r="BX27" s="191">
        <v>0</v>
      </c>
      <c r="BY27" s="191">
        <v>0</v>
      </c>
      <c r="BZ27" s="196">
        <v>19</v>
      </c>
      <c r="CA27" s="195">
        <v>19</v>
      </c>
      <c r="CB27" s="190">
        <v>0</v>
      </c>
      <c r="CC27" s="191">
        <v>0</v>
      </c>
      <c r="CD27" s="196">
        <v>0</v>
      </c>
      <c r="CE27" s="193">
        <v>0</v>
      </c>
      <c r="CF27" s="191">
        <v>0</v>
      </c>
      <c r="CG27" s="191">
        <v>2</v>
      </c>
      <c r="CH27" s="191">
        <v>0</v>
      </c>
      <c r="CI27" s="191">
        <v>0</v>
      </c>
      <c r="CJ27" s="191">
        <v>0</v>
      </c>
      <c r="CK27" s="196">
        <v>2</v>
      </c>
      <c r="CL27" s="195">
        <v>2</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6">
        <v>0</v>
      </c>
      <c r="E28" s="207">
        <v>0</v>
      </c>
      <c r="F28" s="193">
        <v>0</v>
      </c>
      <c r="G28" s="191">
        <v>23</v>
      </c>
      <c r="H28" s="191">
        <v>76</v>
      </c>
      <c r="I28" s="191">
        <v>36</v>
      </c>
      <c r="J28" s="191">
        <v>0</v>
      </c>
      <c r="K28" s="191">
        <v>205</v>
      </c>
      <c r="L28" s="194">
        <v>340</v>
      </c>
      <c r="M28" s="195">
        <v>340</v>
      </c>
      <c r="N28" s="190">
        <v>0</v>
      </c>
      <c r="O28" s="191">
        <v>0</v>
      </c>
      <c r="P28" s="196">
        <v>0</v>
      </c>
      <c r="Q28" s="193">
        <v>0</v>
      </c>
      <c r="R28" s="191">
        <v>0</v>
      </c>
      <c r="S28" s="191">
        <v>0</v>
      </c>
      <c r="T28" s="191">
        <v>0</v>
      </c>
      <c r="U28" s="191">
        <v>0</v>
      </c>
      <c r="V28" s="191">
        <v>9</v>
      </c>
      <c r="W28" s="196">
        <v>9</v>
      </c>
      <c r="X28" s="195">
        <v>9</v>
      </c>
      <c r="Y28" s="190">
        <v>0</v>
      </c>
      <c r="Z28" s="191">
        <v>10</v>
      </c>
      <c r="AA28" s="196">
        <v>10</v>
      </c>
      <c r="AB28" s="193">
        <v>0</v>
      </c>
      <c r="AC28" s="191">
        <v>28</v>
      </c>
      <c r="AD28" s="191">
        <v>55</v>
      </c>
      <c r="AE28" s="191">
        <v>18</v>
      </c>
      <c r="AF28" s="191">
        <v>0</v>
      </c>
      <c r="AG28" s="191">
        <v>54</v>
      </c>
      <c r="AH28" s="196">
        <v>155</v>
      </c>
      <c r="AI28" s="195">
        <v>165</v>
      </c>
      <c r="AJ28" s="190">
        <v>0</v>
      </c>
      <c r="AK28" s="191">
        <v>15</v>
      </c>
      <c r="AL28" s="196">
        <v>15</v>
      </c>
      <c r="AM28" s="193">
        <v>0</v>
      </c>
      <c r="AN28" s="191">
        <v>27</v>
      </c>
      <c r="AO28" s="191">
        <v>0</v>
      </c>
      <c r="AP28" s="191">
        <v>6</v>
      </c>
      <c r="AQ28" s="191">
        <v>0</v>
      </c>
      <c r="AR28" s="191">
        <v>0</v>
      </c>
      <c r="AS28" s="196">
        <v>33</v>
      </c>
      <c r="AT28" s="195">
        <v>48</v>
      </c>
      <c r="AU28" s="190">
        <v>0</v>
      </c>
      <c r="AV28" s="191">
        <v>0</v>
      </c>
      <c r="AW28" s="196">
        <v>0</v>
      </c>
      <c r="AX28" s="193">
        <v>0</v>
      </c>
      <c r="AY28" s="191">
        <v>53</v>
      </c>
      <c r="AZ28" s="191">
        <v>22</v>
      </c>
      <c r="BA28" s="191">
        <v>12</v>
      </c>
      <c r="BB28" s="191">
        <v>0</v>
      </c>
      <c r="BC28" s="191">
        <v>7</v>
      </c>
      <c r="BD28" s="194">
        <v>94</v>
      </c>
      <c r="BE28" s="195">
        <v>94</v>
      </c>
      <c r="BF28" s="190">
        <v>0</v>
      </c>
      <c r="BG28" s="191">
        <v>0</v>
      </c>
      <c r="BH28" s="196">
        <v>0</v>
      </c>
      <c r="BI28" s="193">
        <v>0</v>
      </c>
      <c r="BJ28" s="191">
        <v>19</v>
      </c>
      <c r="BK28" s="191">
        <v>17</v>
      </c>
      <c r="BL28" s="191">
        <v>4</v>
      </c>
      <c r="BM28" s="191">
        <v>0</v>
      </c>
      <c r="BN28" s="191">
        <v>0</v>
      </c>
      <c r="BO28" s="196">
        <v>40</v>
      </c>
      <c r="BP28" s="195">
        <v>40</v>
      </c>
      <c r="BQ28" s="190">
        <v>0</v>
      </c>
      <c r="BR28" s="191">
        <v>0</v>
      </c>
      <c r="BS28" s="196">
        <v>0</v>
      </c>
      <c r="BT28" s="193">
        <v>0</v>
      </c>
      <c r="BU28" s="191">
        <v>27</v>
      </c>
      <c r="BV28" s="191">
        <v>6</v>
      </c>
      <c r="BW28" s="191">
        <v>0</v>
      </c>
      <c r="BX28" s="191">
        <v>0</v>
      </c>
      <c r="BY28" s="191">
        <v>0</v>
      </c>
      <c r="BZ28" s="196">
        <v>33</v>
      </c>
      <c r="CA28" s="195">
        <v>33</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6">
        <v>0</v>
      </c>
      <c r="E29" s="207">
        <v>0</v>
      </c>
      <c r="F29" s="193">
        <v>0</v>
      </c>
      <c r="G29" s="191">
        <v>11</v>
      </c>
      <c r="H29" s="191">
        <v>54</v>
      </c>
      <c r="I29" s="191">
        <v>157</v>
      </c>
      <c r="J29" s="191">
        <v>0</v>
      </c>
      <c r="K29" s="191">
        <v>0</v>
      </c>
      <c r="L29" s="194">
        <v>222</v>
      </c>
      <c r="M29" s="195">
        <v>222</v>
      </c>
      <c r="N29" s="190">
        <v>0</v>
      </c>
      <c r="O29" s="191">
        <v>0</v>
      </c>
      <c r="P29" s="196">
        <v>0</v>
      </c>
      <c r="Q29" s="193">
        <v>0</v>
      </c>
      <c r="R29" s="191">
        <v>0</v>
      </c>
      <c r="S29" s="191">
        <v>0</v>
      </c>
      <c r="T29" s="191">
        <v>3</v>
      </c>
      <c r="U29" s="191">
        <v>4</v>
      </c>
      <c r="V29" s="191">
        <v>0</v>
      </c>
      <c r="W29" s="196">
        <v>7</v>
      </c>
      <c r="X29" s="195">
        <v>7</v>
      </c>
      <c r="Y29" s="190">
        <v>5</v>
      </c>
      <c r="Z29" s="191">
        <v>35</v>
      </c>
      <c r="AA29" s="196">
        <v>40</v>
      </c>
      <c r="AB29" s="193">
        <v>0</v>
      </c>
      <c r="AC29" s="191">
        <v>0</v>
      </c>
      <c r="AD29" s="191">
        <v>31</v>
      </c>
      <c r="AE29" s="191">
        <v>25</v>
      </c>
      <c r="AF29" s="191">
        <v>8</v>
      </c>
      <c r="AG29" s="191">
        <v>0</v>
      </c>
      <c r="AH29" s="196">
        <v>64</v>
      </c>
      <c r="AI29" s="195">
        <v>104</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25</v>
      </c>
      <c r="AZ29" s="191">
        <v>33</v>
      </c>
      <c r="BA29" s="191">
        <v>19</v>
      </c>
      <c r="BB29" s="191">
        <v>15</v>
      </c>
      <c r="BC29" s="191">
        <v>0</v>
      </c>
      <c r="BD29" s="194">
        <v>92</v>
      </c>
      <c r="BE29" s="195">
        <v>92</v>
      </c>
      <c r="BF29" s="190">
        <v>0</v>
      </c>
      <c r="BG29" s="191">
        <v>0</v>
      </c>
      <c r="BH29" s="196">
        <v>0</v>
      </c>
      <c r="BI29" s="193">
        <v>0</v>
      </c>
      <c r="BJ29" s="191">
        <v>17</v>
      </c>
      <c r="BK29" s="191">
        <v>15</v>
      </c>
      <c r="BL29" s="191">
        <v>9</v>
      </c>
      <c r="BM29" s="191">
        <v>0</v>
      </c>
      <c r="BN29" s="191">
        <v>0</v>
      </c>
      <c r="BO29" s="196">
        <v>41</v>
      </c>
      <c r="BP29" s="195">
        <v>41</v>
      </c>
      <c r="BQ29" s="190">
        <v>0</v>
      </c>
      <c r="BR29" s="191">
        <v>0</v>
      </c>
      <c r="BS29" s="196">
        <v>0</v>
      </c>
      <c r="BT29" s="193">
        <v>0</v>
      </c>
      <c r="BU29" s="191">
        <v>6</v>
      </c>
      <c r="BV29" s="191">
        <v>0</v>
      </c>
      <c r="BW29" s="191">
        <v>8</v>
      </c>
      <c r="BX29" s="191">
        <v>15</v>
      </c>
      <c r="BY29" s="191">
        <v>0</v>
      </c>
      <c r="BZ29" s="196">
        <v>29</v>
      </c>
      <c r="CA29" s="195">
        <v>29</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6">
        <v>0</v>
      </c>
      <c r="E30" s="207">
        <v>0</v>
      </c>
      <c r="F30" s="193">
        <v>0</v>
      </c>
      <c r="G30" s="191">
        <v>9</v>
      </c>
      <c r="H30" s="191">
        <v>10</v>
      </c>
      <c r="I30" s="191">
        <v>0</v>
      </c>
      <c r="J30" s="191">
        <v>26</v>
      </c>
      <c r="K30" s="191">
        <v>0</v>
      </c>
      <c r="L30" s="194">
        <v>45</v>
      </c>
      <c r="M30" s="195">
        <v>45</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0</v>
      </c>
      <c r="AD30" s="191">
        <v>15</v>
      </c>
      <c r="AE30" s="191">
        <v>2</v>
      </c>
      <c r="AF30" s="191">
        <v>0</v>
      </c>
      <c r="AG30" s="191">
        <v>0</v>
      </c>
      <c r="AH30" s="196">
        <v>17</v>
      </c>
      <c r="AI30" s="195">
        <v>17</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13</v>
      </c>
      <c r="BA30" s="191">
        <v>21</v>
      </c>
      <c r="BB30" s="191">
        <v>0</v>
      </c>
      <c r="BC30" s="191">
        <v>0</v>
      </c>
      <c r="BD30" s="194">
        <v>34</v>
      </c>
      <c r="BE30" s="195">
        <v>34</v>
      </c>
      <c r="BF30" s="190">
        <v>0</v>
      </c>
      <c r="BG30" s="191">
        <v>0</v>
      </c>
      <c r="BH30" s="196">
        <v>0</v>
      </c>
      <c r="BI30" s="193">
        <v>0</v>
      </c>
      <c r="BJ30" s="191">
        <v>0</v>
      </c>
      <c r="BK30" s="191">
        <v>0</v>
      </c>
      <c r="BL30" s="191">
        <v>7</v>
      </c>
      <c r="BM30" s="191">
        <v>0</v>
      </c>
      <c r="BN30" s="191">
        <v>0</v>
      </c>
      <c r="BO30" s="196">
        <v>7</v>
      </c>
      <c r="BP30" s="195">
        <v>7</v>
      </c>
      <c r="BQ30" s="190">
        <v>0</v>
      </c>
      <c r="BR30" s="191">
        <v>0</v>
      </c>
      <c r="BS30" s="196">
        <v>0</v>
      </c>
      <c r="BT30" s="193">
        <v>0</v>
      </c>
      <c r="BU30" s="191">
        <v>0</v>
      </c>
      <c r="BV30" s="191">
        <v>0</v>
      </c>
      <c r="BW30" s="191">
        <v>9</v>
      </c>
      <c r="BX30" s="191">
        <v>0</v>
      </c>
      <c r="BY30" s="191">
        <v>0</v>
      </c>
      <c r="BZ30" s="196">
        <v>9</v>
      </c>
      <c r="CA30" s="195">
        <v>9</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6">
        <v>0</v>
      </c>
      <c r="E31" s="207">
        <v>0</v>
      </c>
      <c r="F31" s="193">
        <v>0</v>
      </c>
      <c r="G31" s="191">
        <v>17</v>
      </c>
      <c r="H31" s="191">
        <v>44</v>
      </c>
      <c r="I31" s="191">
        <v>0</v>
      </c>
      <c r="J31" s="191">
        <v>29</v>
      </c>
      <c r="K31" s="191">
        <v>0</v>
      </c>
      <c r="L31" s="194">
        <v>90</v>
      </c>
      <c r="M31" s="195">
        <v>90</v>
      </c>
      <c r="N31" s="190">
        <v>0</v>
      </c>
      <c r="O31" s="191">
        <v>0</v>
      </c>
      <c r="P31" s="196">
        <v>0</v>
      </c>
      <c r="Q31" s="193">
        <v>0</v>
      </c>
      <c r="R31" s="191">
        <v>0</v>
      </c>
      <c r="S31" s="191">
        <v>0</v>
      </c>
      <c r="T31" s="191">
        <v>0</v>
      </c>
      <c r="U31" s="191">
        <v>0</v>
      </c>
      <c r="V31" s="191">
        <v>0</v>
      </c>
      <c r="W31" s="196">
        <v>0</v>
      </c>
      <c r="X31" s="195">
        <v>0</v>
      </c>
      <c r="Y31" s="190">
        <v>2</v>
      </c>
      <c r="Z31" s="191">
        <v>8</v>
      </c>
      <c r="AA31" s="196">
        <v>10</v>
      </c>
      <c r="AB31" s="193">
        <v>0</v>
      </c>
      <c r="AC31" s="191">
        <v>46</v>
      </c>
      <c r="AD31" s="191">
        <v>19</v>
      </c>
      <c r="AE31" s="191">
        <v>32</v>
      </c>
      <c r="AF31" s="191">
        <v>0</v>
      </c>
      <c r="AG31" s="191">
        <v>0</v>
      </c>
      <c r="AH31" s="196">
        <v>97</v>
      </c>
      <c r="AI31" s="195">
        <v>107</v>
      </c>
      <c r="AJ31" s="190">
        <v>0</v>
      </c>
      <c r="AK31" s="191">
        <v>10</v>
      </c>
      <c r="AL31" s="196">
        <v>10</v>
      </c>
      <c r="AM31" s="193">
        <v>0</v>
      </c>
      <c r="AN31" s="191">
        <v>0</v>
      </c>
      <c r="AO31" s="191">
        <v>0</v>
      </c>
      <c r="AP31" s="191">
        <v>0</v>
      </c>
      <c r="AQ31" s="191">
        <v>9</v>
      </c>
      <c r="AR31" s="191">
        <v>0</v>
      </c>
      <c r="AS31" s="196">
        <v>9</v>
      </c>
      <c r="AT31" s="195">
        <v>19</v>
      </c>
      <c r="AU31" s="190">
        <v>0</v>
      </c>
      <c r="AV31" s="191">
        <v>0</v>
      </c>
      <c r="AW31" s="196">
        <v>0</v>
      </c>
      <c r="AX31" s="193">
        <v>0</v>
      </c>
      <c r="AY31" s="191">
        <v>21</v>
      </c>
      <c r="AZ31" s="191">
        <v>2</v>
      </c>
      <c r="BA31" s="191">
        <v>0</v>
      </c>
      <c r="BB31" s="191">
        <v>0</v>
      </c>
      <c r="BC31" s="191">
        <v>0</v>
      </c>
      <c r="BD31" s="194">
        <v>23</v>
      </c>
      <c r="BE31" s="195">
        <v>23</v>
      </c>
      <c r="BF31" s="190">
        <v>0</v>
      </c>
      <c r="BG31" s="191">
        <v>0</v>
      </c>
      <c r="BH31" s="196">
        <v>0</v>
      </c>
      <c r="BI31" s="193">
        <v>0</v>
      </c>
      <c r="BJ31" s="191">
        <v>9</v>
      </c>
      <c r="BK31" s="191">
        <v>0</v>
      </c>
      <c r="BL31" s="191">
        <v>13</v>
      </c>
      <c r="BM31" s="191">
        <v>8</v>
      </c>
      <c r="BN31" s="191">
        <v>0</v>
      </c>
      <c r="BO31" s="196">
        <v>30</v>
      </c>
      <c r="BP31" s="195">
        <v>3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6">
        <v>0</v>
      </c>
      <c r="E32" s="207">
        <v>0</v>
      </c>
      <c r="F32" s="193">
        <v>0</v>
      </c>
      <c r="G32" s="191">
        <v>13</v>
      </c>
      <c r="H32" s="191">
        <v>17</v>
      </c>
      <c r="I32" s="191">
        <v>56</v>
      </c>
      <c r="J32" s="191">
        <v>46</v>
      </c>
      <c r="K32" s="191">
        <v>0</v>
      </c>
      <c r="L32" s="194">
        <v>132</v>
      </c>
      <c r="M32" s="195">
        <v>132</v>
      </c>
      <c r="N32" s="190">
        <v>0</v>
      </c>
      <c r="O32" s="191">
        <v>0</v>
      </c>
      <c r="P32" s="196">
        <v>0</v>
      </c>
      <c r="Q32" s="193">
        <v>0</v>
      </c>
      <c r="R32" s="191">
        <v>0</v>
      </c>
      <c r="S32" s="191">
        <v>0</v>
      </c>
      <c r="T32" s="191">
        <v>5</v>
      </c>
      <c r="U32" s="191">
        <v>0</v>
      </c>
      <c r="V32" s="191">
        <v>0</v>
      </c>
      <c r="W32" s="196">
        <v>5</v>
      </c>
      <c r="X32" s="195">
        <v>5</v>
      </c>
      <c r="Y32" s="190">
        <v>0</v>
      </c>
      <c r="Z32" s="191">
        <v>0</v>
      </c>
      <c r="AA32" s="196">
        <v>0</v>
      </c>
      <c r="AB32" s="193">
        <v>0</v>
      </c>
      <c r="AC32" s="191">
        <v>4</v>
      </c>
      <c r="AD32" s="191">
        <v>12</v>
      </c>
      <c r="AE32" s="191">
        <v>4</v>
      </c>
      <c r="AF32" s="191">
        <v>0</v>
      </c>
      <c r="AG32" s="191">
        <v>0</v>
      </c>
      <c r="AH32" s="196">
        <v>20</v>
      </c>
      <c r="AI32" s="195">
        <v>20</v>
      </c>
      <c r="AJ32" s="190">
        <v>0</v>
      </c>
      <c r="AK32" s="191">
        <v>0</v>
      </c>
      <c r="AL32" s="196">
        <v>0</v>
      </c>
      <c r="AM32" s="193">
        <v>0</v>
      </c>
      <c r="AN32" s="191">
        <v>0</v>
      </c>
      <c r="AO32" s="191">
        <v>16</v>
      </c>
      <c r="AP32" s="191">
        <v>0</v>
      </c>
      <c r="AQ32" s="191">
        <v>0</v>
      </c>
      <c r="AR32" s="191">
        <v>0</v>
      </c>
      <c r="AS32" s="196">
        <v>16</v>
      </c>
      <c r="AT32" s="195">
        <v>16</v>
      </c>
      <c r="AU32" s="190">
        <v>0</v>
      </c>
      <c r="AV32" s="191">
        <v>0</v>
      </c>
      <c r="AW32" s="196">
        <v>0</v>
      </c>
      <c r="AX32" s="193">
        <v>0</v>
      </c>
      <c r="AY32" s="191">
        <v>2</v>
      </c>
      <c r="AZ32" s="191">
        <v>5</v>
      </c>
      <c r="BA32" s="191">
        <v>4</v>
      </c>
      <c r="BB32" s="191">
        <v>0</v>
      </c>
      <c r="BC32" s="191">
        <v>0</v>
      </c>
      <c r="BD32" s="194">
        <v>11</v>
      </c>
      <c r="BE32" s="195">
        <v>11</v>
      </c>
      <c r="BF32" s="190">
        <v>0</v>
      </c>
      <c r="BG32" s="191">
        <v>0</v>
      </c>
      <c r="BH32" s="196">
        <v>0</v>
      </c>
      <c r="BI32" s="193">
        <v>0</v>
      </c>
      <c r="BJ32" s="191">
        <v>5</v>
      </c>
      <c r="BK32" s="191">
        <v>0</v>
      </c>
      <c r="BL32" s="191">
        <v>0</v>
      </c>
      <c r="BM32" s="191">
        <v>17</v>
      </c>
      <c r="BN32" s="191">
        <v>0</v>
      </c>
      <c r="BO32" s="196">
        <v>22</v>
      </c>
      <c r="BP32" s="195">
        <v>22</v>
      </c>
      <c r="BQ32" s="190">
        <v>0</v>
      </c>
      <c r="BR32" s="191">
        <v>0</v>
      </c>
      <c r="BS32" s="196">
        <v>0</v>
      </c>
      <c r="BT32" s="193">
        <v>0</v>
      </c>
      <c r="BU32" s="191">
        <v>0</v>
      </c>
      <c r="BV32" s="191">
        <v>0</v>
      </c>
      <c r="BW32" s="191">
        <v>0</v>
      </c>
      <c r="BX32" s="191">
        <v>12</v>
      </c>
      <c r="BY32" s="191">
        <v>0</v>
      </c>
      <c r="BZ32" s="196">
        <v>12</v>
      </c>
      <c r="CA32" s="195">
        <v>12</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6">
        <v>0</v>
      </c>
      <c r="E33" s="207">
        <v>0</v>
      </c>
      <c r="F33" s="193">
        <v>0</v>
      </c>
      <c r="G33" s="191">
        <v>4</v>
      </c>
      <c r="H33" s="191">
        <v>0</v>
      </c>
      <c r="I33" s="191">
        <v>0</v>
      </c>
      <c r="J33" s="191">
        <v>0</v>
      </c>
      <c r="K33" s="191">
        <v>60</v>
      </c>
      <c r="L33" s="194">
        <v>64</v>
      </c>
      <c r="M33" s="195">
        <v>64</v>
      </c>
      <c r="N33" s="190">
        <v>0</v>
      </c>
      <c r="O33" s="191">
        <v>0</v>
      </c>
      <c r="P33" s="196">
        <v>0</v>
      </c>
      <c r="Q33" s="193">
        <v>0</v>
      </c>
      <c r="R33" s="191">
        <v>0</v>
      </c>
      <c r="S33" s="191">
        <v>0</v>
      </c>
      <c r="T33" s="191">
        <v>0</v>
      </c>
      <c r="U33" s="191">
        <v>0</v>
      </c>
      <c r="V33" s="191">
        <v>14</v>
      </c>
      <c r="W33" s="196">
        <v>14</v>
      </c>
      <c r="X33" s="195">
        <v>14</v>
      </c>
      <c r="Y33" s="190">
        <v>0</v>
      </c>
      <c r="Z33" s="191">
        <v>0</v>
      </c>
      <c r="AA33" s="196">
        <v>0</v>
      </c>
      <c r="AB33" s="193">
        <v>0</v>
      </c>
      <c r="AC33" s="191">
        <v>37</v>
      </c>
      <c r="AD33" s="191">
        <v>0</v>
      </c>
      <c r="AE33" s="191">
        <v>21</v>
      </c>
      <c r="AF33" s="191">
        <v>0</v>
      </c>
      <c r="AG33" s="191">
        <v>45</v>
      </c>
      <c r="AH33" s="196">
        <v>103</v>
      </c>
      <c r="AI33" s="195">
        <v>103</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12</v>
      </c>
      <c r="AZ33" s="191">
        <v>18</v>
      </c>
      <c r="BA33" s="191">
        <v>29</v>
      </c>
      <c r="BB33" s="191">
        <v>0</v>
      </c>
      <c r="BC33" s="191">
        <v>0</v>
      </c>
      <c r="BD33" s="194">
        <v>59</v>
      </c>
      <c r="BE33" s="195">
        <v>59</v>
      </c>
      <c r="BF33" s="190">
        <v>0</v>
      </c>
      <c r="BG33" s="191">
        <v>0</v>
      </c>
      <c r="BH33" s="196">
        <v>0</v>
      </c>
      <c r="BI33" s="193">
        <v>0</v>
      </c>
      <c r="BJ33" s="191">
        <v>11</v>
      </c>
      <c r="BK33" s="191">
        <v>0</v>
      </c>
      <c r="BL33" s="191">
        <v>21</v>
      </c>
      <c r="BM33" s="191">
        <v>0</v>
      </c>
      <c r="BN33" s="191">
        <v>0</v>
      </c>
      <c r="BO33" s="196">
        <v>32</v>
      </c>
      <c r="BP33" s="195">
        <v>32</v>
      </c>
      <c r="BQ33" s="190">
        <v>0</v>
      </c>
      <c r="BR33" s="191">
        <v>0</v>
      </c>
      <c r="BS33" s="196">
        <v>0</v>
      </c>
      <c r="BT33" s="193">
        <v>0</v>
      </c>
      <c r="BU33" s="191">
        <v>0</v>
      </c>
      <c r="BV33" s="191">
        <v>0</v>
      </c>
      <c r="BW33" s="191">
        <v>0</v>
      </c>
      <c r="BX33" s="191">
        <v>0</v>
      </c>
      <c r="BY33" s="191">
        <v>8</v>
      </c>
      <c r="BZ33" s="196">
        <v>8</v>
      </c>
      <c r="CA33" s="195">
        <v>8</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6">
        <v>0</v>
      </c>
      <c r="E34" s="207">
        <v>0</v>
      </c>
      <c r="F34" s="193">
        <v>0</v>
      </c>
      <c r="G34" s="191">
        <v>9</v>
      </c>
      <c r="H34" s="191">
        <v>21</v>
      </c>
      <c r="I34" s="191">
        <v>4</v>
      </c>
      <c r="J34" s="191">
        <v>0</v>
      </c>
      <c r="K34" s="191">
        <v>0</v>
      </c>
      <c r="L34" s="194">
        <v>34</v>
      </c>
      <c r="M34" s="195">
        <v>34</v>
      </c>
      <c r="N34" s="190">
        <v>0</v>
      </c>
      <c r="O34" s="191">
        <v>0</v>
      </c>
      <c r="P34" s="196">
        <v>0</v>
      </c>
      <c r="Q34" s="193">
        <v>0</v>
      </c>
      <c r="R34" s="191">
        <v>0</v>
      </c>
      <c r="S34" s="191">
        <v>0</v>
      </c>
      <c r="T34" s="191">
        <v>0</v>
      </c>
      <c r="U34" s="191">
        <v>0</v>
      </c>
      <c r="V34" s="191">
        <v>0</v>
      </c>
      <c r="W34" s="196">
        <v>0</v>
      </c>
      <c r="X34" s="195">
        <v>0</v>
      </c>
      <c r="Y34" s="190">
        <v>0</v>
      </c>
      <c r="Z34" s="191">
        <v>12</v>
      </c>
      <c r="AA34" s="196">
        <v>12</v>
      </c>
      <c r="AB34" s="193">
        <v>0</v>
      </c>
      <c r="AC34" s="191">
        <v>31</v>
      </c>
      <c r="AD34" s="191">
        <v>0</v>
      </c>
      <c r="AE34" s="191">
        <v>9</v>
      </c>
      <c r="AF34" s="191">
        <v>0</v>
      </c>
      <c r="AG34" s="191">
        <v>16</v>
      </c>
      <c r="AH34" s="196">
        <v>56</v>
      </c>
      <c r="AI34" s="195">
        <v>68</v>
      </c>
      <c r="AJ34" s="190">
        <v>0</v>
      </c>
      <c r="AK34" s="191">
        <v>0</v>
      </c>
      <c r="AL34" s="196">
        <v>0</v>
      </c>
      <c r="AM34" s="193">
        <v>0</v>
      </c>
      <c r="AN34" s="191">
        <v>0</v>
      </c>
      <c r="AO34" s="191">
        <v>12</v>
      </c>
      <c r="AP34" s="191">
        <v>0</v>
      </c>
      <c r="AQ34" s="191">
        <v>15</v>
      </c>
      <c r="AR34" s="191">
        <v>0</v>
      </c>
      <c r="AS34" s="196">
        <v>27</v>
      </c>
      <c r="AT34" s="195">
        <v>27</v>
      </c>
      <c r="AU34" s="190">
        <v>0</v>
      </c>
      <c r="AV34" s="191">
        <v>0</v>
      </c>
      <c r="AW34" s="196">
        <v>0</v>
      </c>
      <c r="AX34" s="193">
        <v>0</v>
      </c>
      <c r="AY34" s="191">
        <v>16</v>
      </c>
      <c r="AZ34" s="191">
        <v>56</v>
      </c>
      <c r="BA34" s="191">
        <v>17</v>
      </c>
      <c r="BB34" s="191">
        <v>16</v>
      </c>
      <c r="BC34" s="191">
        <v>4</v>
      </c>
      <c r="BD34" s="194">
        <v>109</v>
      </c>
      <c r="BE34" s="195">
        <v>109</v>
      </c>
      <c r="BF34" s="190">
        <v>0</v>
      </c>
      <c r="BG34" s="191">
        <v>0</v>
      </c>
      <c r="BH34" s="196">
        <v>0</v>
      </c>
      <c r="BI34" s="193">
        <v>0</v>
      </c>
      <c r="BJ34" s="191">
        <v>0</v>
      </c>
      <c r="BK34" s="191">
        <v>11</v>
      </c>
      <c r="BL34" s="191">
        <v>0</v>
      </c>
      <c r="BM34" s="191">
        <v>13</v>
      </c>
      <c r="BN34" s="191">
        <v>4</v>
      </c>
      <c r="BO34" s="196">
        <v>28</v>
      </c>
      <c r="BP34" s="195">
        <v>28</v>
      </c>
      <c r="BQ34" s="190">
        <v>0</v>
      </c>
      <c r="BR34" s="191">
        <v>0</v>
      </c>
      <c r="BS34" s="196">
        <v>0</v>
      </c>
      <c r="BT34" s="193">
        <v>0</v>
      </c>
      <c r="BU34" s="191">
        <v>0</v>
      </c>
      <c r="BV34" s="191">
        <v>3</v>
      </c>
      <c r="BW34" s="191">
        <v>0</v>
      </c>
      <c r="BX34" s="191">
        <v>9</v>
      </c>
      <c r="BY34" s="191">
        <v>2</v>
      </c>
      <c r="BZ34" s="196">
        <v>14</v>
      </c>
      <c r="CA34" s="195">
        <v>14</v>
      </c>
      <c r="CB34" s="190">
        <v>0</v>
      </c>
      <c r="CC34" s="191">
        <v>0</v>
      </c>
      <c r="CD34" s="196">
        <v>0</v>
      </c>
      <c r="CE34" s="193">
        <v>0</v>
      </c>
      <c r="CF34" s="191">
        <v>0</v>
      </c>
      <c r="CG34" s="191">
        <v>0</v>
      </c>
      <c r="CH34" s="191">
        <v>0</v>
      </c>
      <c r="CI34" s="191">
        <v>0</v>
      </c>
      <c r="CJ34" s="191">
        <v>3</v>
      </c>
      <c r="CK34" s="196">
        <v>3</v>
      </c>
      <c r="CL34" s="195">
        <v>3</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6">
        <v>0</v>
      </c>
      <c r="E35" s="207">
        <v>0</v>
      </c>
      <c r="F35" s="193">
        <v>0</v>
      </c>
      <c r="G35" s="191">
        <v>30</v>
      </c>
      <c r="H35" s="191">
        <v>8</v>
      </c>
      <c r="I35" s="191">
        <v>0</v>
      </c>
      <c r="J35" s="191">
        <v>0</v>
      </c>
      <c r="K35" s="191">
        <v>94</v>
      </c>
      <c r="L35" s="194">
        <v>132</v>
      </c>
      <c r="M35" s="195">
        <v>132</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5</v>
      </c>
      <c r="AD35" s="191">
        <v>26</v>
      </c>
      <c r="AE35" s="191">
        <v>0</v>
      </c>
      <c r="AF35" s="191">
        <v>0</v>
      </c>
      <c r="AG35" s="191">
        <v>0</v>
      </c>
      <c r="AH35" s="196">
        <v>31</v>
      </c>
      <c r="AI35" s="195">
        <v>31</v>
      </c>
      <c r="AJ35" s="190">
        <v>0</v>
      </c>
      <c r="AK35" s="191">
        <v>9</v>
      </c>
      <c r="AL35" s="196">
        <v>9</v>
      </c>
      <c r="AM35" s="193">
        <v>0</v>
      </c>
      <c r="AN35" s="191">
        <v>24</v>
      </c>
      <c r="AO35" s="191">
        <v>27</v>
      </c>
      <c r="AP35" s="191">
        <v>0</v>
      </c>
      <c r="AQ35" s="191">
        <v>24</v>
      </c>
      <c r="AR35" s="191">
        <v>0</v>
      </c>
      <c r="AS35" s="196">
        <v>75</v>
      </c>
      <c r="AT35" s="195">
        <v>84</v>
      </c>
      <c r="AU35" s="190">
        <v>0</v>
      </c>
      <c r="AV35" s="191">
        <v>0</v>
      </c>
      <c r="AW35" s="196">
        <v>0</v>
      </c>
      <c r="AX35" s="193">
        <v>0</v>
      </c>
      <c r="AY35" s="191">
        <v>17</v>
      </c>
      <c r="AZ35" s="191">
        <v>0</v>
      </c>
      <c r="BA35" s="191">
        <v>0</v>
      </c>
      <c r="BB35" s="191">
        <v>0</v>
      </c>
      <c r="BC35" s="191">
        <v>13</v>
      </c>
      <c r="BD35" s="194">
        <v>30</v>
      </c>
      <c r="BE35" s="195">
        <v>30</v>
      </c>
      <c r="BF35" s="190">
        <v>0</v>
      </c>
      <c r="BG35" s="191">
        <v>0</v>
      </c>
      <c r="BH35" s="196">
        <v>0</v>
      </c>
      <c r="BI35" s="193">
        <v>0</v>
      </c>
      <c r="BJ35" s="191">
        <v>3</v>
      </c>
      <c r="BK35" s="191">
        <v>0</v>
      </c>
      <c r="BL35" s="191">
        <v>4</v>
      </c>
      <c r="BM35" s="191">
        <v>0</v>
      </c>
      <c r="BN35" s="191">
        <v>0</v>
      </c>
      <c r="BO35" s="196">
        <v>7</v>
      </c>
      <c r="BP35" s="195">
        <v>7</v>
      </c>
      <c r="BQ35" s="190">
        <v>0</v>
      </c>
      <c r="BR35" s="191">
        <v>0</v>
      </c>
      <c r="BS35" s="196">
        <v>0</v>
      </c>
      <c r="BT35" s="193">
        <v>0</v>
      </c>
      <c r="BU35" s="191">
        <v>6</v>
      </c>
      <c r="BV35" s="191">
        <v>0</v>
      </c>
      <c r="BW35" s="191">
        <v>0</v>
      </c>
      <c r="BX35" s="191">
        <v>0</v>
      </c>
      <c r="BY35" s="191">
        <v>0</v>
      </c>
      <c r="BZ35" s="196">
        <v>6</v>
      </c>
      <c r="CA35" s="195">
        <v>6</v>
      </c>
      <c r="CB35" s="190">
        <v>0</v>
      </c>
      <c r="CC35" s="191">
        <v>0</v>
      </c>
      <c r="CD35" s="196">
        <v>0</v>
      </c>
      <c r="CE35" s="193">
        <v>0</v>
      </c>
      <c r="CF35" s="191">
        <v>4</v>
      </c>
      <c r="CG35" s="191">
        <v>0</v>
      </c>
      <c r="CH35" s="191">
        <v>0</v>
      </c>
      <c r="CI35" s="191">
        <v>0</v>
      </c>
      <c r="CJ35" s="191">
        <v>0</v>
      </c>
      <c r="CK35" s="196">
        <v>4</v>
      </c>
      <c r="CL35" s="195">
        <v>4</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6">
        <v>0</v>
      </c>
      <c r="E36" s="207">
        <v>0</v>
      </c>
      <c r="F36" s="193">
        <v>0</v>
      </c>
      <c r="G36" s="191">
        <v>13</v>
      </c>
      <c r="H36" s="191">
        <v>0</v>
      </c>
      <c r="I36" s="191">
        <v>0</v>
      </c>
      <c r="J36" s="191">
        <v>0</v>
      </c>
      <c r="K36" s="191">
        <v>0</v>
      </c>
      <c r="L36" s="194">
        <v>13</v>
      </c>
      <c r="M36" s="195">
        <v>13</v>
      </c>
      <c r="N36" s="190">
        <v>0</v>
      </c>
      <c r="O36" s="191">
        <v>0</v>
      </c>
      <c r="P36" s="196">
        <v>0</v>
      </c>
      <c r="Q36" s="193">
        <v>0</v>
      </c>
      <c r="R36" s="191">
        <v>0</v>
      </c>
      <c r="S36" s="191">
        <v>0</v>
      </c>
      <c r="T36" s="191">
        <v>0</v>
      </c>
      <c r="U36" s="191">
        <v>0</v>
      </c>
      <c r="V36" s="191">
        <v>0</v>
      </c>
      <c r="W36" s="196">
        <v>0</v>
      </c>
      <c r="X36" s="195">
        <v>0</v>
      </c>
      <c r="Y36" s="190">
        <v>0</v>
      </c>
      <c r="Z36" s="191">
        <v>17</v>
      </c>
      <c r="AA36" s="196">
        <v>17</v>
      </c>
      <c r="AB36" s="193">
        <v>0</v>
      </c>
      <c r="AC36" s="191">
        <v>6</v>
      </c>
      <c r="AD36" s="191">
        <v>0</v>
      </c>
      <c r="AE36" s="191">
        <v>0</v>
      </c>
      <c r="AF36" s="191">
        <v>0</v>
      </c>
      <c r="AG36" s="191">
        <v>0</v>
      </c>
      <c r="AH36" s="196">
        <v>6</v>
      </c>
      <c r="AI36" s="195">
        <v>23</v>
      </c>
      <c r="AJ36" s="190">
        <v>0</v>
      </c>
      <c r="AK36" s="191">
        <v>0</v>
      </c>
      <c r="AL36" s="196">
        <v>0</v>
      </c>
      <c r="AM36" s="193">
        <v>0</v>
      </c>
      <c r="AN36" s="191">
        <v>0</v>
      </c>
      <c r="AO36" s="191">
        <v>22</v>
      </c>
      <c r="AP36" s="191">
        <v>0</v>
      </c>
      <c r="AQ36" s="191">
        <v>0</v>
      </c>
      <c r="AR36" s="191">
        <v>0</v>
      </c>
      <c r="AS36" s="196">
        <v>22</v>
      </c>
      <c r="AT36" s="195">
        <v>22</v>
      </c>
      <c r="AU36" s="190">
        <v>0</v>
      </c>
      <c r="AV36" s="191">
        <v>0</v>
      </c>
      <c r="AW36" s="196">
        <v>0</v>
      </c>
      <c r="AX36" s="193">
        <v>0</v>
      </c>
      <c r="AY36" s="191">
        <v>0</v>
      </c>
      <c r="AZ36" s="191">
        <v>3</v>
      </c>
      <c r="BA36" s="191">
        <v>24</v>
      </c>
      <c r="BB36" s="191">
        <v>0</v>
      </c>
      <c r="BC36" s="191">
        <v>0</v>
      </c>
      <c r="BD36" s="194">
        <v>27</v>
      </c>
      <c r="BE36" s="195">
        <v>27</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2</v>
      </c>
      <c r="BX36" s="191">
        <v>0</v>
      </c>
      <c r="BY36" s="191">
        <v>0</v>
      </c>
      <c r="BZ36" s="196">
        <v>2</v>
      </c>
      <c r="CA36" s="195">
        <v>2</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6">
        <v>0</v>
      </c>
      <c r="E37" s="207">
        <v>0</v>
      </c>
      <c r="F37" s="193">
        <v>0</v>
      </c>
      <c r="G37" s="191">
        <v>23</v>
      </c>
      <c r="H37" s="191">
        <v>86</v>
      </c>
      <c r="I37" s="191">
        <v>13</v>
      </c>
      <c r="J37" s="191">
        <v>0</v>
      </c>
      <c r="K37" s="191">
        <v>0</v>
      </c>
      <c r="L37" s="194">
        <v>122</v>
      </c>
      <c r="M37" s="195">
        <v>122</v>
      </c>
      <c r="N37" s="190">
        <v>0</v>
      </c>
      <c r="O37" s="191">
        <v>0</v>
      </c>
      <c r="P37" s="196">
        <v>0</v>
      </c>
      <c r="Q37" s="193">
        <v>0</v>
      </c>
      <c r="R37" s="191">
        <v>0</v>
      </c>
      <c r="S37" s="191">
        <v>0</v>
      </c>
      <c r="T37" s="191">
        <v>0</v>
      </c>
      <c r="U37" s="191">
        <v>0</v>
      </c>
      <c r="V37" s="191">
        <v>0</v>
      </c>
      <c r="W37" s="196">
        <v>0</v>
      </c>
      <c r="X37" s="195">
        <v>0</v>
      </c>
      <c r="Y37" s="190">
        <v>15</v>
      </c>
      <c r="Z37" s="191">
        <v>8</v>
      </c>
      <c r="AA37" s="196">
        <v>23</v>
      </c>
      <c r="AB37" s="193">
        <v>0</v>
      </c>
      <c r="AC37" s="191">
        <v>16</v>
      </c>
      <c r="AD37" s="191">
        <v>29</v>
      </c>
      <c r="AE37" s="191">
        <v>54</v>
      </c>
      <c r="AF37" s="191">
        <v>0</v>
      </c>
      <c r="AG37" s="191">
        <v>4</v>
      </c>
      <c r="AH37" s="196">
        <v>103</v>
      </c>
      <c r="AI37" s="195">
        <v>126</v>
      </c>
      <c r="AJ37" s="190">
        <v>8</v>
      </c>
      <c r="AK37" s="191">
        <v>8</v>
      </c>
      <c r="AL37" s="196">
        <v>16</v>
      </c>
      <c r="AM37" s="193">
        <v>0</v>
      </c>
      <c r="AN37" s="191">
        <v>12</v>
      </c>
      <c r="AO37" s="191">
        <v>0</v>
      </c>
      <c r="AP37" s="191">
        <v>0</v>
      </c>
      <c r="AQ37" s="191">
        <v>0</v>
      </c>
      <c r="AR37" s="191">
        <v>0</v>
      </c>
      <c r="AS37" s="196">
        <v>12</v>
      </c>
      <c r="AT37" s="195">
        <v>28</v>
      </c>
      <c r="AU37" s="190">
        <v>0</v>
      </c>
      <c r="AV37" s="191">
        <v>0</v>
      </c>
      <c r="AW37" s="196">
        <v>0</v>
      </c>
      <c r="AX37" s="193">
        <v>0</v>
      </c>
      <c r="AY37" s="191">
        <v>24</v>
      </c>
      <c r="AZ37" s="191">
        <v>17</v>
      </c>
      <c r="BA37" s="191">
        <v>2</v>
      </c>
      <c r="BB37" s="191">
        <v>0</v>
      </c>
      <c r="BC37" s="191">
        <v>4</v>
      </c>
      <c r="BD37" s="194">
        <v>47</v>
      </c>
      <c r="BE37" s="195">
        <v>47</v>
      </c>
      <c r="BF37" s="190">
        <v>0</v>
      </c>
      <c r="BG37" s="191">
        <v>0</v>
      </c>
      <c r="BH37" s="196">
        <v>0</v>
      </c>
      <c r="BI37" s="193">
        <v>0</v>
      </c>
      <c r="BJ37" s="191">
        <v>20</v>
      </c>
      <c r="BK37" s="191">
        <v>12</v>
      </c>
      <c r="BL37" s="191">
        <v>16</v>
      </c>
      <c r="BM37" s="191">
        <v>0</v>
      </c>
      <c r="BN37" s="191">
        <v>0</v>
      </c>
      <c r="BO37" s="196">
        <v>48</v>
      </c>
      <c r="BP37" s="195">
        <v>48</v>
      </c>
      <c r="BQ37" s="190">
        <v>0</v>
      </c>
      <c r="BR37" s="191">
        <v>0</v>
      </c>
      <c r="BS37" s="196">
        <v>0</v>
      </c>
      <c r="BT37" s="193">
        <v>0</v>
      </c>
      <c r="BU37" s="191">
        <v>2</v>
      </c>
      <c r="BV37" s="191">
        <v>0</v>
      </c>
      <c r="BW37" s="191">
        <v>0</v>
      </c>
      <c r="BX37" s="191">
        <v>0</v>
      </c>
      <c r="BY37" s="191">
        <v>22</v>
      </c>
      <c r="BZ37" s="196">
        <v>24</v>
      </c>
      <c r="CA37" s="195">
        <v>24</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6">
        <v>0</v>
      </c>
      <c r="E38" s="207">
        <v>0</v>
      </c>
      <c r="F38" s="193">
        <v>0</v>
      </c>
      <c r="G38" s="191">
        <v>20</v>
      </c>
      <c r="H38" s="191">
        <v>143</v>
      </c>
      <c r="I38" s="191">
        <v>8</v>
      </c>
      <c r="J38" s="191">
        <v>0</v>
      </c>
      <c r="K38" s="191">
        <v>0</v>
      </c>
      <c r="L38" s="194">
        <v>171</v>
      </c>
      <c r="M38" s="195">
        <v>171</v>
      </c>
      <c r="N38" s="190">
        <v>0</v>
      </c>
      <c r="O38" s="191">
        <v>0</v>
      </c>
      <c r="P38" s="196">
        <v>0</v>
      </c>
      <c r="Q38" s="193">
        <v>0</v>
      </c>
      <c r="R38" s="191">
        <v>1</v>
      </c>
      <c r="S38" s="191">
        <v>0</v>
      </c>
      <c r="T38" s="191">
        <v>0</v>
      </c>
      <c r="U38" s="191">
        <v>0</v>
      </c>
      <c r="V38" s="191">
        <v>0</v>
      </c>
      <c r="W38" s="196">
        <v>1</v>
      </c>
      <c r="X38" s="195">
        <v>1</v>
      </c>
      <c r="Y38" s="190">
        <v>4</v>
      </c>
      <c r="Z38" s="191">
        <v>10</v>
      </c>
      <c r="AA38" s="196">
        <v>14</v>
      </c>
      <c r="AB38" s="193">
        <v>0</v>
      </c>
      <c r="AC38" s="191">
        <v>6</v>
      </c>
      <c r="AD38" s="191">
        <v>8</v>
      </c>
      <c r="AE38" s="191">
        <v>2</v>
      </c>
      <c r="AF38" s="191">
        <v>1</v>
      </c>
      <c r="AG38" s="191">
        <v>0</v>
      </c>
      <c r="AH38" s="196">
        <v>17</v>
      </c>
      <c r="AI38" s="195">
        <v>31</v>
      </c>
      <c r="AJ38" s="190">
        <v>0</v>
      </c>
      <c r="AK38" s="191">
        <v>0</v>
      </c>
      <c r="AL38" s="196">
        <v>0</v>
      </c>
      <c r="AM38" s="193">
        <v>0</v>
      </c>
      <c r="AN38" s="191">
        <v>16</v>
      </c>
      <c r="AO38" s="191">
        <v>2</v>
      </c>
      <c r="AP38" s="191">
        <v>0</v>
      </c>
      <c r="AQ38" s="191">
        <v>0</v>
      </c>
      <c r="AR38" s="191">
        <v>0</v>
      </c>
      <c r="AS38" s="196">
        <v>18</v>
      </c>
      <c r="AT38" s="195">
        <v>18</v>
      </c>
      <c r="AU38" s="190">
        <v>0</v>
      </c>
      <c r="AV38" s="191">
        <v>0</v>
      </c>
      <c r="AW38" s="196">
        <v>0</v>
      </c>
      <c r="AX38" s="193">
        <v>0</v>
      </c>
      <c r="AY38" s="191">
        <v>0</v>
      </c>
      <c r="AZ38" s="191">
        <v>36</v>
      </c>
      <c r="BA38" s="191">
        <v>0</v>
      </c>
      <c r="BB38" s="191">
        <v>25</v>
      </c>
      <c r="BC38" s="191">
        <v>0</v>
      </c>
      <c r="BD38" s="194">
        <v>61</v>
      </c>
      <c r="BE38" s="195">
        <v>61</v>
      </c>
      <c r="BF38" s="190">
        <v>0</v>
      </c>
      <c r="BG38" s="191">
        <v>0</v>
      </c>
      <c r="BH38" s="196">
        <v>0</v>
      </c>
      <c r="BI38" s="193">
        <v>0</v>
      </c>
      <c r="BJ38" s="191">
        <v>0</v>
      </c>
      <c r="BK38" s="191">
        <v>0</v>
      </c>
      <c r="BL38" s="191">
        <v>0</v>
      </c>
      <c r="BM38" s="191">
        <v>0</v>
      </c>
      <c r="BN38" s="191">
        <v>0</v>
      </c>
      <c r="BO38" s="196">
        <v>0</v>
      </c>
      <c r="BP38" s="195">
        <v>0</v>
      </c>
      <c r="BQ38" s="190">
        <v>0</v>
      </c>
      <c r="BR38" s="191">
        <v>0</v>
      </c>
      <c r="BS38" s="196">
        <v>0</v>
      </c>
      <c r="BT38" s="193">
        <v>0</v>
      </c>
      <c r="BU38" s="191">
        <v>23</v>
      </c>
      <c r="BV38" s="191">
        <v>21</v>
      </c>
      <c r="BW38" s="191">
        <v>0</v>
      </c>
      <c r="BX38" s="191">
        <v>8</v>
      </c>
      <c r="BY38" s="191">
        <v>0</v>
      </c>
      <c r="BZ38" s="196">
        <v>52</v>
      </c>
      <c r="CA38" s="195">
        <v>52</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203">
        <v>0</v>
      </c>
      <c r="E39" s="208">
        <v>0</v>
      </c>
      <c r="F39" s="200">
        <v>0</v>
      </c>
      <c r="G39" s="198">
        <v>0</v>
      </c>
      <c r="H39" s="198">
        <v>0</v>
      </c>
      <c r="I39" s="198">
        <v>0</v>
      </c>
      <c r="J39" s="198">
        <v>0</v>
      </c>
      <c r="K39" s="198">
        <v>23</v>
      </c>
      <c r="L39" s="201">
        <v>23</v>
      </c>
      <c r="M39" s="202">
        <v>23</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24</v>
      </c>
      <c r="AG39" s="198">
        <v>4</v>
      </c>
      <c r="AH39" s="203">
        <v>28</v>
      </c>
      <c r="AI39" s="202">
        <v>28</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4</v>
      </c>
      <c r="BC39" s="198">
        <v>0</v>
      </c>
      <c r="BD39" s="201">
        <v>4</v>
      </c>
      <c r="BE39" s="202">
        <v>4</v>
      </c>
      <c r="BF39" s="197">
        <v>0</v>
      </c>
      <c r="BG39" s="198">
        <v>0</v>
      </c>
      <c r="BH39" s="203">
        <v>0</v>
      </c>
      <c r="BI39" s="200">
        <v>0</v>
      </c>
      <c r="BJ39" s="198">
        <v>0</v>
      </c>
      <c r="BK39" s="198">
        <v>0</v>
      </c>
      <c r="BL39" s="198">
        <v>0</v>
      </c>
      <c r="BM39" s="198">
        <v>0</v>
      </c>
      <c r="BN39" s="198">
        <v>0</v>
      </c>
      <c r="BO39" s="203">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4</v>
      </c>
      <c r="CK39" s="203">
        <v>4</v>
      </c>
      <c r="CL39" s="202">
        <v>4</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77734375" style="70" customWidth="1"/>
    <col min="6" max="6" width="9.109375" style="70" customWidth="1"/>
    <col min="7" max="7" width="9.44140625" style="70" customWidth="1"/>
    <col min="8" max="26" width="7.77734375" style="70" customWidth="1"/>
    <col min="27" max="35" width="7.77734375" style="71" customWidth="1"/>
    <col min="36" max="16384" width="9" style="71"/>
  </cols>
  <sheetData>
    <row r="1" spans="2:35" ht="24" customHeight="1" x14ac:dyDescent="0.2">
      <c r="B1" s="10" t="s">
        <v>126</v>
      </c>
      <c r="F1" s="12"/>
      <c r="H1" s="441">
        <f>第１表!F2</f>
        <v>6</v>
      </c>
      <c r="I1" s="441"/>
      <c r="J1" s="18">
        <f>第１表!G2</f>
        <v>6</v>
      </c>
      <c r="K1" s="445">
        <f>IF(J1&lt;3,J1-2+12,J1-2)</f>
        <v>4</v>
      </c>
      <c r="L1" s="445"/>
    </row>
    <row r="2" spans="2:35" ht="24" customHeight="1" thickBot="1" x14ac:dyDescent="0.25">
      <c r="J2" s="209"/>
      <c r="K2" s="209"/>
      <c r="L2" s="209"/>
      <c r="M2" s="209"/>
      <c r="N2" s="209"/>
      <c r="O2" s="209"/>
      <c r="P2" s="210"/>
      <c r="Q2" s="210"/>
      <c r="R2" s="210"/>
    </row>
    <row r="3" spans="2:35" ht="21" customHeight="1" thickBot="1" x14ac:dyDescent="0.25">
      <c r="B3" s="119"/>
      <c r="C3" s="442" t="s">
        <v>53</v>
      </c>
      <c r="D3" s="443"/>
      <c r="E3" s="443"/>
      <c r="F3" s="443"/>
      <c r="G3" s="443"/>
      <c r="H3" s="443"/>
      <c r="I3" s="443"/>
      <c r="J3" s="443"/>
      <c r="K3" s="443"/>
      <c r="L3" s="443"/>
      <c r="M3" s="444"/>
      <c r="N3" s="442" t="s">
        <v>54</v>
      </c>
      <c r="O3" s="443"/>
      <c r="P3" s="443"/>
      <c r="Q3" s="443"/>
      <c r="R3" s="443"/>
      <c r="S3" s="443"/>
      <c r="T3" s="443"/>
      <c r="U3" s="443"/>
      <c r="V3" s="443"/>
      <c r="W3" s="443"/>
      <c r="X3" s="444"/>
      <c r="Y3" s="442" t="s">
        <v>55</v>
      </c>
      <c r="Z3" s="443"/>
      <c r="AA3" s="443"/>
      <c r="AB3" s="443"/>
      <c r="AC3" s="443"/>
      <c r="AD3" s="443"/>
      <c r="AE3" s="443"/>
      <c r="AF3" s="443"/>
      <c r="AG3" s="443"/>
      <c r="AH3" s="443"/>
      <c r="AI3" s="444"/>
    </row>
    <row r="4" spans="2:35"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211">
        <v>160</v>
      </c>
      <c r="D5" s="212">
        <v>304</v>
      </c>
      <c r="E5" s="213">
        <v>464</v>
      </c>
      <c r="F5" s="214">
        <v>0</v>
      </c>
      <c r="G5" s="212">
        <v>18658</v>
      </c>
      <c r="H5" s="212">
        <v>19140</v>
      </c>
      <c r="I5" s="212">
        <v>12578</v>
      </c>
      <c r="J5" s="212">
        <v>7876</v>
      </c>
      <c r="K5" s="212">
        <v>4779</v>
      </c>
      <c r="L5" s="213">
        <v>63031</v>
      </c>
      <c r="M5" s="215">
        <v>63495</v>
      </c>
      <c r="N5" s="216">
        <v>1</v>
      </c>
      <c r="O5" s="212">
        <v>1</v>
      </c>
      <c r="P5" s="213">
        <v>2</v>
      </c>
      <c r="Q5" s="214">
        <v>0</v>
      </c>
      <c r="R5" s="212">
        <v>211</v>
      </c>
      <c r="S5" s="212">
        <v>374</v>
      </c>
      <c r="T5" s="212">
        <v>218</v>
      </c>
      <c r="U5" s="212">
        <v>161</v>
      </c>
      <c r="V5" s="212">
        <v>154</v>
      </c>
      <c r="W5" s="213">
        <v>1118</v>
      </c>
      <c r="X5" s="215">
        <v>1120</v>
      </c>
      <c r="Y5" s="216">
        <v>161</v>
      </c>
      <c r="Z5" s="212">
        <v>305</v>
      </c>
      <c r="AA5" s="213">
        <v>466</v>
      </c>
      <c r="AB5" s="214">
        <v>0</v>
      </c>
      <c r="AC5" s="212">
        <v>18869</v>
      </c>
      <c r="AD5" s="212">
        <v>19514</v>
      </c>
      <c r="AE5" s="212">
        <v>12796</v>
      </c>
      <c r="AF5" s="212">
        <v>8037</v>
      </c>
      <c r="AG5" s="212">
        <v>4933</v>
      </c>
      <c r="AH5" s="213">
        <v>64149</v>
      </c>
      <c r="AI5" s="215">
        <v>64615</v>
      </c>
    </row>
    <row r="6" spans="2:35" ht="21" customHeight="1" x14ac:dyDescent="0.2">
      <c r="B6" s="95" t="s">
        <v>5</v>
      </c>
      <c r="C6" s="217">
        <v>64</v>
      </c>
      <c r="D6" s="218">
        <v>118</v>
      </c>
      <c r="E6" s="219">
        <v>182</v>
      </c>
      <c r="F6" s="220">
        <v>0</v>
      </c>
      <c r="G6" s="218">
        <v>6999</v>
      </c>
      <c r="H6" s="218">
        <v>9189</v>
      </c>
      <c r="I6" s="218">
        <v>5594</v>
      </c>
      <c r="J6" s="218">
        <v>3549</v>
      </c>
      <c r="K6" s="218">
        <v>2252</v>
      </c>
      <c r="L6" s="219">
        <v>27583</v>
      </c>
      <c r="M6" s="221">
        <v>27765</v>
      </c>
      <c r="N6" s="222">
        <v>0</v>
      </c>
      <c r="O6" s="218">
        <v>0</v>
      </c>
      <c r="P6" s="219">
        <v>0</v>
      </c>
      <c r="Q6" s="220">
        <v>0</v>
      </c>
      <c r="R6" s="218">
        <v>71</v>
      </c>
      <c r="S6" s="218">
        <v>187</v>
      </c>
      <c r="T6" s="218">
        <v>110</v>
      </c>
      <c r="U6" s="218">
        <v>84</v>
      </c>
      <c r="V6" s="218">
        <v>83</v>
      </c>
      <c r="W6" s="219">
        <v>535</v>
      </c>
      <c r="X6" s="221">
        <v>535</v>
      </c>
      <c r="Y6" s="222">
        <v>64</v>
      </c>
      <c r="Z6" s="218">
        <v>118</v>
      </c>
      <c r="AA6" s="219">
        <v>182</v>
      </c>
      <c r="AB6" s="220">
        <v>0</v>
      </c>
      <c r="AC6" s="218">
        <v>7070</v>
      </c>
      <c r="AD6" s="218">
        <v>9376</v>
      </c>
      <c r="AE6" s="218">
        <v>5704</v>
      </c>
      <c r="AF6" s="218">
        <v>3633</v>
      </c>
      <c r="AG6" s="218">
        <v>2335</v>
      </c>
      <c r="AH6" s="219">
        <v>28118</v>
      </c>
      <c r="AI6" s="221">
        <v>28300</v>
      </c>
    </row>
    <row r="7" spans="2:35" ht="21" customHeight="1" x14ac:dyDescent="0.2">
      <c r="B7" s="106" t="s">
        <v>6</v>
      </c>
      <c r="C7" s="217">
        <v>22</v>
      </c>
      <c r="D7" s="218">
        <v>46</v>
      </c>
      <c r="E7" s="219">
        <v>68</v>
      </c>
      <c r="F7" s="220">
        <v>0</v>
      </c>
      <c r="G7" s="218">
        <v>2915</v>
      </c>
      <c r="H7" s="218">
        <v>2644</v>
      </c>
      <c r="I7" s="218">
        <v>1913</v>
      </c>
      <c r="J7" s="218">
        <v>1322</v>
      </c>
      <c r="K7" s="218">
        <v>879</v>
      </c>
      <c r="L7" s="219">
        <v>9673</v>
      </c>
      <c r="M7" s="221">
        <v>9741</v>
      </c>
      <c r="N7" s="222">
        <v>0</v>
      </c>
      <c r="O7" s="218">
        <v>0</v>
      </c>
      <c r="P7" s="219">
        <v>0</v>
      </c>
      <c r="Q7" s="220">
        <v>0</v>
      </c>
      <c r="R7" s="218">
        <v>22</v>
      </c>
      <c r="S7" s="218">
        <v>31</v>
      </c>
      <c r="T7" s="218">
        <v>27</v>
      </c>
      <c r="U7" s="218">
        <v>23</v>
      </c>
      <c r="V7" s="218">
        <v>26</v>
      </c>
      <c r="W7" s="219">
        <v>129</v>
      </c>
      <c r="X7" s="221">
        <v>129</v>
      </c>
      <c r="Y7" s="222">
        <v>22</v>
      </c>
      <c r="Z7" s="218">
        <v>46</v>
      </c>
      <c r="AA7" s="219">
        <v>68</v>
      </c>
      <c r="AB7" s="220">
        <v>0</v>
      </c>
      <c r="AC7" s="218">
        <v>2937</v>
      </c>
      <c r="AD7" s="218">
        <v>2675</v>
      </c>
      <c r="AE7" s="218">
        <v>1940</v>
      </c>
      <c r="AF7" s="218">
        <v>1345</v>
      </c>
      <c r="AG7" s="218">
        <v>905</v>
      </c>
      <c r="AH7" s="219">
        <v>9802</v>
      </c>
      <c r="AI7" s="221">
        <v>9870</v>
      </c>
    </row>
    <row r="8" spans="2:35" ht="21" customHeight="1" x14ac:dyDescent="0.2">
      <c r="B8" s="106" t="s">
        <v>14</v>
      </c>
      <c r="C8" s="217">
        <v>18</v>
      </c>
      <c r="D8" s="218">
        <v>28</v>
      </c>
      <c r="E8" s="219">
        <v>46</v>
      </c>
      <c r="F8" s="220">
        <v>0</v>
      </c>
      <c r="G8" s="218">
        <v>1435</v>
      </c>
      <c r="H8" s="218">
        <v>1637</v>
      </c>
      <c r="I8" s="218">
        <v>1132</v>
      </c>
      <c r="J8" s="218">
        <v>613</v>
      </c>
      <c r="K8" s="218">
        <v>323</v>
      </c>
      <c r="L8" s="219">
        <v>5140</v>
      </c>
      <c r="M8" s="221">
        <v>5186</v>
      </c>
      <c r="N8" s="222">
        <v>0</v>
      </c>
      <c r="O8" s="218">
        <v>0</v>
      </c>
      <c r="P8" s="219">
        <v>0</v>
      </c>
      <c r="Q8" s="220">
        <v>0</v>
      </c>
      <c r="R8" s="218">
        <v>14</v>
      </c>
      <c r="S8" s="218">
        <v>34</v>
      </c>
      <c r="T8" s="218">
        <v>17</v>
      </c>
      <c r="U8" s="218">
        <v>6</v>
      </c>
      <c r="V8" s="218">
        <v>7</v>
      </c>
      <c r="W8" s="219">
        <v>78</v>
      </c>
      <c r="X8" s="221">
        <v>78</v>
      </c>
      <c r="Y8" s="222">
        <v>18</v>
      </c>
      <c r="Z8" s="218">
        <v>28</v>
      </c>
      <c r="AA8" s="219">
        <v>46</v>
      </c>
      <c r="AB8" s="220">
        <v>0</v>
      </c>
      <c r="AC8" s="218">
        <v>1449</v>
      </c>
      <c r="AD8" s="218">
        <v>1671</v>
      </c>
      <c r="AE8" s="218">
        <v>1149</v>
      </c>
      <c r="AF8" s="218">
        <v>619</v>
      </c>
      <c r="AG8" s="218">
        <v>330</v>
      </c>
      <c r="AH8" s="219">
        <v>5218</v>
      </c>
      <c r="AI8" s="221">
        <v>5264</v>
      </c>
    </row>
    <row r="9" spans="2:35" ht="21" customHeight="1" x14ac:dyDescent="0.2">
      <c r="B9" s="106" t="s">
        <v>7</v>
      </c>
      <c r="C9" s="217">
        <v>3</v>
      </c>
      <c r="D9" s="218">
        <v>3</v>
      </c>
      <c r="E9" s="219">
        <v>6</v>
      </c>
      <c r="F9" s="220">
        <v>0</v>
      </c>
      <c r="G9" s="218">
        <v>1452</v>
      </c>
      <c r="H9" s="218">
        <v>953</v>
      </c>
      <c r="I9" s="218">
        <v>542</v>
      </c>
      <c r="J9" s="218">
        <v>304</v>
      </c>
      <c r="K9" s="218">
        <v>170</v>
      </c>
      <c r="L9" s="219">
        <v>3421</v>
      </c>
      <c r="M9" s="221">
        <v>3427</v>
      </c>
      <c r="N9" s="222">
        <v>0</v>
      </c>
      <c r="O9" s="218">
        <v>0</v>
      </c>
      <c r="P9" s="219">
        <v>0</v>
      </c>
      <c r="Q9" s="220">
        <v>0</v>
      </c>
      <c r="R9" s="218">
        <v>22</v>
      </c>
      <c r="S9" s="218">
        <v>20</v>
      </c>
      <c r="T9" s="218">
        <v>11</v>
      </c>
      <c r="U9" s="218">
        <v>5</v>
      </c>
      <c r="V9" s="218">
        <v>3</v>
      </c>
      <c r="W9" s="219">
        <v>61</v>
      </c>
      <c r="X9" s="221">
        <v>61</v>
      </c>
      <c r="Y9" s="222">
        <v>3</v>
      </c>
      <c r="Z9" s="218">
        <v>3</v>
      </c>
      <c r="AA9" s="219">
        <v>6</v>
      </c>
      <c r="AB9" s="220">
        <v>0</v>
      </c>
      <c r="AC9" s="218">
        <v>1474</v>
      </c>
      <c r="AD9" s="218">
        <v>973</v>
      </c>
      <c r="AE9" s="218">
        <v>553</v>
      </c>
      <c r="AF9" s="218">
        <v>309</v>
      </c>
      <c r="AG9" s="218">
        <v>173</v>
      </c>
      <c r="AH9" s="219">
        <v>3482</v>
      </c>
      <c r="AI9" s="221">
        <v>3488</v>
      </c>
    </row>
    <row r="10" spans="2:35" ht="21" customHeight="1" x14ac:dyDescent="0.2">
      <c r="B10" s="106" t="s">
        <v>8</v>
      </c>
      <c r="C10" s="217">
        <v>14</v>
      </c>
      <c r="D10" s="218">
        <v>10</v>
      </c>
      <c r="E10" s="219">
        <v>24</v>
      </c>
      <c r="F10" s="220">
        <v>0</v>
      </c>
      <c r="G10" s="218">
        <v>689</v>
      </c>
      <c r="H10" s="218">
        <v>593</v>
      </c>
      <c r="I10" s="218">
        <v>356</v>
      </c>
      <c r="J10" s="218">
        <v>212</v>
      </c>
      <c r="K10" s="218">
        <v>120</v>
      </c>
      <c r="L10" s="219">
        <v>1970</v>
      </c>
      <c r="M10" s="221">
        <v>1994</v>
      </c>
      <c r="N10" s="222">
        <v>0</v>
      </c>
      <c r="O10" s="218">
        <v>0</v>
      </c>
      <c r="P10" s="219">
        <v>0</v>
      </c>
      <c r="Q10" s="220">
        <v>0</v>
      </c>
      <c r="R10" s="218">
        <v>14</v>
      </c>
      <c r="S10" s="218">
        <v>24</v>
      </c>
      <c r="T10" s="218">
        <v>5</v>
      </c>
      <c r="U10" s="218">
        <v>4</v>
      </c>
      <c r="V10" s="218">
        <v>4</v>
      </c>
      <c r="W10" s="219">
        <v>51</v>
      </c>
      <c r="X10" s="221">
        <v>51</v>
      </c>
      <c r="Y10" s="222">
        <v>14</v>
      </c>
      <c r="Z10" s="218">
        <v>10</v>
      </c>
      <c r="AA10" s="219">
        <v>24</v>
      </c>
      <c r="AB10" s="220">
        <v>0</v>
      </c>
      <c r="AC10" s="218">
        <v>703</v>
      </c>
      <c r="AD10" s="218">
        <v>617</v>
      </c>
      <c r="AE10" s="218">
        <v>361</v>
      </c>
      <c r="AF10" s="218">
        <v>216</v>
      </c>
      <c r="AG10" s="218">
        <v>124</v>
      </c>
      <c r="AH10" s="219">
        <v>2021</v>
      </c>
      <c r="AI10" s="221">
        <v>2045</v>
      </c>
    </row>
    <row r="11" spans="2:35" ht="21" customHeight="1" x14ac:dyDescent="0.2">
      <c r="B11" s="106" t="s">
        <v>9</v>
      </c>
      <c r="C11" s="217">
        <v>1</v>
      </c>
      <c r="D11" s="218">
        <v>3</v>
      </c>
      <c r="E11" s="219">
        <v>4</v>
      </c>
      <c r="F11" s="220">
        <v>0</v>
      </c>
      <c r="G11" s="218">
        <v>457</v>
      </c>
      <c r="H11" s="218">
        <v>338</v>
      </c>
      <c r="I11" s="218">
        <v>256</v>
      </c>
      <c r="J11" s="218">
        <v>181</v>
      </c>
      <c r="K11" s="218">
        <v>86</v>
      </c>
      <c r="L11" s="219">
        <v>1318</v>
      </c>
      <c r="M11" s="221">
        <v>1322</v>
      </c>
      <c r="N11" s="222">
        <v>0</v>
      </c>
      <c r="O11" s="218">
        <v>0</v>
      </c>
      <c r="P11" s="219">
        <v>0</v>
      </c>
      <c r="Q11" s="220">
        <v>0</v>
      </c>
      <c r="R11" s="218">
        <v>11</v>
      </c>
      <c r="S11" s="218">
        <v>10</v>
      </c>
      <c r="T11" s="218">
        <v>4</v>
      </c>
      <c r="U11" s="218">
        <v>5</v>
      </c>
      <c r="V11" s="218">
        <v>2</v>
      </c>
      <c r="W11" s="219">
        <v>32</v>
      </c>
      <c r="X11" s="221">
        <v>32</v>
      </c>
      <c r="Y11" s="222">
        <v>1</v>
      </c>
      <c r="Z11" s="218">
        <v>3</v>
      </c>
      <c r="AA11" s="219">
        <v>4</v>
      </c>
      <c r="AB11" s="220">
        <v>0</v>
      </c>
      <c r="AC11" s="218">
        <v>468</v>
      </c>
      <c r="AD11" s="218">
        <v>348</v>
      </c>
      <c r="AE11" s="218">
        <v>260</v>
      </c>
      <c r="AF11" s="218">
        <v>186</v>
      </c>
      <c r="AG11" s="218">
        <v>88</v>
      </c>
      <c r="AH11" s="219">
        <v>1350</v>
      </c>
      <c r="AI11" s="221">
        <v>1354</v>
      </c>
    </row>
    <row r="12" spans="2:35" ht="21" customHeight="1" x14ac:dyDescent="0.2">
      <c r="B12" s="106" t="s">
        <v>10</v>
      </c>
      <c r="C12" s="217">
        <v>9</v>
      </c>
      <c r="D12" s="218">
        <v>15</v>
      </c>
      <c r="E12" s="219">
        <v>24</v>
      </c>
      <c r="F12" s="220">
        <v>0</v>
      </c>
      <c r="G12" s="218">
        <v>827</v>
      </c>
      <c r="H12" s="218">
        <v>484</v>
      </c>
      <c r="I12" s="218">
        <v>392</v>
      </c>
      <c r="J12" s="218">
        <v>316</v>
      </c>
      <c r="K12" s="218">
        <v>217</v>
      </c>
      <c r="L12" s="219">
        <v>2236</v>
      </c>
      <c r="M12" s="221">
        <v>2260</v>
      </c>
      <c r="N12" s="222">
        <v>0</v>
      </c>
      <c r="O12" s="218">
        <v>0</v>
      </c>
      <c r="P12" s="219">
        <v>0</v>
      </c>
      <c r="Q12" s="220">
        <v>0</v>
      </c>
      <c r="R12" s="218">
        <v>14</v>
      </c>
      <c r="S12" s="218">
        <v>5</v>
      </c>
      <c r="T12" s="218">
        <v>6</v>
      </c>
      <c r="U12" s="218">
        <v>8</v>
      </c>
      <c r="V12" s="218">
        <v>5</v>
      </c>
      <c r="W12" s="219">
        <v>38</v>
      </c>
      <c r="X12" s="221">
        <v>38</v>
      </c>
      <c r="Y12" s="222">
        <v>9</v>
      </c>
      <c r="Z12" s="218">
        <v>15</v>
      </c>
      <c r="AA12" s="219">
        <v>24</v>
      </c>
      <c r="AB12" s="220">
        <v>0</v>
      </c>
      <c r="AC12" s="218">
        <v>841</v>
      </c>
      <c r="AD12" s="218">
        <v>489</v>
      </c>
      <c r="AE12" s="218">
        <v>398</v>
      </c>
      <c r="AF12" s="218">
        <v>324</v>
      </c>
      <c r="AG12" s="218">
        <v>222</v>
      </c>
      <c r="AH12" s="219">
        <v>2274</v>
      </c>
      <c r="AI12" s="221">
        <v>2298</v>
      </c>
    </row>
    <row r="13" spans="2:35" ht="21" customHeight="1" x14ac:dyDescent="0.2">
      <c r="B13" s="106" t="s">
        <v>11</v>
      </c>
      <c r="C13" s="217">
        <v>1</v>
      </c>
      <c r="D13" s="218">
        <v>9</v>
      </c>
      <c r="E13" s="219">
        <v>10</v>
      </c>
      <c r="F13" s="220">
        <v>0</v>
      </c>
      <c r="G13" s="218">
        <v>623</v>
      </c>
      <c r="H13" s="218">
        <v>377</v>
      </c>
      <c r="I13" s="218">
        <v>296</v>
      </c>
      <c r="J13" s="218">
        <v>157</v>
      </c>
      <c r="K13" s="218">
        <v>69</v>
      </c>
      <c r="L13" s="219">
        <v>1522</v>
      </c>
      <c r="M13" s="221">
        <v>1532</v>
      </c>
      <c r="N13" s="222">
        <v>1</v>
      </c>
      <c r="O13" s="218">
        <v>0</v>
      </c>
      <c r="P13" s="219">
        <v>1</v>
      </c>
      <c r="Q13" s="220">
        <v>0</v>
      </c>
      <c r="R13" s="218">
        <v>8</v>
      </c>
      <c r="S13" s="218">
        <v>4</v>
      </c>
      <c r="T13" s="218">
        <v>5</v>
      </c>
      <c r="U13" s="218">
        <v>5</v>
      </c>
      <c r="V13" s="218">
        <v>2</v>
      </c>
      <c r="W13" s="219">
        <v>24</v>
      </c>
      <c r="X13" s="221">
        <v>25</v>
      </c>
      <c r="Y13" s="222">
        <v>2</v>
      </c>
      <c r="Z13" s="218">
        <v>9</v>
      </c>
      <c r="AA13" s="219">
        <v>11</v>
      </c>
      <c r="AB13" s="220">
        <v>0</v>
      </c>
      <c r="AC13" s="218">
        <v>631</v>
      </c>
      <c r="AD13" s="218">
        <v>381</v>
      </c>
      <c r="AE13" s="218">
        <v>301</v>
      </c>
      <c r="AF13" s="218">
        <v>162</v>
      </c>
      <c r="AG13" s="218">
        <v>71</v>
      </c>
      <c r="AH13" s="219">
        <v>1546</v>
      </c>
      <c r="AI13" s="221">
        <v>1557</v>
      </c>
    </row>
    <row r="14" spans="2:35" ht="21" customHeight="1" x14ac:dyDescent="0.2">
      <c r="B14" s="106" t="s">
        <v>12</v>
      </c>
      <c r="C14" s="217">
        <v>0</v>
      </c>
      <c r="D14" s="218">
        <v>1</v>
      </c>
      <c r="E14" s="219">
        <v>1</v>
      </c>
      <c r="F14" s="220">
        <v>0</v>
      </c>
      <c r="G14" s="218">
        <v>438</v>
      </c>
      <c r="H14" s="218">
        <v>346</v>
      </c>
      <c r="I14" s="218">
        <v>259</v>
      </c>
      <c r="J14" s="218">
        <v>182</v>
      </c>
      <c r="K14" s="218">
        <v>116</v>
      </c>
      <c r="L14" s="219">
        <v>1341</v>
      </c>
      <c r="M14" s="221">
        <v>1342</v>
      </c>
      <c r="N14" s="222">
        <v>0</v>
      </c>
      <c r="O14" s="218">
        <v>0</v>
      </c>
      <c r="P14" s="219">
        <v>0</v>
      </c>
      <c r="Q14" s="220">
        <v>0</v>
      </c>
      <c r="R14" s="218">
        <v>6</v>
      </c>
      <c r="S14" s="218">
        <v>9</v>
      </c>
      <c r="T14" s="218">
        <v>2</v>
      </c>
      <c r="U14" s="218">
        <v>1</v>
      </c>
      <c r="V14" s="218">
        <v>5</v>
      </c>
      <c r="W14" s="219">
        <v>23</v>
      </c>
      <c r="X14" s="221">
        <v>23</v>
      </c>
      <c r="Y14" s="222">
        <v>0</v>
      </c>
      <c r="Z14" s="218">
        <v>1</v>
      </c>
      <c r="AA14" s="219">
        <v>1</v>
      </c>
      <c r="AB14" s="220">
        <v>0</v>
      </c>
      <c r="AC14" s="218">
        <v>444</v>
      </c>
      <c r="AD14" s="218">
        <v>355</v>
      </c>
      <c r="AE14" s="218">
        <v>261</v>
      </c>
      <c r="AF14" s="218">
        <v>183</v>
      </c>
      <c r="AG14" s="218">
        <v>121</v>
      </c>
      <c r="AH14" s="219">
        <v>1364</v>
      </c>
      <c r="AI14" s="221">
        <v>1365</v>
      </c>
    </row>
    <row r="15" spans="2:35" ht="21" customHeight="1" x14ac:dyDescent="0.2">
      <c r="B15" s="106" t="s">
        <v>13</v>
      </c>
      <c r="C15" s="217">
        <v>1</v>
      </c>
      <c r="D15" s="218">
        <v>1</v>
      </c>
      <c r="E15" s="219">
        <v>2</v>
      </c>
      <c r="F15" s="220">
        <v>0</v>
      </c>
      <c r="G15" s="218">
        <v>179</v>
      </c>
      <c r="H15" s="218">
        <v>173</v>
      </c>
      <c r="I15" s="218">
        <v>95</v>
      </c>
      <c r="J15" s="218">
        <v>63</v>
      </c>
      <c r="K15" s="218">
        <v>34</v>
      </c>
      <c r="L15" s="219">
        <v>544</v>
      </c>
      <c r="M15" s="221">
        <v>546</v>
      </c>
      <c r="N15" s="222">
        <v>0</v>
      </c>
      <c r="O15" s="218">
        <v>0</v>
      </c>
      <c r="P15" s="219">
        <v>0</v>
      </c>
      <c r="Q15" s="220">
        <v>0</v>
      </c>
      <c r="R15" s="218">
        <v>1</v>
      </c>
      <c r="S15" s="218">
        <v>2</v>
      </c>
      <c r="T15" s="218">
        <v>3</v>
      </c>
      <c r="U15" s="218">
        <v>0</v>
      </c>
      <c r="V15" s="218">
        <v>0</v>
      </c>
      <c r="W15" s="219">
        <v>6</v>
      </c>
      <c r="X15" s="221">
        <v>6</v>
      </c>
      <c r="Y15" s="222">
        <v>1</v>
      </c>
      <c r="Z15" s="218">
        <v>1</v>
      </c>
      <c r="AA15" s="219">
        <v>2</v>
      </c>
      <c r="AB15" s="220">
        <v>0</v>
      </c>
      <c r="AC15" s="218">
        <v>180</v>
      </c>
      <c r="AD15" s="218">
        <v>175</v>
      </c>
      <c r="AE15" s="218">
        <v>98</v>
      </c>
      <c r="AF15" s="218">
        <v>63</v>
      </c>
      <c r="AG15" s="218">
        <v>34</v>
      </c>
      <c r="AH15" s="219">
        <v>550</v>
      </c>
      <c r="AI15" s="221">
        <v>552</v>
      </c>
    </row>
    <row r="16" spans="2:35" ht="21" customHeight="1" x14ac:dyDescent="0.2">
      <c r="B16" s="106" t="s">
        <v>15</v>
      </c>
      <c r="C16" s="217">
        <v>2</v>
      </c>
      <c r="D16" s="218">
        <v>15</v>
      </c>
      <c r="E16" s="219">
        <v>17</v>
      </c>
      <c r="F16" s="220">
        <v>0</v>
      </c>
      <c r="G16" s="218">
        <v>232</v>
      </c>
      <c r="H16" s="218">
        <v>226</v>
      </c>
      <c r="I16" s="218">
        <v>136</v>
      </c>
      <c r="J16" s="218">
        <v>84</v>
      </c>
      <c r="K16" s="218">
        <v>44</v>
      </c>
      <c r="L16" s="219">
        <v>722</v>
      </c>
      <c r="M16" s="221">
        <v>739</v>
      </c>
      <c r="N16" s="222">
        <v>0</v>
      </c>
      <c r="O16" s="218">
        <v>1</v>
      </c>
      <c r="P16" s="219">
        <v>1</v>
      </c>
      <c r="Q16" s="220">
        <v>0</v>
      </c>
      <c r="R16" s="218">
        <v>4</v>
      </c>
      <c r="S16" s="218">
        <v>4</v>
      </c>
      <c r="T16" s="218">
        <v>1</v>
      </c>
      <c r="U16" s="218">
        <v>0</v>
      </c>
      <c r="V16" s="218">
        <v>0</v>
      </c>
      <c r="W16" s="219">
        <v>9</v>
      </c>
      <c r="X16" s="221">
        <v>10</v>
      </c>
      <c r="Y16" s="222">
        <v>2</v>
      </c>
      <c r="Z16" s="218">
        <v>16</v>
      </c>
      <c r="AA16" s="219">
        <v>18</v>
      </c>
      <c r="AB16" s="220">
        <v>0</v>
      </c>
      <c r="AC16" s="218">
        <v>236</v>
      </c>
      <c r="AD16" s="218">
        <v>230</v>
      </c>
      <c r="AE16" s="218">
        <v>137</v>
      </c>
      <c r="AF16" s="218">
        <v>84</v>
      </c>
      <c r="AG16" s="218">
        <v>44</v>
      </c>
      <c r="AH16" s="219">
        <v>731</v>
      </c>
      <c r="AI16" s="221">
        <v>749</v>
      </c>
    </row>
    <row r="17" spans="2:35" ht="21" customHeight="1" x14ac:dyDescent="0.2">
      <c r="B17" s="106" t="s">
        <v>16</v>
      </c>
      <c r="C17" s="217">
        <v>3</v>
      </c>
      <c r="D17" s="218">
        <v>4</v>
      </c>
      <c r="E17" s="219">
        <v>7</v>
      </c>
      <c r="F17" s="220">
        <v>0</v>
      </c>
      <c r="G17" s="218">
        <v>181</v>
      </c>
      <c r="H17" s="218">
        <v>256</v>
      </c>
      <c r="I17" s="218">
        <v>163</v>
      </c>
      <c r="J17" s="218">
        <v>107</v>
      </c>
      <c r="K17" s="218">
        <v>68</v>
      </c>
      <c r="L17" s="219">
        <v>775</v>
      </c>
      <c r="M17" s="221">
        <v>782</v>
      </c>
      <c r="N17" s="222">
        <v>0</v>
      </c>
      <c r="O17" s="218">
        <v>0</v>
      </c>
      <c r="P17" s="219">
        <v>0</v>
      </c>
      <c r="Q17" s="220">
        <v>0</v>
      </c>
      <c r="R17" s="218">
        <v>3</v>
      </c>
      <c r="S17" s="218">
        <v>3</v>
      </c>
      <c r="T17" s="218">
        <v>7</v>
      </c>
      <c r="U17" s="218">
        <v>3</v>
      </c>
      <c r="V17" s="218">
        <v>1</v>
      </c>
      <c r="W17" s="219">
        <v>17</v>
      </c>
      <c r="X17" s="221">
        <v>17</v>
      </c>
      <c r="Y17" s="222">
        <v>3</v>
      </c>
      <c r="Z17" s="218">
        <v>4</v>
      </c>
      <c r="AA17" s="219">
        <v>7</v>
      </c>
      <c r="AB17" s="220">
        <v>0</v>
      </c>
      <c r="AC17" s="218">
        <v>184</v>
      </c>
      <c r="AD17" s="218">
        <v>259</v>
      </c>
      <c r="AE17" s="218">
        <v>170</v>
      </c>
      <c r="AF17" s="218">
        <v>110</v>
      </c>
      <c r="AG17" s="218">
        <v>69</v>
      </c>
      <c r="AH17" s="219">
        <v>792</v>
      </c>
      <c r="AI17" s="221">
        <v>799</v>
      </c>
    </row>
    <row r="18" spans="2:35" ht="21" customHeight="1" x14ac:dyDescent="0.2">
      <c r="B18" s="106" t="s">
        <v>17</v>
      </c>
      <c r="C18" s="217">
        <v>4</v>
      </c>
      <c r="D18" s="218">
        <v>8</v>
      </c>
      <c r="E18" s="219">
        <v>12</v>
      </c>
      <c r="F18" s="220">
        <v>0</v>
      </c>
      <c r="G18" s="218">
        <v>312</v>
      </c>
      <c r="H18" s="218">
        <v>398</v>
      </c>
      <c r="I18" s="218">
        <v>288</v>
      </c>
      <c r="J18" s="218">
        <v>165</v>
      </c>
      <c r="K18" s="218">
        <v>80</v>
      </c>
      <c r="L18" s="219">
        <v>1243</v>
      </c>
      <c r="M18" s="221">
        <v>1255</v>
      </c>
      <c r="N18" s="222">
        <v>0</v>
      </c>
      <c r="O18" s="218">
        <v>0</v>
      </c>
      <c r="P18" s="219">
        <v>0</v>
      </c>
      <c r="Q18" s="220">
        <v>0</v>
      </c>
      <c r="R18" s="218">
        <v>4</v>
      </c>
      <c r="S18" s="218">
        <v>16</v>
      </c>
      <c r="T18" s="218">
        <v>4</v>
      </c>
      <c r="U18" s="218">
        <v>7</v>
      </c>
      <c r="V18" s="218">
        <v>3</v>
      </c>
      <c r="W18" s="219">
        <v>34</v>
      </c>
      <c r="X18" s="221">
        <v>34</v>
      </c>
      <c r="Y18" s="222">
        <v>4</v>
      </c>
      <c r="Z18" s="218">
        <v>8</v>
      </c>
      <c r="AA18" s="219">
        <v>12</v>
      </c>
      <c r="AB18" s="220">
        <v>0</v>
      </c>
      <c r="AC18" s="218">
        <v>316</v>
      </c>
      <c r="AD18" s="218">
        <v>414</v>
      </c>
      <c r="AE18" s="218">
        <v>292</v>
      </c>
      <c r="AF18" s="218">
        <v>172</v>
      </c>
      <c r="AG18" s="218">
        <v>83</v>
      </c>
      <c r="AH18" s="219">
        <v>1277</v>
      </c>
      <c r="AI18" s="221">
        <v>1289</v>
      </c>
    </row>
    <row r="19" spans="2:35" ht="21" customHeight="1" x14ac:dyDescent="0.2">
      <c r="B19" s="106" t="s">
        <v>18</v>
      </c>
      <c r="C19" s="217">
        <v>6</v>
      </c>
      <c r="D19" s="218">
        <v>19</v>
      </c>
      <c r="E19" s="219">
        <v>25</v>
      </c>
      <c r="F19" s="220">
        <v>0</v>
      </c>
      <c r="G19" s="218">
        <v>397</v>
      </c>
      <c r="H19" s="218">
        <v>320</v>
      </c>
      <c r="I19" s="218">
        <v>279</v>
      </c>
      <c r="J19" s="218">
        <v>151</v>
      </c>
      <c r="K19" s="218">
        <v>71</v>
      </c>
      <c r="L19" s="219">
        <v>1218</v>
      </c>
      <c r="M19" s="221">
        <v>1243</v>
      </c>
      <c r="N19" s="222">
        <v>0</v>
      </c>
      <c r="O19" s="218">
        <v>0</v>
      </c>
      <c r="P19" s="219">
        <v>0</v>
      </c>
      <c r="Q19" s="220">
        <v>0</v>
      </c>
      <c r="R19" s="218">
        <v>4</v>
      </c>
      <c r="S19" s="218">
        <v>7</v>
      </c>
      <c r="T19" s="218">
        <v>2</v>
      </c>
      <c r="U19" s="218">
        <v>4</v>
      </c>
      <c r="V19" s="218">
        <v>5</v>
      </c>
      <c r="W19" s="219">
        <v>22</v>
      </c>
      <c r="X19" s="221">
        <v>22</v>
      </c>
      <c r="Y19" s="222">
        <v>6</v>
      </c>
      <c r="Z19" s="218">
        <v>19</v>
      </c>
      <c r="AA19" s="219">
        <v>25</v>
      </c>
      <c r="AB19" s="220">
        <v>0</v>
      </c>
      <c r="AC19" s="218">
        <v>401</v>
      </c>
      <c r="AD19" s="218">
        <v>327</v>
      </c>
      <c r="AE19" s="218">
        <v>281</v>
      </c>
      <c r="AF19" s="218">
        <v>155</v>
      </c>
      <c r="AG19" s="218">
        <v>76</v>
      </c>
      <c r="AH19" s="219">
        <v>1240</v>
      </c>
      <c r="AI19" s="221">
        <v>1265</v>
      </c>
    </row>
    <row r="20" spans="2:35" ht="21" customHeight="1" x14ac:dyDescent="0.2">
      <c r="B20" s="106" t="s">
        <v>19</v>
      </c>
      <c r="C20" s="217">
        <v>0</v>
      </c>
      <c r="D20" s="218">
        <v>1</v>
      </c>
      <c r="E20" s="219">
        <v>1</v>
      </c>
      <c r="F20" s="220">
        <v>0</v>
      </c>
      <c r="G20" s="218">
        <v>178</v>
      </c>
      <c r="H20" s="218">
        <v>185</v>
      </c>
      <c r="I20" s="218">
        <v>124</v>
      </c>
      <c r="J20" s="218">
        <v>59</v>
      </c>
      <c r="K20" s="218">
        <v>46</v>
      </c>
      <c r="L20" s="219">
        <v>592</v>
      </c>
      <c r="M20" s="221">
        <v>593</v>
      </c>
      <c r="N20" s="222">
        <v>0</v>
      </c>
      <c r="O20" s="218">
        <v>0</v>
      </c>
      <c r="P20" s="219">
        <v>0</v>
      </c>
      <c r="Q20" s="220">
        <v>0</v>
      </c>
      <c r="R20" s="218">
        <v>2</v>
      </c>
      <c r="S20" s="218">
        <v>3</v>
      </c>
      <c r="T20" s="218">
        <v>1</v>
      </c>
      <c r="U20" s="218">
        <v>4</v>
      </c>
      <c r="V20" s="218">
        <v>1</v>
      </c>
      <c r="W20" s="219">
        <v>11</v>
      </c>
      <c r="X20" s="221">
        <v>11</v>
      </c>
      <c r="Y20" s="222">
        <v>0</v>
      </c>
      <c r="Z20" s="218">
        <v>1</v>
      </c>
      <c r="AA20" s="219">
        <v>1</v>
      </c>
      <c r="AB20" s="220">
        <v>0</v>
      </c>
      <c r="AC20" s="218">
        <v>180</v>
      </c>
      <c r="AD20" s="218">
        <v>188</v>
      </c>
      <c r="AE20" s="218">
        <v>125</v>
      </c>
      <c r="AF20" s="218">
        <v>63</v>
      </c>
      <c r="AG20" s="218">
        <v>47</v>
      </c>
      <c r="AH20" s="219">
        <v>603</v>
      </c>
      <c r="AI20" s="221">
        <v>604</v>
      </c>
    </row>
    <row r="21" spans="2:35" ht="21" customHeight="1" x14ac:dyDescent="0.2">
      <c r="B21" s="106" t="s">
        <v>20</v>
      </c>
      <c r="C21" s="217">
        <v>0</v>
      </c>
      <c r="D21" s="218">
        <v>1</v>
      </c>
      <c r="E21" s="219">
        <v>1</v>
      </c>
      <c r="F21" s="220">
        <v>0</v>
      </c>
      <c r="G21" s="218">
        <v>230</v>
      </c>
      <c r="H21" s="218">
        <v>139</v>
      </c>
      <c r="I21" s="218">
        <v>118</v>
      </c>
      <c r="J21" s="218">
        <v>43</v>
      </c>
      <c r="K21" s="218">
        <v>30</v>
      </c>
      <c r="L21" s="219">
        <v>560</v>
      </c>
      <c r="M21" s="221">
        <v>561</v>
      </c>
      <c r="N21" s="222">
        <v>0</v>
      </c>
      <c r="O21" s="218">
        <v>0</v>
      </c>
      <c r="P21" s="219">
        <v>0</v>
      </c>
      <c r="Q21" s="220">
        <v>0</v>
      </c>
      <c r="R21" s="218">
        <v>4</v>
      </c>
      <c r="S21" s="218">
        <v>2</v>
      </c>
      <c r="T21" s="218">
        <v>4</v>
      </c>
      <c r="U21" s="218">
        <v>0</v>
      </c>
      <c r="V21" s="218">
        <v>2</v>
      </c>
      <c r="W21" s="219">
        <v>12</v>
      </c>
      <c r="X21" s="221">
        <v>12</v>
      </c>
      <c r="Y21" s="222">
        <v>0</v>
      </c>
      <c r="Z21" s="218">
        <v>1</v>
      </c>
      <c r="AA21" s="219">
        <v>1</v>
      </c>
      <c r="AB21" s="220">
        <v>0</v>
      </c>
      <c r="AC21" s="218">
        <v>234</v>
      </c>
      <c r="AD21" s="218">
        <v>141</v>
      </c>
      <c r="AE21" s="218">
        <v>122</v>
      </c>
      <c r="AF21" s="218">
        <v>43</v>
      </c>
      <c r="AG21" s="218">
        <v>32</v>
      </c>
      <c r="AH21" s="219">
        <v>572</v>
      </c>
      <c r="AI21" s="221">
        <v>573</v>
      </c>
    </row>
    <row r="22" spans="2:35" ht="21" customHeight="1" x14ac:dyDescent="0.2">
      <c r="B22" s="106" t="s">
        <v>21</v>
      </c>
      <c r="C22" s="217">
        <v>0</v>
      </c>
      <c r="D22" s="218">
        <v>0</v>
      </c>
      <c r="E22" s="219">
        <v>0</v>
      </c>
      <c r="F22" s="220">
        <v>0</v>
      </c>
      <c r="G22" s="218">
        <v>208</v>
      </c>
      <c r="H22" s="218">
        <v>196</v>
      </c>
      <c r="I22" s="218">
        <v>135</v>
      </c>
      <c r="J22" s="218">
        <v>50</v>
      </c>
      <c r="K22" s="218">
        <v>30</v>
      </c>
      <c r="L22" s="219">
        <v>619</v>
      </c>
      <c r="M22" s="221">
        <v>619</v>
      </c>
      <c r="N22" s="222">
        <v>0</v>
      </c>
      <c r="O22" s="218">
        <v>0</v>
      </c>
      <c r="P22" s="219">
        <v>0</v>
      </c>
      <c r="Q22" s="220">
        <v>0</v>
      </c>
      <c r="R22" s="218">
        <v>2</v>
      </c>
      <c r="S22" s="218">
        <v>6</v>
      </c>
      <c r="T22" s="218">
        <v>2</v>
      </c>
      <c r="U22" s="218">
        <v>0</v>
      </c>
      <c r="V22" s="218">
        <v>2</v>
      </c>
      <c r="W22" s="219">
        <v>12</v>
      </c>
      <c r="X22" s="221">
        <v>12</v>
      </c>
      <c r="Y22" s="222">
        <v>0</v>
      </c>
      <c r="Z22" s="218">
        <v>0</v>
      </c>
      <c r="AA22" s="219">
        <v>0</v>
      </c>
      <c r="AB22" s="220">
        <v>0</v>
      </c>
      <c r="AC22" s="218">
        <v>210</v>
      </c>
      <c r="AD22" s="218">
        <v>202</v>
      </c>
      <c r="AE22" s="218">
        <v>137</v>
      </c>
      <c r="AF22" s="218">
        <v>50</v>
      </c>
      <c r="AG22" s="218">
        <v>32</v>
      </c>
      <c r="AH22" s="219">
        <v>631</v>
      </c>
      <c r="AI22" s="221">
        <v>631</v>
      </c>
    </row>
    <row r="23" spans="2:35" ht="21" customHeight="1" x14ac:dyDescent="0.2">
      <c r="B23" s="106" t="s">
        <v>22</v>
      </c>
      <c r="C23" s="217">
        <v>4</v>
      </c>
      <c r="D23" s="218">
        <v>4</v>
      </c>
      <c r="E23" s="219">
        <v>8</v>
      </c>
      <c r="F23" s="220">
        <v>0</v>
      </c>
      <c r="G23" s="218">
        <v>152</v>
      </c>
      <c r="H23" s="218">
        <v>151</v>
      </c>
      <c r="I23" s="218">
        <v>90</v>
      </c>
      <c r="J23" s="218">
        <v>65</v>
      </c>
      <c r="K23" s="218">
        <v>27</v>
      </c>
      <c r="L23" s="219">
        <v>485</v>
      </c>
      <c r="M23" s="221">
        <v>493</v>
      </c>
      <c r="N23" s="222">
        <v>0</v>
      </c>
      <c r="O23" s="218">
        <v>0</v>
      </c>
      <c r="P23" s="219">
        <v>0</v>
      </c>
      <c r="Q23" s="220">
        <v>0</v>
      </c>
      <c r="R23" s="218">
        <v>2</v>
      </c>
      <c r="S23" s="218">
        <v>1</v>
      </c>
      <c r="T23" s="218">
        <v>1</v>
      </c>
      <c r="U23" s="218">
        <v>0</v>
      </c>
      <c r="V23" s="218">
        <v>0</v>
      </c>
      <c r="W23" s="219">
        <v>4</v>
      </c>
      <c r="X23" s="221">
        <v>4</v>
      </c>
      <c r="Y23" s="222">
        <v>4</v>
      </c>
      <c r="Z23" s="218">
        <v>4</v>
      </c>
      <c r="AA23" s="219">
        <v>8</v>
      </c>
      <c r="AB23" s="220">
        <v>0</v>
      </c>
      <c r="AC23" s="218">
        <v>154</v>
      </c>
      <c r="AD23" s="218">
        <v>152</v>
      </c>
      <c r="AE23" s="218">
        <v>91</v>
      </c>
      <c r="AF23" s="218">
        <v>65</v>
      </c>
      <c r="AG23" s="218">
        <v>27</v>
      </c>
      <c r="AH23" s="219">
        <v>489</v>
      </c>
      <c r="AI23" s="221">
        <v>497</v>
      </c>
    </row>
    <row r="24" spans="2:35" ht="21" customHeight="1" x14ac:dyDescent="0.2">
      <c r="B24" s="106" t="s">
        <v>23</v>
      </c>
      <c r="C24" s="217">
        <v>0</v>
      </c>
      <c r="D24" s="218">
        <v>0</v>
      </c>
      <c r="E24" s="219">
        <v>0</v>
      </c>
      <c r="F24" s="220">
        <v>0</v>
      </c>
      <c r="G24" s="218">
        <v>92</v>
      </c>
      <c r="H24" s="218">
        <v>70</v>
      </c>
      <c r="I24" s="218">
        <v>50</v>
      </c>
      <c r="J24" s="218">
        <v>40</v>
      </c>
      <c r="K24" s="218">
        <v>9</v>
      </c>
      <c r="L24" s="219">
        <v>261</v>
      </c>
      <c r="M24" s="221">
        <v>261</v>
      </c>
      <c r="N24" s="222">
        <v>0</v>
      </c>
      <c r="O24" s="218">
        <v>0</v>
      </c>
      <c r="P24" s="219">
        <v>0</v>
      </c>
      <c r="Q24" s="220">
        <v>0</v>
      </c>
      <c r="R24" s="218">
        <v>0</v>
      </c>
      <c r="S24" s="218">
        <v>1</v>
      </c>
      <c r="T24" s="218">
        <v>1</v>
      </c>
      <c r="U24" s="218">
        <v>0</v>
      </c>
      <c r="V24" s="218">
        <v>0</v>
      </c>
      <c r="W24" s="219">
        <v>2</v>
      </c>
      <c r="X24" s="221">
        <v>2</v>
      </c>
      <c r="Y24" s="222">
        <v>0</v>
      </c>
      <c r="Z24" s="218">
        <v>0</v>
      </c>
      <c r="AA24" s="219">
        <v>0</v>
      </c>
      <c r="AB24" s="220">
        <v>0</v>
      </c>
      <c r="AC24" s="218">
        <v>92</v>
      </c>
      <c r="AD24" s="218">
        <v>71</v>
      </c>
      <c r="AE24" s="218">
        <v>51</v>
      </c>
      <c r="AF24" s="218">
        <v>40</v>
      </c>
      <c r="AG24" s="218">
        <v>9</v>
      </c>
      <c r="AH24" s="219">
        <v>263</v>
      </c>
      <c r="AI24" s="221">
        <v>263</v>
      </c>
    </row>
    <row r="25" spans="2:35" ht="21" customHeight="1" x14ac:dyDescent="0.2">
      <c r="B25" s="106" t="s">
        <v>24</v>
      </c>
      <c r="C25" s="217">
        <v>2</v>
      </c>
      <c r="D25" s="218">
        <v>3</v>
      </c>
      <c r="E25" s="219">
        <v>5</v>
      </c>
      <c r="F25" s="220">
        <v>0</v>
      </c>
      <c r="G25" s="218">
        <v>40</v>
      </c>
      <c r="H25" s="218">
        <v>36</v>
      </c>
      <c r="I25" s="218">
        <v>26</v>
      </c>
      <c r="J25" s="218">
        <v>21</v>
      </c>
      <c r="K25" s="218">
        <v>6</v>
      </c>
      <c r="L25" s="219">
        <v>129</v>
      </c>
      <c r="M25" s="221">
        <v>134</v>
      </c>
      <c r="N25" s="222">
        <v>0</v>
      </c>
      <c r="O25" s="218">
        <v>0</v>
      </c>
      <c r="P25" s="219">
        <v>0</v>
      </c>
      <c r="Q25" s="220">
        <v>0</v>
      </c>
      <c r="R25" s="218">
        <v>0</v>
      </c>
      <c r="S25" s="218">
        <v>1</v>
      </c>
      <c r="T25" s="218">
        <v>0</v>
      </c>
      <c r="U25" s="218">
        <v>1</v>
      </c>
      <c r="V25" s="218">
        <v>0</v>
      </c>
      <c r="W25" s="219">
        <v>2</v>
      </c>
      <c r="X25" s="221">
        <v>2</v>
      </c>
      <c r="Y25" s="222">
        <v>2</v>
      </c>
      <c r="Z25" s="218">
        <v>3</v>
      </c>
      <c r="AA25" s="219">
        <v>5</v>
      </c>
      <c r="AB25" s="220">
        <v>0</v>
      </c>
      <c r="AC25" s="218">
        <v>40</v>
      </c>
      <c r="AD25" s="218">
        <v>37</v>
      </c>
      <c r="AE25" s="218">
        <v>26</v>
      </c>
      <c r="AF25" s="218">
        <v>22</v>
      </c>
      <c r="AG25" s="218">
        <v>6</v>
      </c>
      <c r="AH25" s="219">
        <v>131</v>
      </c>
      <c r="AI25" s="221">
        <v>136</v>
      </c>
    </row>
    <row r="26" spans="2:35" ht="21" customHeight="1" x14ac:dyDescent="0.2">
      <c r="B26" s="106" t="s">
        <v>25</v>
      </c>
      <c r="C26" s="217">
        <v>2</v>
      </c>
      <c r="D26" s="218">
        <v>2</v>
      </c>
      <c r="E26" s="219">
        <v>4</v>
      </c>
      <c r="F26" s="220">
        <v>0</v>
      </c>
      <c r="G26" s="218">
        <v>95</v>
      </c>
      <c r="H26" s="218">
        <v>45</v>
      </c>
      <c r="I26" s="218">
        <v>33</v>
      </c>
      <c r="J26" s="218">
        <v>13</v>
      </c>
      <c r="K26" s="218">
        <v>5</v>
      </c>
      <c r="L26" s="219">
        <v>191</v>
      </c>
      <c r="M26" s="221">
        <v>195</v>
      </c>
      <c r="N26" s="222">
        <v>0</v>
      </c>
      <c r="O26" s="218">
        <v>0</v>
      </c>
      <c r="P26" s="219">
        <v>0</v>
      </c>
      <c r="Q26" s="220">
        <v>0</v>
      </c>
      <c r="R26" s="218">
        <v>1</v>
      </c>
      <c r="S26" s="218">
        <v>1</v>
      </c>
      <c r="T26" s="218">
        <v>2</v>
      </c>
      <c r="U26" s="218">
        <v>0</v>
      </c>
      <c r="V26" s="218">
        <v>0</v>
      </c>
      <c r="W26" s="219">
        <v>4</v>
      </c>
      <c r="X26" s="221">
        <v>4</v>
      </c>
      <c r="Y26" s="222">
        <v>2</v>
      </c>
      <c r="Z26" s="218">
        <v>2</v>
      </c>
      <c r="AA26" s="219">
        <v>4</v>
      </c>
      <c r="AB26" s="220">
        <v>0</v>
      </c>
      <c r="AC26" s="218">
        <v>96</v>
      </c>
      <c r="AD26" s="218">
        <v>46</v>
      </c>
      <c r="AE26" s="218">
        <v>35</v>
      </c>
      <c r="AF26" s="218">
        <v>13</v>
      </c>
      <c r="AG26" s="218">
        <v>5</v>
      </c>
      <c r="AH26" s="219">
        <v>195</v>
      </c>
      <c r="AI26" s="221">
        <v>199</v>
      </c>
    </row>
    <row r="27" spans="2:35" ht="21" customHeight="1" x14ac:dyDescent="0.2">
      <c r="B27" s="106" t="s">
        <v>26</v>
      </c>
      <c r="C27" s="217">
        <v>0</v>
      </c>
      <c r="D27" s="218">
        <v>0</v>
      </c>
      <c r="E27" s="219">
        <v>0</v>
      </c>
      <c r="F27" s="220">
        <v>0</v>
      </c>
      <c r="G27" s="218">
        <v>60</v>
      </c>
      <c r="H27" s="218">
        <v>63</v>
      </c>
      <c r="I27" s="218">
        <v>45</v>
      </c>
      <c r="J27" s="218">
        <v>20</v>
      </c>
      <c r="K27" s="218">
        <v>9</v>
      </c>
      <c r="L27" s="219">
        <v>197</v>
      </c>
      <c r="M27" s="221">
        <v>197</v>
      </c>
      <c r="N27" s="222">
        <v>0</v>
      </c>
      <c r="O27" s="218">
        <v>0</v>
      </c>
      <c r="P27" s="219">
        <v>0</v>
      </c>
      <c r="Q27" s="220">
        <v>0</v>
      </c>
      <c r="R27" s="218">
        <v>0</v>
      </c>
      <c r="S27" s="218">
        <v>0</v>
      </c>
      <c r="T27" s="218">
        <v>0</v>
      </c>
      <c r="U27" s="218">
        <v>0</v>
      </c>
      <c r="V27" s="218">
        <v>1</v>
      </c>
      <c r="W27" s="219">
        <v>1</v>
      </c>
      <c r="X27" s="221">
        <v>1</v>
      </c>
      <c r="Y27" s="222">
        <v>0</v>
      </c>
      <c r="Z27" s="218">
        <v>0</v>
      </c>
      <c r="AA27" s="219">
        <v>0</v>
      </c>
      <c r="AB27" s="220">
        <v>0</v>
      </c>
      <c r="AC27" s="218">
        <v>60</v>
      </c>
      <c r="AD27" s="218">
        <v>63</v>
      </c>
      <c r="AE27" s="218">
        <v>45</v>
      </c>
      <c r="AF27" s="218">
        <v>20</v>
      </c>
      <c r="AG27" s="218">
        <v>10</v>
      </c>
      <c r="AH27" s="219">
        <v>198</v>
      </c>
      <c r="AI27" s="221">
        <v>198</v>
      </c>
    </row>
    <row r="28" spans="2:35" ht="21" customHeight="1" x14ac:dyDescent="0.2">
      <c r="B28" s="106" t="s">
        <v>27</v>
      </c>
      <c r="C28" s="217">
        <v>0</v>
      </c>
      <c r="D28" s="218">
        <v>1</v>
      </c>
      <c r="E28" s="219">
        <v>1</v>
      </c>
      <c r="F28" s="220">
        <v>0</v>
      </c>
      <c r="G28" s="218">
        <v>56</v>
      </c>
      <c r="H28" s="218">
        <v>25</v>
      </c>
      <c r="I28" s="218">
        <v>30</v>
      </c>
      <c r="J28" s="218">
        <v>17</v>
      </c>
      <c r="K28" s="218">
        <v>11</v>
      </c>
      <c r="L28" s="219">
        <v>139</v>
      </c>
      <c r="M28" s="221">
        <v>140</v>
      </c>
      <c r="N28" s="222">
        <v>0</v>
      </c>
      <c r="O28" s="218">
        <v>0</v>
      </c>
      <c r="P28" s="219">
        <v>0</v>
      </c>
      <c r="Q28" s="220">
        <v>0</v>
      </c>
      <c r="R28" s="218">
        <v>1</v>
      </c>
      <c r="S28" s="218">
        <v>0</v>
      </c>
      <c r="T28" s="218">
        <v>1</v>
      </c>
      <c r="U28" s="218">
        <v>0</v>
      </c>
      <c r="V28" s="218">
        <v>0</v>
      </c>
      <c r="W28" s="219">
        <v>2</v>
      </c>
      <c r="X28" s="221">
        <v>2</v>
      </c>
      <c r="Y28" s="222">
        <v>0</v>
      </c>
      <c r="Z28" s="218">
        <v>1</v>
      </c>
      <c r="AA28" s="219">
        <v>1</v>
      </c>
      <c r="AB28" s="220">
        <v>0</v>
      </c>
      <c r="AC28" s="218">
        <v>57</v>
      </c>
      <c r="AD28" s="218">
        <v>25</v>
      </c>
      <c r="AE28" s="218">
        <v>31</v>
      </c>
      <c r="AF28" s="218">
        <v>17</v>
      </c>
      <c r="AG28" s="218">
        <v>11</v>
      </c>
      <c r="AH28" s="219">
        <v>141</v>
      </c>
      <c r="AI28" s="221">
        <v>142</v>
      </c>
    </row>
    <row r="29" spans="2:35" ht="21" customHeight="1" x14ac:dyDescent="0.2">
      <c r="B29" s="106" t="s">
        <v>28</v>
      </c>
      <c r="C29" s="217">
        <v>0</v>
      </c>
      <c r="D29" s="218">
        <v>0</v>
      </c>
      <c r="E29" s="219">
        <v>0</v>
      </c>
      <c r="F29" s="220">
        <v>0</v>
      </c>
      <c r="G29" s="218">
        <v>35</v>
      </c>
      <c r="H29" s="218">
        <v>19</v>
      </c>
      <c r="I29" s="218">
        <v>6</v>
      </c>
      <c r="J29" s="218">
        <v>6</v>
      </c>
      <c r="K29" s="218">
        <v>5</v>
      </c>
      <c r="L29" s="219">
        <v>71</v>
      </c>
      <c r="M29" s="221">
        <v>71</v>
      </c>
      <c r="N29" s="222">
        <v>0</v>
      </c>
      <c r="O29" s="218">
        <v>0</v>
      </c>
      <c r="P29" s="219">
        <v>0</v>
      </c>
      <c r="Q29" s="220">
        <v>0</v>
      </c>
      <c r="R29" s="218">
        <v>0</v>
      </c>
      <c r="S29" s="218">
        <v>0</v>
      </c>
      <c r="T29" s="218">
        <v>1</v>
      </c>
      <c r="U29" s="218">
        <v>0</v>
      </c>
      <c r="V29" s="218">
        <v>0</v>
      </c>
      <c r="W29" s="219">
        <v>1</v>
      </c>
      <c r="X29" s="221">
        <v>1</v>
      </c>
      <c r="Y29" s="222">
        <v>0</v>
      </c>
      <c r="Z29" s="218">
        <v>0</v>
      </c>
      <c r="AA29" s="219">
        <v>0</v>
      </c>
      <c r="AB29" s="220">
        <v>0</v>
      </c>
      <c r="AC29" s="218">
        <v>35</v>
      </c>
      <c r="AD29" s="218">
        <v>19</v>
      </c>
      <c r="AE29" s="218">
        <v>7</v>
      </c>
      <c r="AF29" s="218">
        <v>6</v>
      </c>
      <c r="AG29" s="218">
        <v>5</v>
      </c>
      <c r="AH29" s="219">
        <v>72</v>
      </c>
      <c r="AI29" s="221">
        <v>72</v>
      </c>
    </row>
    <row r="30" spans="2:35" ht="21" customHeight="1" x14ac:dyDescent="0.2">
      <c r="B30" s="106" t="s">
        <v>29</v>
      </c>
      <c r="C30" s="217">
        <v>0</v>
      </c>
      <c r="D30" s="218">
        <v>0</v>
      </c>
      <c r="E30" s="219">
        <v>0</v>
      </c>
      <c r="F30" s="220">
        <v>0</v>
      </c>
      <c r="G30" s="218">
        <v>29</v>
      </c>
      <c r="H30" s="218">
        <v>34</v>
      </c>
      <c r="I30" s="218">
        <v>34</v>
      </c>
      <c r="J30" s="218">
        <v>20</v>
      </c>
      <c r="K30" s="218">
        <v>8</v>
      </c>
      <c r="L30" s="219">
        <v>125</v>
      </c>
      <c r="M30" s="221">
        <v>125</v>
      </c>
      <c r="N30" s="222">
        <v>0</v>
      </c>
      <c r="O30" s="218">
        <v>0</v>
      </c>
      <c r="P30" s="219">
        <v>0</v>
      </c>
      <c r="Q30" s="220">
        <v>0</v>
      </c>
      <c r="R30" s="218">
        <v>0</v>
      </c>
      <c r="S30" s="218">
        <v>0</v>
      </c>
      <c r="T30" s="218">
        <v>0</v>
      </c>
      <c r="U30" s="218">
        <v>0</v>
      </c>
      <c r="V30" s="218">
        <v>0</v>
      </c>
      <c r="W30" s="219">
        <v>0</v>
      </c>
      <c r="X30" s="221">
        <v>0</v>
      </c>
      <c r="Y30" s="222">
        <v>0</v>
      </c>
      <c r="Z30" s="218">
        <v>0</v>
      </c>
      <c r="AA30" s="219">
        <v>0</v>
      </c>
      <c r="AB30" s="220">
        <v>0</v>
      </c>
      <c r="AC30" s="218">
        <v>29</v>
      </c>
      <c r="AD30" s="218">
        <v>34</v>
      </c>
      <c r="AE30" s="218">
        <v>34</v>
      </c>
      <c r="AF30" s="218">
        <v>20</v>
      </c>
      <c r="AG30" s="218">
        <v>8</v>
      </c>
      <c r="AH30" s="219">
        <v>125</v>
      </c>
      <c r="AI30" s="221">
        <v>125</v>
      </c>
    </row>
    <row r="31" spans="2:35" ht="21" customHeight="1" x14ac:dyDescent="0.2">
      <c r="B31" s="106" t="s">
        <v>30</v>
      </c>
      <c r="C31" s="217">
        <v>0</v>
      </c>
      <c r="D31" s="218">
        <v>0</v>
      </c>
      <c r="E31" s="219">
        <v>0</v>
      </c>
      <c r="F31" s="220">
        <v>0</v>
      </c>
      <c r="G31" s="218">
        <v>30</v>
      </c>
      <c r="H31" s="218">
        <v>19</v>
      </c>
      <c r="I31" s="218">
        <v>10</v>
      </c>
      <c r="J31" s="218">
        <v>13</v>
      </c>
      <c r="K31" s="218">
        <v>4</v>
      </c>
      <c r="L31" s="219">
        <v>76</v>
      </c>
      <c r="M31" s="221">
        <v>76</v>
      </c>
      <c r="N31" s="222">
        <v>0</v>
      </c>
      <c r="O31" s="218">
        <v>0</v>
      </c>
      <c r="P31" s="219">
        <v>0</v>
      </c>
      <c r="Q31" s="220">
        <v>0</v>
      </c>
      <c r="R31" s="218">
        <v>1</v>
      </c>
      <c r="S31" s="218">
        <v>1</v>
      </c>
      <c r="T31" s="218">
        <v>0</v>
      </c>
      <c r="U31" s="218">
        <v>0</v>
      </c>
      <c r="V31" s="218">
        <v>0</v>
      </c>
      <c r="W31" s="219">
        <v>2</v>
      </c>
      <c r="X31" s="221">
        <v>2</v>
      </c>
      <c r="Y31" s="222">
        <v>0</v>
      </c>
      <c r="Z31" s="218">
        <v>0</v>
      </c>
      <c r="AA31" s="219">
        <v>0</v>
      </c>
      <c r="AB31" s="220">
        <v>0</v>
      </c>
      <c r="AC31" s="218">
        <v>31</v>
      </c>
      <c r="AD31" s="218">
        <v>20</v>
      </c>
      <c r="AE31" s="218">
        <v>10</v>
      </c>
      <c r="AF31" s="218">
        <v>13</v>
      </c>
      <c r="AG31" s="218">
        <v>4</v>
      </c>
      <c r="AH31" s="219">
        <v>78</v>
      </c>
      <c r="AI31" s="221">
        <v>78</v>
      </c>
    </row>
    <row r="32" spans="2:35" ht="21" customHeight="1" x14ac:dyDescent="0.2">
      <c r="B32" s="106" t="s">
        <v>31</v>
      </c>
      <c r="C32" s="217">
        <v>0</v>
      </c>
      <c r="D32" s="218">
        <v>1</v>
      </c>
      <c r="E32" s="219">
        <v>1</v>
      </c>
      <c r="F32" s="220">
        <v>0</v>
      </c>
      <c r="G32" s="218">
        <v>41</v>
      </c>
      <c r="H32" s="218">
        <v>37</v>
      </c>
      <c r="I32" s="218">
        <v>21</v>
      </c>
      <c r="J32" s="218">
        <v>11</v>
      </c>
      <c r="K32" s="218">
        <v>4</v>
      </c>
      <c r="L32" s="219">
        <v>114</v>
      </c>
      <c r="M32" s="221">
        <v>115</v>
      </c>
      <c r="N32" s="222">
        <v>0</v>
      </c>
      <c r="O32" s="218">
        <v>0</v>
      </c>
      <c r="P32" s="219">
        <v>0</v>
      </c>
      <c r="Q32" s="220">
        <v>0</v>
      </c>
      <c r="R32" s="218">
        <v>0</v>
      </c>
      <c r="S32" s="218">
        <v>0</v>
      </c>
      <c r="T32" s="218">
        <v>0</v>
      </c>
      <c r="U32" s="218">
        <v>0</v>
      </c>
      <c r="V32" s="218">
        <v>0</v>
      </c>
      <c r="W32" s="219">
        <v>0</v>
      </c>
      <c r="X32" s="221">
        <v>0</v>
      </c>
      <c r="Y32" s="222">
        <v>0</v>
      </c>
      <c r="Z32" s="218">
        <v>1</v>
      </c>
      <c r="AA32" s="219">
        <v>1</v>
      </c>
      <c r="AB32" s="220">
        <v>0</v>
      </c>
      <c r="AC32" s="218">
        <v>41</v>
      </c>
      <c r="AD32" s="218">
        <v>37</v>
      </c>
      <c r="AE32" s="218">
        <v>21</v>
      </c>
      <c r="AF32" s="218">
        <v>11</v>
      </c>
      <c r="AG32" s="218">
        <v>4</v>
      </c>
      <c r="AH32" s="219">
        <v>114</v>
      </c>
      <c r="AI32" s="221">
        <v>115</v>
      </c>
    </row>
    <row r="33" spans="2:35" ht="21" customHeight="1" x14ac:dyDescent="0.2">
      <c r="B33" s="106" t="s">
        <v>32</v>
      </c>
      <c r="C33" s="217">
        <v>0</v>
      </c>
      <c r="D33" s="218">
        <v>3</v>
      </c>
      <c r="E33" s="219">
        <v>3</v>
      </c>
      <c r="F33" s="220">
        <v>0</v>
      </c>
      <c r="G33" s="218">
        <v>64</v>
      </c>
      <c r="H33" s="218">
        <v>37</v>
      </c>
      <c r="I33" s="218">
        <v>29</v>
      </c>
      <c r="J33" s="218">
        <v>24</v>
      </c>
      <c r="K33" s="218">
        <v>12</v>
      </c>
      <c r="L33" s="219">
        <v>166</v>
      </c>
      <c r="M33" s="221">
        <v>169</v>
      </c>
      <c r="N33" s="222">
        <v>0</v>
      </c>
      <c r="O33" s="218">
        <v>0</v>
      </c>
      <c r="P33" s="219">
        <v>0</v>
      </c>
      <c r="Q33" s="220">
        <v>0</v>
      </c>
      <c r="R33" s="218">
        <v>0</v>
      </c>
      <c r="S33" s="218">
        <v>1</v>
      </c>
      <c r="T33" s="218">
        <v>0</v>
      </c>
      <c r="U33" s="218">
        <v>0</v>
      </c>
      <c r="V33" s="218">
        <v>0</v>
      </c>
      <c r="W33" s="219">
        <v>1</v>
      </c>
      <c r="X33" s="221">
        <v>1</v>
      </c>
      <c r="Y33" s="222">
        <v>0</v>
      </c>
      <c r="Z33" s="218">
        <v>3</v>
      </c>
      <c r="AA33" s="219">
        <v>3</v>
      </c>
      <c r="AB33" s="220">
        <v>0</v>
      </c>
      <c r="AC33" s="218">
        <v>64</v>
      </c>
      <c r="AD33" s="218">
        <v>38</v>
      </c>
      <c r="AE33" s="218">
        <v>29</v>
      </c>
      <c r="AF33" s="218">
        <v>24</v>
      </c>
      <c r="AG33" s="218">
        <v>12</v>
      </c>
      <c r="AH33" s="219">
        <v>167</v>
      </c>
      <c r="AI33" s="221">
        <v>170</v>
      </c>
    </row>
    <row r="34" spans="2:35" ht="21" customHeight="1" x14ac:dyDescent="0.2">
      <c r="B34" s="106" t="s">
        <v>33</v>
      </c>
      <c r="C34" s="217">
        <v>0</v>
      </c>
      <c r="D34" s="218">
        <v>1</v>
      </c>
      <c r="E34" s="219">
        <v>1</v>
      </c>
      <c r="F34" s="220">
        <v>0</v>
      </c>
      <c r="G34" s="218">
        <v>30</v>
      </c>
      <c r="H34" s="218">
        <v>17</v>
      </c>
      <c r="I34" s="218">
        <v>15</v>
      </c>
      <c r="J34" s="218">
        <v>8</v>
      </c>
      <c r="K34" s="218">
        <v>6</v>
      </c>
      <c r="L34" s="219">
        <v>76</v>
      </c>
      <c r="M34" s="221">
        <v>77</v>
      </c>
      <c r="N34" s="222">
        <v>0</v>
      </c>
      <c r="O34" s="218">
        <v>0</v>
      </c>
      <c r="P34" s="219">
        <v>0</v>
      </c>
      <c r="Q34" s="220">
        <v>0</v>
      </c>
      <c r="R34" s="218">
        <v>0</v>
      </c>
      <c r="S34" s="218">
        <v>0</v>
      </c>
      <c r="T34" s="218">
        <v>0</v>
      </c>
      <c r="U34" s="218">
        <v>0</v>
      </c>
      <c r="V34" s="218">
        <v>0</v>
      </c>
      <c r="W34" s="219">
        <v>0</v>
      </c>
      <c r="X34" s="221">
        <v>0</v>
      </c>
      <c r="Y34" s="222">
        <v>0</v>
      </c>
      <c r="Z34" s="218">
        <v>1</v>
      </c>
      <c r="AA34" s="219">
        <v>1</v>
      </c>
      <c r="AB34" s="220">
        <v>0</v>
      </c>
      <c r="AC34" s="218">
        <v>30</v>
      </c>
      <c r="AD34" s="218">
        <v>17</v>
      </c>
      <c r="AE34" s="218">
        <v>15</v>
      </c>
      <c r="AF34" s="218">
        <v>8</v>
      </c>
      <c r="AG34" s="218">
        <v>6</v>
      </c>
      <c r="AH34" s="219">
        <v>76</v>
      </c>
      <c r="AI34" s="221">
        <v>77</v>
      </c>
    </row>
    <row r="35" spans="2:35" ht="21" customHeight="1" x14ac:dyDescent="0.2">
      <c r="B35" s="106" t="s">
        <v>34</v>
      </c>
      <c r="C35" s="217">
        <v>1</v>
      </c>
      <c r="D35" s="218">
        <v>2</v>
      </c>
      <c r="E35" s="219">
        <v>3</v>
      </c>
      <c r="F35" s="220">
        <v>0</v>
      </c>
      <c r="G35" s="218">
        <v>27</v>
      </c>
      <c r="H35" s="218">
        <v>20</v>
      </c>
      <c r="I35" s="218">
        <v>10</v>
      </c>
      <c r="J35" s="218">
        <v>4</v>
      </c>
      <c r="K35" s="218">
        <v>3</v>
      </c>
      <c r="L35" s="219">
        <v>64</v>
      </c>
      <c r="M35" s="221">
        <v>67</v>
      </c>
      <c r="N35" s="222">
        <v>0</v>
      </c>
      <c r="O35" s="218">
        <v>0</v>
      </c>
      <c r="P35" s="219">
        <v>0</v>
      </c>
      <c r="Q35" s="220">
        <v>0</v>
      </c>
      <c r="R35" s="218">
        <v>0</v>
      </c>
      <c r="S35" s="218">
        <v>0</v>
      </c>
      <c r="T35" s="218">
        <v>0</v>
      </c>
      <c r="U35" s="218">
        <v>1</v>
      </c>
      <c r="V35" s="218">
        <v>0</v>
      </c>
      <c r="W35" s="219">
        <v>1</v>
      </c>
      <c r="X35" s="221">
        <v>1</v>
      </c>
      <c r="Y35" s="222">
        <v>1</v>
      </c>
      <c r="Z35" s="218">
        <v>2</v>
      </c>
      <c r="AA35" s="219">
        <v>3</v>
      </c>
      <c r="AB35" s="220">
        <v>0</v>
      </c>
      <c r="AC35" s="218">
        <v>27</v>
      </c>
      <c r="AD35" s="218">
        <v>20</v>
      </c>
      <c r="AE35" s="218">
        <v>10</v>
      </c>
      <c r="AF35" s="218">
        <v>5</v>
      </c>
      <c r="AG35" s="218">
        <v>3</v>
      </c>
      <c r="AH35" s="219">
        <v>65</v>
      </c>
      <c r="AI35" s="221">
        <v>68</v>
      </c>
    </row>
    <row r="36" spans="2:35" ht="21" customHeight="1" x14ac:dyDescent="0.2">
      <c r="B36" s="106" t="s">
        <v>35</v>
      </c>
      <c r="C36" s="217">
        <v>3</v>
      </c>
      <c r="D36" s="218">
        <v>4</v>
      </c>
      <c r="E36" s="219">
        <v>7</v>
      </c>
      <c r="F36" s="220">
        <v>0</v>
      </c>
      <c r="G36" s="218">
        <v>41</v>
      </c>
      <c r="H36" s="218">
        <v>30</v>
      </c>
      <c r="I36" s="218">
        <v>35</v>
      </c>
      <c r="J36" s="218">
        <v>23</v>
      </c>
      <c r="K36" s="218">
        <v>9</v>
      </c>
      <c r="L36" s="219">
        <v>138</v>
      </c>
      <c r="M36" s="221">
        <v>145</v>
      </c>
      <c r="N36" s="222">
        <v>0</v>
      </c>
      <c r="O36" s="218">
        <v>0</v>
      </c>
      <c r="P36" s="219">
        <v>0</v>
      </c>
      <c r="Q36" s="220">
        <v>0</v>
      </c>
      <c r="R36" s="218">
        <v>0</v>
      </c>
      <c r="S36" s="218">
        <v>1</v>
      </c>
      <c r="T36" s="218">
        <v>0</v>
      </c>
      <c r="U36" s="218">
        <v>0</v>
      </c>
      <c r="V36" s="218">
        <v>0</v>
      </c>
      <c r="W36" s="219">
        <v>1</v>
      </c>
      <c r="X36" s="221">
        <v>1</v>
      </c>
      <c r="Y36" s="222">
        <v>3</v>
      </c>
      <c r="Z36" s="218">
        <v>4</v>
      </c>
      <c r="AA36" s="219">
        <v>7</v>
      </c>
      <c r="AB36" s="220">
        <v>0</v>
      </c>
      <c r="AC36" s="218">
        <v>41</v>
      </c>
      <c r="AD36" s="218">
        <v>31</v>
      </c>
      <c r="AE36" s="218">
        <v>35</v>
      </c>
      <c r="AF36" s="218">
        <v>23</v>
      </c>
      <c r="AG36" s="218">
        <v>9</v>
      </c>
      <c r="AH36" s="219">
        <v>139</v>
      </c>
      <c r="AI36" s="221">
        <v>146</v>
      </c>
    </row>
    <row r="37" spans="2:35" ht="21" customHeight="1" x14ac:dyDescent="0.2">
      <c r="B37" s="106" t="s">
        <v>36</v>
      </c>
      <c r="C37" s="217">
        <v>0</v>
      </c>
      <c r="D37" s="218">
        <v>1</v>
      </c>
      <c r="E37" s="219">
        <v>1</v>
      </c>
      <c r="F37" s="220">
        <v>0</v>
      </c>
      <c r="G37" s="218">
        <v>97</v>
      </c>
      <c r="H37" s="218">
        <v>76</v>
      </c>
      <c r="I37" s="218">
        <v>57</v>
      </c>
      <c r="J37" s="218">
        <v>26</v>
      </c>
      <c r="K37" s="218">
        <v>22</v>
      </c>
      <c r="L37" s="219">
        <v>278</v>
      </c>
      <c r="M37" s="221">
        <v>279</v>
      </c>
      <c r="N37" s="222">
        <v>0</v>
      </c>
      <c r="O37" s="218">
        <v>0</v>
      </c>
      <c r="P37" s="219">
        <v>0</v>
      </c>
      <c r="Q37" s="220">
        <v>0</v>
      </c>
      <c r="R37" s="218">
        <v>0</v>
      </c>
      <c r="S37" s="218">
        <v>0</v>
      </c>
      <c r="T37" s="218">
        <v>1</v>
      </c>
      <c r="U37" s="218">
        <v>0</v>
      </c>
      <c r="V37" s="218">
        <v>2</v>
      </c>
      <c r="W37" s="219">
        <v>3</v>
      </c>
      <c r="X37" s="221">
        <v>3</v>
      </c>
      <c r="Y37" s="222">
        <v>0</v>
      </c>
      <c r="Z37" s="218">
        <v>1</v>
      </c>
      <c r="AA37" s="219">
        <v>1</v>
      </c>
      <c r="AB37" s="220">
        <v>0</v>
      </c>
      <c r="AC37" s="218">
        <v>97</v>
      </c>
      <c r="AD37" s="218">
        <v>76</v>
      </c>
      <c r="AE37" s="218">
        <v>58</v>
      </c>
      <c r="AF37" s="218">
        <v>26</v>
      </c>
      <c r="AG37" s="218">
        <v>24</v>
      </c>
      <c r="AH37" s="219">
        <v>281</v>
      </c>
      <c r="AI37" s="221">
        <v>282</v>
      </c>
    </row>
    <row r="38" spans="2:35" ht="21" customHeight="1" thickBot="1" x14ac:dyDescent="0.25">
      <c r="B38" s="108" t="s">
        <v>37</v>
      </c>
      <c r="C38" s="223">
        <v>0</v>
      </c>
      <c r="D38" s="224">
        <v>0</v>
      </c>
      <c r="E38" s="225">
        <v>0</v>
      </c>
      <c r="F38" s="226">
        <v>0</v>
      </c>
      <c r="G38" s="224">
        <v>17</v>
      </c>
      <c r="H38" s="224">
        <v>7</v>
      </c>
      <c r="I38" s="224">
        <v>9</v>
      </c>
      <c r="J38" s="224">
        <v>7</v>
      </c>
      <c r="K38" s="224">
        <v>4</v>
      </c>
      <c r="L38" s="225">
        <v>44</v>
      </c>
      <c r="M38" s="227">
        <v>44</v>
      </c>
      <c r="N38" s="228">
        <v>0</v>
      </c>
      <c r="O38" s="224">
        <v>0</v>
      </c>
      <c r="P38" s="225">
        <v>0</v>
      </c>
      <c r="Q38" s="226">
        <v>0</v>
      </c>
      <c r="R38" s="224">
        <v>0</v>
      </c>
      <c r="S38" s="224">
        <v>0</v>
      </c>
      <c r="T38" s="224">
        <v>0</v>
      </c>
      <c r="U38" s="224">
        <v>0</v>
      </c>
      <c r="V38" s="224">
        <v>0</v>
      </c>
      <c r="W38" s="225">
        <v>0</v>
      </c>
      <c r="X38" s="227">
        <v>0</v>
      </c>
      <c r="Y38" s="228">
        <v>0</v>
      </c>
      <c r="Z38" s="224">
        <v>0</v>
      </c>
      <c r="AA38" s="225">
        <v>0</v>
      </c>
      <c r="AB38" s="226">
        <v>0</v>
      </c>
      <c r="AC38" s="224">
        <v>17</v>
      </c>
      <c r="AD38" s="224">
        <v>7</v>
      </c>
      <c r="AE38" s="224">
        <v>9</v>
      </c>
      <c r="AF38" s="224">
        <v>7</v>
      </c>
      <c r="AG38" s="224">
        <v>4</v>
      </c>
      <c r="AH38" s="225">
        <v>44</v>
      </c>
      <c r="AI38" s="227">
        <v>44</v>
      </c>
    </row>
    <row r="39" spans="2:35" x14ac:dyDescent="0.2">
      <c r="AA39" s="70"/>
      <c r="AB39" s="70"/>
      <c r="AC39" s="70"/>
      <c r="AD39" s="70"/>
      <c r="AE39" s="70"/>
      <c r="AF39" s="70"/>
      <c r="AG39" s="70"/>
      <c r="AH39" s="70"/>
      <c r="AI39" s="70"/>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6</v>
      </c>
      <c r="L1" s="445">
        <f>IF(K1&lt;3,K1+12-2,K1-2)</f>
        <v>4</v>
      </c>
      <c r="M1" s="445"/>
    </row>
    <row r="2" spans="2:101" s="71" customFormat="1" ht="24" customHeight="1" thickBot="1" x14ac:dyDescent="0.25">
      <c r="B2" s="142" t="s">
        <v>130</v>
      </c>
    </row>
    <row r="3" spans="2:101" ht="21" customHeight="1" thickBot="1" x14ac:dyDescent="0.25">
      <c r="B3" s="466"/>
      <c r="C3" s="463" t="s">
        <v>113</v>
      </c>
      <c r="D3" s="464"/>
      <c r="E3" s="464"/>
      <c r="F3" s="464"/>
      <c r="G3" s="464"/>
      <c r="H3" s="464"/>
      <c r="I3" s="464"/>
      <c r="J3" s="464"/>
      <c r="K3" s="464"/>
      <c r="L3" s="464"/>
      <c r="M3" s="465"/>
      <c r="N3" s="463" t="s">
        <v>114</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301</v>
      </c>
      <c r="H6" s="184">
        <v>382</v>
      </c>
      <c r="I6" s="184">
        <v>336</v>
      </c>
      <c r="J6" s="184">
        <v>438</v>
      </c>
      <c r="K6" s="184">
        <v>374</v>
      </c>
      <c r="L6" s="187">
        <v>1831</v>
      </c>
      <c r="M6" s="188">
        <v>1831</v>
      </c>
      <c r="N6" s="183">
        <v>0</v>
      </c>
      <c r="O6" s="184">
        <v>0</v>
      </c>
      <c r="P6" s="189">
        <v>0</v>
      </c>
      <c r="Q6" s="186">
        <v>0</v>
      </c>
      <c r="R6" s="184">
        <v>197</v>
      </c>
      <c r="S6" s="184">
        <v>504</v>
      </c>
      <c r="T6" s="184">
        <v>442</v>
      </c>
      <c r="U6" s="184">
        <v>463</v>
      </c>
      <c r="V6" s="184">
        <v>408</v>
      </c>
      <c r="W6" s="189">
        <v>2014</v>
      </c>
      <c r="X6" s="188">
        <v>2014</v>
      </c>
      <c r="Y6" s="183">
        <v>0</v>
      </c>
      <c r="Z6" s="184">
        <v>1</v>
      </c>
      <c r="AA6" s="189">
        <v>1</v>
      </c>
      <c r="AB6" s="186">
        <v>0</v>
      </c>
      <c r="AC6" s="184">
        <v>13721</v>
      </c>
      <c r="AD6" s="184">
        <v>12908</v>
      </c>
      <c r="AE6" s="184">
        <v>5891</v>
      </c>
      <c r="AF6" s="184">
        <v>2805</v>
      </c>
      <c r="AG6" s="184">
        <v>1240</v>
      </c>
      <c r="AH6" s="189">
        <v>36565</v>
      </c>
      <c r="AI6" s="188">
        <v>36566</v>
      </c>
      <c r="AJ6" s="183">
        <v>7</v>
      </c>
      <c r="AK6" s="184">
        <v>8</v>
      </c>
      <c r="AL6" s="189">
        <v>15</v>
      </c>
      <c r="AM6" s="186">
        <v>0</v>
      </c>
      <c r="AN6" s="184">
        <v>757</v>
      </c>
      <c r="AO6" s="184">
        <v>950</v>
      </c>
      <c r="AP6" s="184">
        <v>1041</v>
      </c>
      <c r="AQ6" s="184">
        <v>586</v>
      </c>
      <c r="AR6" s="184">
        <v>425</v>
      </c>
      <c r="AS6" s="189">
        <v>3759</v>
      </c>
      <c r="AT6" s="188">
        <v>3774</v>
      </c>
      <c r="AU6" s="183">
        <v>148</v>
      </c>
      <c r="AV6" s="184">
        <v>257</v>
      </c>
      <c r="AW6" s="189">
        <v>405</v>
      </c>
      <c r="AX6" s="186">
        <v>0</v>
      </c>
      <c r="AY6" s="184">
        <v>1409</v>
      </c>
      <c r="AZ6" s="184">
        <v>1583</v>
      </c>
      <c r="BA6" s="184">
        <v>1292</v>
      </c>
      <c r="BB6" s="184">
        <v>896</v>
      </c>
      <c r="BC6" s="184">
        <v>507</v>
      </c>
      <c r="BD6" s="189">
        <v>5687</v>
      </c>
      <c r="BE6" s="188">
        <v>6092</v>
      </c>
      <c r="BF6" s="183">
        <v>0</v>
      </c>
      <c r="BG6" s="184">
        <v>31</v>
      </c>
      <c r="BH6" s="189">
        <v>31</v>
      </c>
      <c r="BI6" s="186">
        <v>0</v>
      </c>
      <c r="BJ6" s="184">
        <v>2354</v>
      </c>
      <c r="BK6" s="184">
        <v>3064</v>
      </c>
      <c r="BL6" s="184">
        <v>3441</v>
      </c>
      <c r="BM6" s="184">
        <v>2275</v>
      </c>
      <c r="BN6" s="184">
        <v>1435</v>
      </c>
      <c r="BO6" s="187">
        <v>12569</v>
      </c>
      <c r="BP6" s="188">
        <v>12600</v>
      </c>
      <c r="BQ6" s="183">
        <v>0</v>
      </c>
      <c r="BR6" s="184">
        <v>0</v>
      </c>
      <c r="BS6" s="189">
        <v>0</v>
      </c>
      <c r="BT6" s="186">
        <v>0</v>
      </c>
      <c r="BU6" s="184">
        <v>46</v>
      </c>
      <c r="BV6" s="184">
        <v>40</v>
      </c>
      <c r="BW6" s="184">
        <v>56</v>
      </c>
      <c r="BX6" s="184">
        <v>62</v>
      </c>
      <c r="BY6" s="184">
        <v>47</v>
      </c>
      <c r="BZ6" s="189">
        <v>251</v>
      </c>
      <c r="CA6" s="188">
        <v>251</v>
      </c>
      <c r="CB6" s="183">
        <v>0</v>
      </c>
      <c r="CC6" s="184">
        <v>0</v>
      </c>
      <c r="CD6" s="189">
        <v>0</v>
      </c>
      <c r="CE6" s="186">
        <v>0</v>
      </c>
      <c r="CF6" s="184">
        <v>6</v>
      </c>
      <c r="CG6" s="184">
        <v>29</v>
      </c>
      <c r="CH6" s="184">
        <v>194</v>
      </c>
      <c r="CI6" s="184">
        <v>314</v>
      </c>
      <c r="CJ6" s="184">
        <v>194</v>
      </c>
      <c r="CK6" s="189">
        <v>737</v>
      </c>
      <c r="CL6" s="188">
        <v>737</v>
      </c>
      <c r="CM6" s="183">
        <v>0</v>
      </c>
      <c r="CN6" s="184">
        <v>0</v>
      </c>
      <c r="CO6" s="189">
        <v>0</v>
      </c>
      <c r="CP6" s="186">
        <v>0</v>
      </c>
      <c r="CQ6" s="184">
        <v>193</v>
      </c>
      <c r="CR6" s="184">
        <v>295</v>
      </c>
      <c r="CS6" s="184">
        <v>301</v>
      </c>
      <c r="CT6" s="184">
        <v>372</v>
      </c>
      <c r="CU6" s="184">
        <v>448</v>
      </c>
      <c r="CV6" s="189">
        <v>1609</v>
      </c>
      <c r="CW6" s="188">
        <v>1609</v>
      </c>
    </row>
    <row r="7" spans="2:101" ht="21" customHeight="1" x14ac:dyDescent="0.2">
      <c r="B7" s="95" t="s">
        <v>5</v>
      </c>
      <c r="C7" s="190">
        <v>0</v>
      </c>
      <c r="D7" s="196">
        <v>0</v>
      </c>
      <c r="E7" s="207">
        <v>0</v>
      </c>
      <c r="F7" s="193">
        <v>0</v>
      </c>
      <c r="G7" s="191">
        <v>132</v>
      </c>
      <c r="H7" s="191">
        <v>179</v>
      </c>
      <c r="I7" s="191">
        <v>177</v>
      </c>
      <c r="J7" s="191">
        <v>229</v>
      </c>
      <c r="K7" s="191">
        <v>172</v>
      </c>
      <c r="L7" s="194">
        <v>889</v>
      </c>
      <c r="M7" s="195">
        <v>889</v>
      </c>
      <c r="N7" s="190">
        <v>0</v>
      </c>
      <c r="O7" s="191">
        <v>0</v>
      </c>
      <c r="P7" s="196">
        <v>0</v>
      </c>
      <c r="Q7" s="193">
        <v>0</v>
      </c>
      <c r="R7" s="191">
        <v>103</v>
      </c>
      <c r="S7" s="191">
        <v>364</v>
      </c>
      <c r="T7" s="191">
        <v>322</v>
      </c>
      <c r="U7" s="191">
        <v>341</v>
      </c>
      <c r="V7" s="191">
        <v>304</v>
      </c>
      <c r="W7" s="196">
        <v>1434</v>
      </c>
      <c r="X7" s="195">
        <v>1434</v>
      </c>
      <c r="Y7" s="190">
        <v>0</v>
      </c>
      <c r="Z7" s="191">
        <v>0</v>
      </c>
      <c r="AA7" s="196">
        <v>0</v>
      </c>
      <c r="AB7" s="193">
        <v>0</v>
      </c>
      <c r="AC7" s="191">
        <v>4955</v>
      </c>
      <c r="AD7" s="191">
        <v>6384</v>
      </c>
      <c r="AE7" s="191">
        <v>2757</v>
      </c>
      <c r="AF7" s="191">
        <v>1288</v>
      </c>
      <c r="AG7" s="191">
        <v>575</v>
      </c>
      <c r="AH7" s="196">
        <v>15959</v>
      </c>
      <c r="AI7" s="195">
        <v>15959</v>
      </c>
      <c r="AJ7" s="190">
        <v>4</v>
      </c>
      <c r="AK7" s="191">
        <v>2</v>
      </c>
      <c r="AL7" s="196">
        <v>6</v>
      </c>
      <c r="AM7" s="193">
        <v>0</v>
      </c>
      <c r="AN7" s="191">
        <v>376</v>
      </c>
      <c r="AO7" s="191">
        <v>494</v>
      </c>
      <c r="AP7" s="191">
        <v>533</v>
      </c>
      <c r="AQ7" s="191">
        <v>324</v>
      </c>
      <c r="AR7" s="191">
        <v>224</v>
      </c>
      <c r="AS7" s="196">
        <v>1951</v>
      </c>
      <c r="AT7" s="195">
        <v>1957</v>
      </c>
      <c r="AU7" s="190">
        <v>60</v>
      </c>
      <c r="AV7" s="191">
        <v>101</v>
      </c>
      <c r="AW7" s="196">
        <v>161</v>
      </c>
      <c r="AX7" s="193">
        <v>0</v>
      </c>
      <c r="AY7" s="191">
        <v>541</v>
      </c>
      <c r="AZ7" s="191">
        <v>720</v>
      </c>
      <c r="BA7" s="191">
        <v>507</v>
      </c>
      <c r="BB7" s="191">
        <v>423</v>
      </c>
      <c r="BC7" s="191">
        <v>251</v>
      </c>
      <c r="BD7" s="196">
        <v>2442</v>
      </c>
      <c r="BE7" s="195">
        <v>2603</v>
      </c>
      <c r="BF7" s="190">
        <v>0</v>
      </c>
      <c r="BG7" s="191">
        <v>15</v>
      </c>
      <c r="BH7" s="196">
        <v>15</v>
      </c>
      <c r="BI7" s="193">
        <v>0</v>
      </c>
      <c r="BJ7" s="191">
        <v>1039</v>
      </c>
      <c r="BK7" s="191">
        <v>1325</v>
      </c>
      <c r="BL7" s="191">
        <v>1466</v>
      </c>
      <c r="BM7" s="191">
        <v>1011</v>
      </c>
      <c r="BN7" s="191">
        <v>668</v>
      </c>
      <c r="BO7" s="194">
        <v>5509</v>
      </c>
      <c r="BP7" s="195">
        <v>5524</v>
      </c>
      <c r="BQ7" s="190">
        <v>0</v>
      </c>
      <c r="BR7" s="191">
        <v>0</v>
      </c>
      <c r="BS7" s="196">
        <v>0</v>
      </c>
      <c r="BT7" s="193">
        <v>0</v>
      </c>
      <c r="BU7" s="191">
        <v>0</v>
      </c>
      <c r="BV7" s="191">
        <v>2</v>
      </c>
      <c r="BW7" s="191">
        <v>4</v>
      </c>
      <c r="BX7" s="191">
        <v>1</v>
      </c>
      <c r="BY7" s="191">
        <v>4</v>
      </c>
      <c r="BZ7" s="196">
        <v>11</v>
      </c>
      <c r="CA7" s="195">
        <v>11</v>
      </c>
      <c r="CB7" s="190">
        <v>0</v>
      </c>
      <c r="CC7" s="191">
        <v>0</v>
      </c>
      <c r="CD7" s="196">
        <v>0</v>
      </c>
      <c r="CE7" s="193">
        <v>0</v>
      </c>
      <c r="CF7" s="191">
        <v>3</v>
      </c>
      <c r="CG7" s="191">
        <v>11</v>
      </c>
      <c r="CH7" s="191">
        <v>22</v>
      </c>
      <c r="CI7" s="191">
        <v>43</v>
      </c>
      <c r="CJ7" s="191">
        <v>35</v>
      </c>
      <c r="CK7" s="196">
        <v>114</v>
      </c>
      <c r="CL7" s="195">
        <v>114</v>
      </c>
      <c r="CM7" s="190">
        <v>0</v>
      </c>
      <c r="CN7" s="191">
        <v>0</v>
      </c>
      <c r="CO7" s="196">
        <v>0</v>
      </c>
      <c r="CP7" s="193">
        <v>0</v>
      </c>
      <c r="CQ7" s="191">
        <v>19</v>
      </c>
      <c r="CR7" s="191">
        <v>66</v>
      </c>
      <c r="CS7" s="191">
        <v>56</v>
      </c>
      <c r="CT7" s="191">
        <v>99</v>
      </c>
      <c r="CU7" s="191">
        <v>167</v>
      </c>
      <c r="CV7" s="196">
        <v>407</v>
      </c>
      <c r="CW7" s="195">
        <v>407</v>
      </c>
    </row>
    <row r="8" spans="2:101" ht="21" customHeight="1" x14ac:dyDescent="0.2">
      <c r="B8" s="106" t="s">
        <v>6</v>
      </c>
      <c r="C8" s="190">
        <v>0</v>
      </c>
      <c r="D8" s="196">
        <v>0</v>
      </c>
      <c r="E8" s="207">
        <v>0</v>
      </c>
      <c r="F8" s="193">
        <v>0</v>
      </c>
      <c r="G8" s="191">
        <v>61</v>
      </c>
      <c r="H8" s="191">
        <v>72</v>
      </c>
      <c r="I8" s="191">
        <v>60</v>
      </c>
      <c r="J8" s="191">
        <v>113</v>
      </c>
      <c r="K8" s="191">
        <v>108</v>
      </c>
      <c r="L8" s="194">
        <v>414</v>
      </c>
      <c r="M8" s="195">
        <v>414</v>
      </c>
      <c r="N8" s="190">
        <v>0</v>
      </c>
      <c r="O8" s="191">
        <v>0</v>
      </c>
      <c r="P8" s="196">
        <v>0</v>
      </c>
      <c r="Q8" s="193">
        <v>0</v>
      </c>
      <c r="R8" s="191">
        <v>66</v>
      </c>
      <c r="S8" s="191">
        <v>117</v>
      </c>
      <c r="T8" s="191">
        <v>95</v>
      </c>
      <c r="U8" s="191">
        <v>92</v>
      </c>
      <c r="V8" s="191">
        <v>90</v>
      </c>
      <c r="W8" s="196">
        <v>460</v>
      </c>
      <c r="X8" s="195">
        <v>460</v>
      </c>
      <c r="Y8" s="190">
        <v>0</v>
      </c>
      <c r="Z8" s="191">
        <v>0</v>
      </c>
      <c r="AA8" s="196">
        <v>0</v>
      </c>
      <c r="AB8" s="193">
        <v>0</v>
      </c>
      <c r="AC8" s="191">
        <v>1924</v>
      </c>
      <c r="AD8" s="191">
        <v>1434</v>
      </c>
      <c r="AE8" s="191">
        <v>729</v>
      </c>
      <c r="AF8" s="191">
        <v>399</v>
      </c>
      <c r="AG8" s="191">
        <v>194</v>
      </c>
      <c r="AH8" s="196">
        <v>4680</v>
      </c>
      <c r="AI8" s="195">
        <v>4680</v>
      </c>
      <c r="AJ8" s="190">
        <v>1</v>
      </c>
      <c r="AK8" s="191">
        <v>0</v>
      </c>
      <c r="AL8" s="196">
        <v>1</v>
      </c>
      <c r="AM8" s="193">
        <v>0</v>
      </c>
      <c r="AN8" s="191">
        <v>148</v>
      </c>
      <c r="AO8" s="191">
        <v>220</v>
      </c>
      <c r="AP8" s="191">
        <v>239</v>
      </c>
      <c r="AQ8" s="191">
        <v>126</v>
      </c>
      <c r="AR8" s="191">
        <v>109</v>
      </c>
      <c r="AS8" s="196">
        <v>842</v>
      </c>
      <c r="AT8" s="195">
        <v>843</v>
      </c>
      <c r="AU8" s="190">
        <v>16</v>
      </c>
      <c r="AV8" s="191">
        <v>38</v>
      </c>
      <c r="AW8" s="196">
        <v>54</v>
      </c>
      <c r="AX8" s="193">
        <v>0</v>
      </c>
      <c r="AY8" s="191">
        <v>240</v>
      </c>
      <c r="AZ8" s="191">
        <v>220</v>
      </c>
      <c r="BA8" s="191">
        <v>179</v>
      </c>
      <c r="BB8" s="191">
        <v>112</v>
      </c>
      <c r="BC8" s="191">
        <v>60</v>
      </c>
      <c r="BD8" s="196">
        <v>811</v>
      </c>
      <c r="BE8" s="195">
        <v>865</v>
      </c>
      <c r="BF8" s="190">
        <v>0</v>
      </c>
      <c r="BG8" s="191">
        <v>5</v>
      </c>
      <c r="BH8" s="196">
        <v>5</v>
      </c>
      <c r="BI8" s="193">
        <v>0</v>
      </c>
      <c r="BJ8" s="191">
        <v>432</v>
      </c>
      <c r="BK8" s="191">
        <v>561</v>
      </c>
      <c r="BL8" s="191">
        <v>530</v>
      </c>
      <c r="BM8" s="191">
        <v>363</v>
      </c>
      <c r="BN8" s="191">
        <v>239</v>
      </c>
      <c r="BO8" s="194">
        <v>2125</v>
      </c>
      <c r="BP8" s="195">
        <v>2130</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2</v>
      </c>
      <c r="CG8" s="191">
        <v>11</v>
      </c>
      <c r="CH8" s="191">
        <v>66</v>
      </c>
      <c r="CI8" s="191">
        <v>94</v>
      </c>
      <c r="CJ8" s="191">
        <v>66</v>
      </c>
      <c r="CK8" s="196">
        <v>239</v>
      </c>
      <c r="CL8" s="195">
        <v>239</v>
      </c>
      <c r="CM8" s="190">
        <v>0</v>
      </c>
      <c r="CN8" s="191">
        <v>0</v>
      </c>
      <c r="CO8" s="196">
        <v>0</v>
      </c>
      <c r="CP8" s="193">
        <v>0</v>
      </c>
      <c r="CQ8" s="191">
        <v>60</v>
      </c>
      <c r="CR8" s="191">
        <v>83</v>
      </c>
      <c r="CS8" s="191">
        <v>76</v>
      </c>
      <c r="CT8" s="191">
        <v>84</v>
      </c>
      <c r="CU8" s="191">
        <v>106</v>
      </c>
      <c r="CV8" s="196">
        <v>409</v>
      </c>
      <c r="CW8" s="195">
        <v>409</v>
      </c>
    </row>
    <row r="9" spans="2:101" ht="21" customHeight="1" x14ac:dyDescent="0.2">
      <c r="B9" s="106" t="s">
        <v>14</v>
      </c>
      <c r="C9" s="190">
        <v>0</v>
      </c>
      <c r="D9" s="196">
        <v>0</v>
      </c>
      <c r="E9" s="207">
        <v>0</v>
      </c>
      <c r="F9" s="193">
        <v>0</v>
      </c>
      <c r="G9" s="191">
        <v>24</v>
      </c>
      <c r="H9" s="191">
        <v>35</v>
      </c>
      <c r="I9" s="191">
        <v>24</v>
      </c>
      <c r="J9" s="191">
        <v>26</v>
      </c>
      <c r="K9" s="191">
        <v>35</v>
      </c>
      <c r="L9" s="194">
        <v>144</v>
      </c>
      <c r="M9" s="195">
        <v>144</v>
      </c>
      <c r="N9" s="190">
        <v>0</v>
      </c>
      <c r="O9" s="191">
        <v>0</v>
      </c>
      <c r="P9" s="196">
        <v>0</v>
      </c>
      <c r="Q9" s="193">
        <v>0</v>
      </c>
      <c r="R9" s="191">
        <v>0</v>
      </c>
      <c r="S9" s="191">
        <v>0</v>
      </c>
      <c r="T9" s="191">
        <v>0</v>
      </c>
      <c r="U9" s="191">
        <v>0</v>
      </c>
      <c r="V9" s="191">
        <v>0</v>
      </c>
      <c r="W9" s="196">
        <v>0</v>
      </c>
      <c r="X9" s="195">
        <v>0</v>
      </c>
      <c r="Y9" s="190">
        <v>0</v>
      </c>
      <c r="Z9" s="191">
        <v>0</v>
      </c>
      <c r="AA9" s="196">
        <v>0</v>
      </c>
      <c r="AB9" s="193">
        <v>0</v>
      </c>
      <c r="AC9" s="191">
        <v>1099</v>
      </c>
      <c r="AD9" s="191">
        <v>1177</v>
      </c>
      <c r="AE9" s="191">
        <v>540</v>
      </c>
      <c r="AF9" s="191">
        <v>246</v>
      </c>
      <c r="AG9" s="191">
        <v>95</v>
      </c>
      <c r="AH9" s="196">
        <v>3157</v>
      </c>
      <c r="AI9" s="195">
        <v>3157</v>
      </c>
      <c r="AJ9" s="190">
        <v>0</v>
      </c>
      <c r="AK9" s="191">
        <v>0</v>
      </c>
      <c r="AL9" s="196">
        <v>0</v>
      </c>
      <c r="AM9" s="193">
        <v>0</v>
      </c>
      <c r="AN9" s="191">
        <v>19</v>
      </c>
      <c r="AO9" s="191">
        <v>24</v>
      </c>
      <c r="AP9" s="191">
        <v>34</v>
      </c>
      <c r="AQ9" s="191">
        <v>14</v>
      </c>
      <c r="AR9" s="191">
        <v>15</v>
      </c>
      <c r="AS9" s="196">
        <v>106</v>
      </c>
      <c r="AT9" s="195">
        <v>106</v>
      </c>
      <c r="AU9" s="190">
        <v>18</v>
      </c>
      <c r="AV9" s="191">
        <v>27</v>
      </c>
      <c r="AW9" s="196">
        <v>45</v>
      </c>
      <c r="AX9" s="193">
        <v>0</v>
      </c>
      <c r="AY9" s="191">
        <v>117</v>
      </c>
      <c r="AZ9" s="191">
        <v>145</v>
      </c>
      <c r="BA9" s="191">
        <v>125</v>
      </c>
      <c r="BB9" s="191">
        <v>77</v>
      </c>
      <c r="BC9" s="191">
        <v>35</v>
      </c>
      <c r="BD9" s="196">
        <v>499</v>
      </c>
      <c r="BE9" s="195">
        <v>544</v>
      </c>
      <c r="BF9" s="190">
        <v>0</v>
      </c>
      <c r="BG9" s="191">
        <v>1</v>
      </c>
      <c r="BH9" s="196">
        <v>1</v>
      </c>
      <c r="BI9" s="193">
        <v>0</v>
      </c>
      <c r="BJ9" s="191">
        <v>184</v>
      </c>
      <c r="BK9" s="191">
        <v>274</v>
      </c>
      <c r="BL9" s="191">
        <v>388</v>
      </c>
      <c r="BM9" s="191">
        <v>195</v>
      </c>
      <c r="BN9" s="191">
        <v>112</v>
      </c>
      <c r="BO9" s="194">
        <v>1153</v>
      </c>
      <c r="BP9" s="195">
        <v>1154</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0</v>
      </c>
      <c r="CI9" s="191">
        <v>29</v>
      </c>
      <c r="CJ9" s="191">
        <v>11</v>
      </c>
      <c r="CK9" s="196">
        <v>50</v>
      </c>
      <c r="CL9" s="195">
        <v>50</v>
      </c>
      <c r="CM9" s="190">
        <v>0</v>
      </c>
      <c r="CN9" s="191">
        <v>0</v>
      </c>
      <c r="CO9" s="196">
        <v>0</v>
      </c>
      <c r="CP9" s="193">
        <v>0</v>
      </c>
      <c r="CQ9" s="191">
        <v>14</v>
      </c>
      <c r="CR9" s="191">
        <v>24</v>
      </c>
      <c r="CS9" s="191">
        <v>33</v>
      </c>
      <c r="CT9" s="191">
        <v>36</v>
      </c>
      <c r="CU9" s="191">
        <v>31</v>
      </c>
      <c r="CV9" s="196">
        <v>138</v>
      </c>
      <c r="CW9" s="195">
        <v>138</v>
      </c>
    </row>
    <row r="10" spans="2:101" ht="21" customHeight="1" x14ac:dyDescent="0.2">
      <c r="B10" s="106" t="s">
        <v>7</v>
      </c>
      <c r="C10" s="190">
        <v>0</v>
      </c>
      <c r="D10" s="196">
        <v>0</v>
      </c>
      <c r="E10" s="207">
        <v>0</v>
      </c>
      <c r="F10" s="193">
        <v>0</v>
      </c>
      <c r="G10" s="191">
        <v>5</v>
      </c>
      <c r="H10" s="191">
        <v>6</v>
      </c>
      <c r="I10" s="191">
        <v>5</v>
      </c>
      <c r="J10" s="191">
        <v>6</v>
      </c>
      <c r="K10" s="191">
        <v>0</v>
      </c>
      <c r="L10" s="194">
        <v>22</v>
      </c>
      <c r="M10" s="195">
        <v>22</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1203</v>
      </c>
      <c r="AD10" s="191">
        <v>696</v>
      </c>
      <c r="AE10" s="191">
        <v>274</v>
      </c>
      <c r="AF10" s="191">
        <v>120</v>
      </c>
      <c r="AG10" s="191">
        <v>57</v>
      </c>
      <c r="AH10" s="196">
        <v>2350</v>
      </c>
      <c r="AI10" s="195">
        <v>2350</v>
      </c>
      <c r="AJ10" s="190">
        <v>0</v>
      </c>
      <c r="AK10" s="191">
        <v>1</v>
      </c>
      <c r="AL10" s="196">
        <v>1</v>
      </c>
      <c r="AM10" s="193">
        <v>0</v>
      </c>
      <c r="AN10" s="191">
        <v>90</v>
      </c>
      <c r="AO10" s="191">
        <v>85</v>
      </c>
      <c r="AP10" s="191">
        <v>79</v>
      </c>
      <c r="AQ10" s="191">
        <v>36</v>
      </c>
      <c r="AR10" s="191">
        <v>23</v>
      </c>
      <c r="AS10" s="196">
        <v>313</v>
      </c>
      <c r="AT10" s="195">
        <v>314</v>
      </c>
      <c r="AU10" s="190">
        <v>3</v>
      </c>
      <c r="AV10" s="191">
        <v>2</v>
      </c>
      <c r="AW10" s="196">
        <v>5</v>
      </c>
      <c r="AX10" s="193">
        <v>0</v>
      </c>
      <c r="AY10" s="191">
        <v>51</v>
      </c>
      <c r="AZ10" s="191">
        <v>38</v>
      </c>
      <c r="BA10" s="191">
        <v>35</v>
      </c>
      <c r="BB10" s="191">
        <v>17</v>
      </c>
      <c r="BC10" s="191">
        <v>11</v>
      </c>
      <c r="BD10" s="196">
        <v>152</v>
      </c>
      <c r="BE10" s="195">
        <v>157</v>
      </c>
      <c r="BF10" s="190">
        <v>0</v>
      </c>
      <c r="BG10" s="191">
        <v>0</v>
      </c>
      <c r="BH10" s="196">
        <v>0</v>
      </c>
      <c r="BI10" s="193">
        <v>0</v>
      </c>
      <c r="BJ10" s="191">
        <v>126</v>
      </c>
      <c r="BK10" s="191">
        <v>149</v>
      </c>
      <c r="BL10" s="191">
        <v>153</v>
      </c>
      <c r="BM10" s="191">
        <v>124</v>
      </c>
      <c r="BN10" s="191">
        <v>66</v>
      </c>
      <c r="BO10" s="194">
        <v>618</v>
      </c>
      <c r="BP10" s="195">
        <v>618</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2</v>
      </c>
      <c r="CR10" s="191">
        <v>12</v>
      </c>
      <c r="CS10" s="191">
        <v>16</v>
      </c>
      <c r="CT10" s="191">
        <v>12</v>
      </c>
      <c r="CU10" s="191">
        <v>17</v>
      </c>
      <c r="CV10" s="196">
        <v>69</v>
      </c>
      <c r="CW10" s="195">
        <v>69</v>
      </c>
    </row>
    <row r="11" spans="2:101" ht="21" customHeight="1" x14ac:dyDescent="0.2">
      <c r="B11" s="106" t="s">
        <v>8</v>
      </c>
      <c r="C11" s="190">
        <v>0</v>
      </c>
      <c r="D11" s="196">
        <v>0</v>
      </c>
      <c r="E11" s="207">
        <v>0</v>
      </c>
      <c r="F11" s="193">
        <v>0</v>
      </c>
      <c r="G11" s="191">
        <v>5</v>
      </c>
      <c r="H11" s="191">
        <v>3</v>
      </c>
      <c r="I11" s="191">
        <v>4</v>
      </c>
      <c r="J11" s="191">
        <v>3</v>
      </c>
      <c r="K11" s="191">
        <v>3</v>
      </c>
      <c r="L11" s="194">
        <v>18</v>
      </c>
      <c r="M11" s="195">
        <v>18</v>
      </c>
      <c r="N11" s="190">
        <v>0</v>
      </c>
      <c r="O11" s="191">
        <v>0</v>
      </c>
      <c r="P11" s="196">
        <v>0</v>
      </c>
      <c r="Q11" s="193">
        <v>0</v>
      </c>
      <c r="R11" s="191">
        <v>2</v>
      </c>
      <c r="S11" s="191">
        <v>2</v>
      </c>
      <c r="T11" s="191">
        <v>0</v>
      </c>
      <c r="U11" s="191">
        <v>3</v>
      </c>
      <c r="V11" s="191">
        <v>1</v>
      </c>
      <c r="W11" s="196">
        <v>8</v>
      </c>
      <c r="X11" s="195">
        <v>8</v>
      </c>
      <c r="Y11" s="190">
        <v>0</v>
      </c>
      <c r="Z11" s="191">
        <v>0</v>
      </c>
      <c r="AA11" s="196">
        <v>0</v>
      </c>
      <c r="AB11" s="193">
        <v>0</v>
      </c>
      <c r="AC11" s="191">
        <v>548</v>
      </c>
      <c r="AD11" s="191">
        <v>465</v>
      </c>
      <c r="AE11" s="191">
        <v>182</v>
      </c>
      <c r="AF11" s="191">
        <v>83</v>
      </c>
      <c r="AG11" s="191">
        <v>47</v>
      </c>
      <c r="AH11" s="196">
        <v>1325</v>
      </c>
      <c r="AI11" s="195">
        <v>1325</v>
      </c>
      <c r="AJ11" s="190">
        <v>0</v>
      </c>
      <c r="AK11" s="191">
        <v>0</v>
      </c>
      <c r="AL11" s="196">
        <v>0</v>
      </c>
      <c r="AM11" s="193">
        <v>0</v>
      </c>
      <c r="AN11" s="191">
        <v>6</v>
      </c>
      <c r="AO11" s="191">
        <v>11</v>
      </c>
      <c r="AP11" s="191">
        <v>5</v>
      </c>
      <c r="AQ11" s="191">
        <v>12</v>
      </c>
      <c r="AR11" s="191">
        <v>6</v>
      </c>
      <c r="AS11" s="196">
        <v>40</v>
      </c>
      <c r="AT11" s="195">
        <v>40</v>
      </c>
      <c r="AU11" s="190">
        <v>14</v>
      </c>
      <c r="AV11" s="191">
        <v>10</v>
      </c>
      <c r="AW11" s="196">
        <v>24</v>
      </c>
      <c r="AX11" s="193">
        <v>0</v>
      </c>
      <c r="AY11" s="191">
        <v>60</v>
      </c>
      <c r="AZ11" s="191">
        <v>52</v>
      </c>
      <c r="BA11" s="191">
        <v>47</v>
      </c>
      <c r="BB11" s="191">
        <v>21</v>
      </c>
      <c r="BC11" s="191">
        <v>12</v>
      </c>
      <c r="BD11" s="196">
        <v>192</v>
      </c>
      <c r="BE11" s="195">
        <v>216</v>
      </c>
      <c r="BF11" s="190">
        <v>0</v>
      </c>
      <c r="BG11" s="191">
        <v>0</v>
      </c>
      <c r="BH11" s="196">
        <v>0</v>
      </c>
      <c r="BI11" s="193">
        <v>0</v>
      </c>
      <c r="BJ11" s="191">
        <v>69</v>
      </c>
      <c r="BK11" s="191">
        <v>65</v>
      </c>
      <c r="BL11" s="191">
        <v>88</v>
      </c>
      <c r="BM11" s="191">
        <v>61</v>
      </c>
      <c r="BN11" s="191">
        <v>34</v>
      </c>
      <c r="BO11" s="194">
        <v>317</v>
      </c>
      <c r="BP11" s="195">
        <v>317</v>
      </c>
      <c r="BQ11" s="190">
        <v>0</v>
      </c>
      <c r="BR11" s="191">
        <v>0</v>
      </c>
      <c r="BS11" s="196">
        <v>0</v>
      </c>
      <c r="BT11" s="193">
        <v>0</v>
      </c>
      <c r="BU11" s="191">
        <v>3</v>
      </c>
      <c r="BV11" s="191">
        <v>6</v>
      </c>
      <c r="BW11" s="191">
        <v>13</v>
      </c>
      <c r="BX11" s="191">
        <v>11</v>
      </c>
      <c r="BY11" s="191">
        <v>10</v>
      </c>
      <c r="BZ11" s="196">
        <v>43</v>
      </c>
      <c r="CA11" s="195">
        <v>43</v>
      </c>
      <c r="CB11" s="190">
        <v>0</v>
      </c>
      <c r="CC11" s="191">
        <v>0</v>
      </c>
      <c r="CD11" s="196">
        <v>0</v>
      </c>
      <c r="CE11" s="193">
        <v>0</v>
      </c>
      <c r="CF11" s="191">
        <v>0</v>
      </c>
      <c r="CG11" s="191">
        <v>0</v>
      </c>
      <c r="CH11" s="191">
        <v>7</v>
      </c>
      <c r="CI11" s="191">
        <v>14</v>
      </c>
      <c r="CJ11" s="191">
        <v>4</v>
      </c>
      <c r="CK11" s="196">
        <v>25</v>
      </c>
      <c r="CL11" s="195">
        <v>25</v>
      </c>
      <c r="CM11" s="190">
        <v>0</v>
      </c>
      <c r="CN11" s="191">
        <v>0</v>
      </c>
      <c r="CO11" s="196">
        <v>0</v>
      </c>
      <c r="CP11" s="193">
        <v>0</v>
      </c>
      <c r="CQ11" s="191">
        <v>13</v>
      </c>
      <c r="CR11" s="191">
        <v>16</v>
      </c>
      <c r="CS11" s="191">
        <v>18</v>
      </c>
      <c r="CT11" s="191">
        <v>11</v>
      </c>
      <c r="CU11" s="191">
        <v>10</v>
      </c>
      <c r="CV11" s="196">
        <v>68</v>
      </c>
      <c r="CW11" s="195">
        <v>68</v>
      </c>
    </row>
    <row r="12" spans="2:101" ht="21" customHeight="1" x14ac:dyDescent="0.2">
      <c r="B12" s="106" t="s">
        <v>9</v>
      </c>
      <c r="C12" s="190">
        <v>0</v>
      </c>
      <c r="D12" s="196">
        <v>0</v>
      </c>
      <c r="E12" s="207">
        <v>0</v>
      </c>
      <c r="F12" s="193">
        <v>0</v>
      </c>
      <c r="G12" s="191">
        <v>0</v>
      </c>
      <c r="H12" s="191">
        <v>3</v>
      </c>
      <c r="I12" s="191">
        <v>2</v>
      </c>
      <c r="J12" s="191">
        <v>9</v>
      </c>
      <c r="K12" s="191">
        <v>4</v>
      </c>
      <c r="L12" s="194">
        <v>18</v>
      </c>
      <c r="M12" s="195">
        <v>18</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06</v>
      </c>
      <c r="AD12" s="191">
        <v>253</v>
      </c>
      <c r="AE12" s="191">
        <v>148</v>
      </c>
      <c r="AF12" s="191">
        <v>88</v>
      </c>
      <c r="AG12" s="191">
        <v>29</v>
      </c>
      <c r="AH12" s="196">
        <v>924</v>
      </c>
      <c r="AI12" s="195">
        <v>924</v>
      </c>
      <c r="AJ12" s="190">
        <v>0</v>
      </c>
      <c r="AK12" s="191">
        <v>0</v>
      </c>
      <c r="AL12" s="196">
        <v>0</v>
      </c>
      <c r="AM12" s="193">
        <v>0</v>
      </c>
      <c r="AN12" s="191">
        <v>6</v>
      </c>
      <c r="AO12" s="191">
        <v>7</v>
      </c>
      <c r="AP12" s="191">
        <v>9</v>
      </c>
      <c r="AQ12" s="191">
        <v>0</v>
      </c>
      <c r="AR12" s="191">
        <v>6</v>
      </c>
      <c r="AS12" s="196">
        <v>28</v>
      </c>
      <c r="AT12" s="195">
        <v>28</v>
      </c>
      <c r="AU12" s="190">
        <v>1</v>
      </c>
      <c r="AV12" s="191">
        <v>3</v>
      </c>
      <c r="AW12" s="196">
        <v>4</v>
      </c>
      <c r="AX12" s="193">
        <v>0</v>
      </c>
      <c r="AY12" s="191">
        <v>23</v>
      </c>
      <c r="AZ12" s="191">
        <v>18</v>
      </c>
      <c r="BA12" s="191">
        <v>12</v>
      </c>
      <c r="BB12" s="191">
        <v>14</v>
      </c>
      <c r="BC12" s="191">
        <v>5</v>
      </c>
      <c r="BD12" s="196">
        <v>72</v>
      </c>
      <c r="BE12" s="195">
        <v>76</v>
      </c>
      <c r="BF12" s="190">
        <v>0</v>
      </c>
      <c r="BG12" s="191">
        <v>0</v>
      </c>
      <c r="BH12" s="196">
        <v>0</v>
      </c>
      <c r="BI12" s="193">
        <v>0</v>
      </c>
      <c r="BJ12" s="191">
        <v>33</v>
      </c>
      <c r="BK12" s="191">
        <v>63</v>
      </c>
      <c r="BL12" s="191">
        <v>80</v>
      </c>
      <c r="BM12" s="191">
        <v>65</v>
      </c>
      <c r="BN12" s="191">
        <v>29</v>
      </c>
      <c r="BO12" s="194">
        <v>270</v>
      </c>
      <c r="BP12" s="195">
        <v>270</v>
      </c>
      <c r="BQ12" s="190">
        <v>0</v>
      </c>
      <c r="BR12" s="191">
        <v>0</v>
      </c>
      <c r="BS12" s="196">
        <v>0</v>
      </c>
      <c r="BT12" s="193">
        <v>0</v>
      </c>
      <c r="BU12" s="191">
        <v>0</v>
      </c>
      <c r="BV12" s="191">
        <v>0</v>
      </c>
      <c r="BW12" s="191">
        <v>0</v>
      </c>
      <c r="BX12" s="191">
        <v>0</v>
      </c>
      <c r="BY12" s="191">
        <v>0</v>
      </c>
      <c r="BZ12" s="196">
        <v>0</v>
      </c>
      <c r="CA12" s="195">
        <v>0</v>
      </c>
      <c r="CB12" s="190">
        <v>0</v>
      </c>
      <c r="CC12" s="191">
        <v>0</v>
      </c>
      <c r="CD12" s="196">
        <v>0</v>
      </c>
      <c r="CE12" s="193">
        <v>0</v>
      </c>
      <c r="CF12" s="191">
        <v>0</v>
      </c>
      <c r="CG12" s="191">
        <v>0</v>
      </c>
      <c r="CH12" s="191">
        <v>0</v>
      </c>
      <c r="CI12" s="191">
        <v>1</v>
      </c>
      <c r="CJ12" s="191">
        <v>0</v>
      </c>
      <c r="CK12" s="196">
        <v>1</v>
      </c>
      <c r="CL12" s="195">
        <v>1</v>
      </c>
      <c r="CM12" s="190">
        <v>0</v>
      </c>
      <c r="CN12" s="191">
        <v>0</v>
      </c>
      <c r="CO12" s="196">
        <v>0</v>
      </c>
      <c r="CP12" s="193">
        <v>0</v>
      </c>
      <c r="CQ12" s="191">
        <v>4</v>
      </c>
      <c r="CR12" s="191">
        <v>6</v>
      </c>
      <c r="CS12" s="191">
        <v>11</v>
      </c>
      <c r="CT12" s="191">
        <v>10</v>
      </c>
      <c r="CU12" s="191">
        <v>16</v>
      </c>
      <c r="CV12" s="196">
        <v>47</v>
      </c>
      <c r="CW12" s="195">
        <v>47</v>
      </c>
    </row>
    <row r="13" spans="2:101" ht="21" customHeight="1" x14ac:dyDescent="0.2">
      <c r="B13" s="106" t="s">
        <v>10</v>
      </c>
      <c r="C13" s="190">
        <v>0</v>
      </c>
      <c r="D13" s="196">
        <v>0</v>
      </c>
      <c r="E13" s="207">
        <v>0</v>
      </c>
      <c r="F13" s="193">
        <v>0</v>
      </c>
      <c r="G13" s="191">
        <v>18</v>
      </c>
      <c r="H13" s="191">
        <v>17</v>
      </c>
      <c r="I13" s="191">
        <v>12</v>
      </c>
      <c r="J13" s="191">
        <v>17</v>
      </c>
      <c r="K13" s="191">
        <v>15</v>
      </c>
      <c r="L13" s="194">
        <v>79</v>
      </c>
      <c r="M13" s="195">
        <v>79</v>
      </c>
      <c r="N13" s="190">
        <v>0</v>
      </c>
      <c r="O13" s="191">
        <v>0</v>
      </c>
      <c r="P13" s="196">
        <v>0</v>
      </c>
      <c r="Q13" s="193">
        <v>0</v>
      </c>
      <c r="R13" s="191">
        <v>11</v>
      </c>
      <c r="S13" s="191">
        <v>3</v>
      </c>
      <c r="T13" s="191">
        <v>7</v>
      </c>
      <c r="U13" s="191">
        <v>8</v>
      </c>
      <c r="V13" s="191">
        <v>6</v>
      </c>
      <c r="W13" s="196">
        <v>35</v>
      </c>
      <c r="X13" s="195">
        <v>35</v>
      </c>
      <c r="Y13" s="190">
        <v>0</v>
      </c>
      <c r="Z13" s="191">
        <v>0</v>
      </c>
      <c r="AA13" s="196">
        <v>0</v>
      </c>
      <c r="AB13" s="193">
        <v>0</v>
      </c>
      <c r="AC13" s="191">
        <v>568</v>
      </c>
      <c r="AD13" s="191">
        <v>238</v>
      </c>
      <c r="AE13" s="191">
        <v>131</v>
      </c>
      <c r="AF13" s="191">
        <v>61</v>
      </c>
      <c r="AG13" s="191">
        <v>26</v>
      </c>
      <c r="AH13" s="196">
        <v>1024</v>
      </c>
      <c r="AI13" s="195">
        <v>1024</v>
      </c>
      <c r="AJ13" s="190">
        <v>0</v>
      </c>
      <c r="AK13" s="191">
        <v>1</v>
      </c>
      <c r="AL13" s="196">
        <v>1</v>
      </c>
      <c r="AM13" s="193">
        <v>0</v>
      </c>
      <c r="AN13" s="191">
        <v>14</v>
      </c>
      <c r="AO13" s="191">
        <v>9</v>
      </c>
      <c r="AP13" s="191">
        <v>23</v>
      </c>
      <c r="AQ13" s="191">
        <v>16</v>
      </c>
      <c r="AR13" s="191">
        <v>7</v>
      </c>
      <c r="AS13" s="196">
        <v>69</v>
      </c>
      <c r="AT13" s="195">
        <v>70</v>
      </c>
      <c r="AU13" s="190">
        <v>9</v>
      </c>
      <c r="AV13" s="191">
        <v>12</v>
      </c>
      <c r="AW13" s="196">
        <v>21</v>
      </c>
      <c r="AX13" s="193">
        <v>0</v>
      </c>
      <c r="AY13" s="191">
        <v>60</v>
      </c>
      <c r="AZ13" s="191">
        <v>59</v>
      </c>
      <c r="BA13" s="191">
        <v>56</v>
      </c>
      <c r="BB13" s="191">
        <v>46</v>
      </c>
      <c r="BC13" s="191">
        <v>32</v>
      </c>
      <c r="BD13" s="196">
        <v>253</v>
      </c>
      <c r="BE13" s="195">
        <v>274</v>
      </c>
      <c r="BF13" s="190">
        <v>0</v>
      </c>
      <c r="BG13" s="191">
        <v>2</v>
      </c>
      <c r="BH13" s="196">
        <v>2</v>
      </c>
      <c r="BI13" s="193">
        <v>0</v>
      </c>
      <c r="BJ13" s="191">
        <v>109</v>
      </c>
      <c r="BK13" s="191">
        <v>109</v>
      </c>
      <c r="BL13" s="191">
        <v>114</v>
      </c>
      <c r="BM13" s="191">
        <v>86</v>
      </c>
      <c r="BN13" s="191">
        <v>71</v>
      </c>
      <c r="BO13" s="194">
        <v>489</v>
      </c>
      <c r="BP13" s="195">
        <v>491</v>
      </c>
      <c r="BQ13" s="190">
        <v>0</v>
      </c>
      <c r="BR13" s="191">
        <v>0</v>
      </c>
      <c r="BS13" s="196">
        <v>0</v>
      </c>
      <c r="BT13" s="193">
        <v>0</v>
      </c>
      <c r="BU13" s="191">
        <v>39</v>
      </c>
      <c r="BV13" s="191">
        <v>25</v>
      </c>
      <c r="BW13" s="191">
        <v>28</v>
      </c>
      <c r="BX13" s="191">
        <v>35</v>
      </c>
      <c r="BY13" s="191">
        <v>28</v>
      </c>
      <c r="BZ13" s="196">
        <v>155</v>
      </c>
      <c r="CA13" s="195">
        <v>155</v>
      </c>
      <c r="CB13" s="190">
        <v>0</v>
      </c>
      <c r="CC13" s="191">
        <v>0</v>
      </c>
      <c r="CD13" s="196">
        <v>0</v>
      </c>
      <c r="CE13" s="193">
        <v>0</v>
      </c>
      <c r="CF13" s="191">
        <v>0</v>
      </c>
      <c r="CG13" s="191">
        <v>1</v>
      </c>
      <c r="CH13" s="191">
        <v>5</v>
      </c>
      <c r="CI13" s="191">
        <v>19</v>
      </c>
      <c r="CJ13" s="191">
        <v>16</v>
      </c>
      <c r="CK13" s="196">
        <v>41</v>
      </c>
      <c r="CL13" s="195">
        <v>41</v>
      </c>
      <c r="CM13" s="190">
        <v>0</v>
      </c>
      <c r="CN13" s="191">
        <v>0</v>
      </c>
      <c r="CO13" s="196">
        <v>0</v>
      </c>
      <c r="CP13" s="193">
        <v>0</v>
      </c>
      <c r="CQ13" s="191">
        <v>25</v>
      </c>
      <c r="CR13" s="191">
        <v>29</v>
      </c>
      <c r="CS13" s="191">
        <v>24</v>
      </c>
      <c r="CT13" s="191">
        <v>39</v>
      </c>
      <c r="CU13" s="191">
        <v>22</v>
      </c>
      <c r="CV13" s="196">
        <v>139</v>
      </c>
      <c r="CW13" s="195">
        <v>139</v>
      </c>
    </row>
    <row r="14" spans="2:101" ht="21" customHeight="1" x14ac:dyDescent="0.2">
      <c r="B14" s="106" t="s">
        <v>11</v>
      </c>
      <c r="C14" s="190">
        <v>0</v>
      </c>
      <c r="D14" s="196">
        <v>0</v>
      </c>
      <c r="E14" s="207">
        <v>0</v>
      </c>
      <c r="F14" s="193">
        <v>0</v>
      </c>
      <c r="G14" s="191">
        <v>9</v>
      </c>
      <c r="H14" s="191">
        <v>6</v>
      </c>
      <c r="I14" s="191">
        <v>6</v>
      </c>
      <c r="J14" s="191">
        <v>6</v>
      </c>
      <c r="K14" s="191">
        <v>5</v>
      </c>
      <c r="L14" s="194">
        <v>32</v>
      </c>
      <c r="M14" s="195">
        <v>32</v>
      </c>
      <c r="N14" s="190">
        <v>0</v>
      </c>
      <c r="O14" s="191">
        <v>0</v>
      </c>
      <c r="P14" s="196">
        <v>0</v>
      </c>
      <c r="Q14" s="193">
        <v>0</v>
      </c>
      <c r="R14" s="191">
        <v>14</v>
      </c>
      <c r="S14" s="191">
        <v>15</v>
      </c>
      <c r="T14" s="191">
        <v>12</v>
      </c>
      <c r="U14" s="191">
        <v>14</v>
      </c>
      <c r="V14" s="191">
        <v>5</v>
      </c>
      <c r="W14" s="196">
        <v>60</v>
      </c>
      <c r="X14" s="195">
        <v>60</v>
      </c>
      <c r="Y14" s="190">
        <v>0</v>
      </c>
      <c r="Z14" s="191">
        <v>0</v>
      </c>
      <c r="AA14" s="196">
        <v>0</v>
      </c>
      <c r="AB14" s="193">
        <v>0</v>
      </c>
      <c r="AC14" s="191">
        <v>500</v>
      </c>
      <c r="AD14" s="191">
        <v>255</v>
      </c>
      <c r="AE14" s="191">
        <v>157</v>
      </c>
      <c r="AF14" s="191">
        <v>71</v>
      </c>
      <c r="AG14" s="191">
        <v>33</v>
      </c>
      <c r="AH14" s="196">
        <v>1016</v>
      </c>
      <c r="AI14" s="195">
        <v>1016</v>
      </c>
      <c r="AJ14" s="190">
        <v>0</v>
      </c>
      <c r="AK14" s="191">
        <v>0</v>
      </c>
      <c r="AL14" s="196">
        <v>0</v>
      </c>
      <c r="AM14" s="193">
        <v>0</v>
      </c>
      <c r="AN14" s="191">
        <v>20</v>
      </c>
      <c r="AO14" s="191">
        <v>16</v>
      </c>
      <c r="AP14" s="191">
        <v>13</v>
      </c>
      <c r="AQ14" s="191">
        <v>2</v>
      </c>
      <c r="AR14" s="191">
        <v>1</v>
      </c>
      <c r="AS14" s="196">
        <v>52</v>
      </c>
      <c r="AT14" s="195">
        <v>52</v>
      </c>
      <c r="AU14" s="190">
        <v>2</v>
      </c>
      <c r="AV14" s="191">
        <v>7</v>
      </c>
      <c r="AW14" s="196">
        <v>9</v>
      </c>
      <c r="AX14" s="193">
        <v>0</v>
      </c>
      <c r="AY14" s="191">
        <v>42</v>
      </c>
      <c r="AZ14" s="191">
        <v>37</v>
      </c>
      <c r="BA14" s="191">
        <v>43</v>
      </c>
      <c r="BB14" s="191">
        <v>20</v>
      </c>
      <c r="BC14" s="191">
        <v>8</v>
      </c>
      <c r="BD14" s="196">
        <v>150</v>
      </c>
      <c r="BE14" s="195">
        <v>159</v>
      </c>
      <c r="BF14" s="190">
        <v>0</v>
      </c>
      <c r="BG14" s="191">
        <v>2</v>
      </c>
      <c r="BH14" s="196">
        <v>2</v>
      </c>
      <c r="BI14" s="193">
        <v>0</v>
      </c>
      <c r="BJ14" s="191">
        <v>48</v>
      </c>
      <c r="BK14" s="191">
        <v>57</v>
      </c>
      <c r="BL14" s="191">
        <v>71</v>
      </c>
      <c r="BM14" s="191">
        <v>41</v>
      </c>
      <c r="BN14" s="191">
        <v>17</v>
      </c>
      <c r="BO14" s="194">
        <v>234</v>
      </c>
      <c r="BP14" s="195">
        <v>236</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1</v>
      </c>
      <c r="CH14" s="191">
        <v>1</v>
      </c>
      <c r="CI14" s="191">
        <v>0</v>
      </c>
      <c r="CJ14" s="191">
        <v>0</v>
      </c>
      <c r="CK14" s="196">
        <v>2</v>
      </c>
      <c r="CL14" s="195">
        <v>2</v>
      </c>
      <c r="CM14" s="190">
        <v>0</v>
      </c>
      <c r="CN14" s="191">
        <v>0</v>
      </c>
      <c r="CO14" s="196">
        <v>0</v>
      </c>
      <c r="CP14" s="193">
        <v>0</v>
      </c>
      <c r="CQ14" s="191">
        <v>10</v>
      </c>
      <c r="CR14" s="191">
        <v>2</v>
      </c>
      <c r="CS14" s="191">
        <v>5</v>
      </c>
      <c r="CT14" s="191">
        <v>10</v>
      </c>
      <c r="CU14" s="191">
        <v>3</v>
      </c>
      <c r="CV14" s="196">
        <v>30</v>
      </c>
      <c r="CW14" s="195">
        <v>30</v>
      </c>
    </row>
    <row r="15" spans="2:101" ht="21" customHeight="1" x14ac:dyDescent="0.2">
      <c r="B15" s="106" t="s">
        <v>12</v>
      </c>
      <c r="C15" s="190">
        <v>0</v>
      </c>
      <c r="D15" s="196">
        <v>0</v>
      </c>
      <c r="E15" s="207">
        <v>0</v>
      </c>
      <c r="F15" s="193">
        <v>0</v>
      </c>
      <c r="G15" s="191">
        <v>8</v>
      </c>
      <c r="H15" s="191">
        <v>5</v>
      </c>
      <c r="I15" s="191">
        <v>3</v>
      </c>
      <c r="J15" s="191">
        <v>3</v>
      </c>
      <c r="K15" s="191">
        <v>4</v>
      </c>
      <c r="L15" s="194">
        <v>23</v>
      </c>
      <c r="M15" s="195">
        <v>23</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376</v>
      </c>
      <c r="AD15" s="191">
        <v>242</v>
      </c>
      <c r="AE15" s="191">
        <v>130</v>
      </c>
      <c r="AF15" s="191">
        <v>63</v>
      </c>
      <c r="AG15" s="191">
        <v>29</v>
      </c>
      <c r="AH15" s="196">
        <v>840</v>
      </c>
      <c r="AI15" s="195">
        <v>840</v>
      </c>
      <c r="AJ15" s="190">
        <v>0</v>
      </c>
      <c r="AK15" s="191">
        <v>0</v>
      </c>
      <c r="AL15" s="196">
        <v>0</v>
      </c>
      <c r="AM15" s="193">
        <v>0</v>
      </c>
      <c r="AN15" s="191">
        <v>4</v>
      </c>
      <c r="AO15" s="191">
        <v>2</v>
      </c>
      <c r="AP15" s="191">
        <v>1</v>
      </c>
      <c r="AQ15" s="191">
        <v>2</v>
      </c>
      <c r="AR15" s="191">
        <v>2</v>
      </c>
      <c r="AS15" s="196">
        <v>11</v>
      </c>
      <c r="AT15" s="195">
        <v>11</v>
      </c>
      <c r="AU15" s="190">
        <v>0</v>
      </c>
      <c r="AV15" s="191">
        <v>1</v>
      </c>
      <c r="AW15" s="196">
        <v>1</v>
      </c>
      <c r="AX15" s="193">
        <v>0</v>
      </c>
      <c r="AY15" s="191">
        <v>26</v>
      </c>
      <c r="AZ15" s="191">
        <v>41</v>
      </c>
      <c r="BA15" s="191">
        <v>47</v>
      </c>
      <c r="BB15" s="191">
        <v>40</v>
      </c>
      <c r="BC15" s="191">
        <v>30</v>
      </c>
      <c r="BD15" s="196">
        <v>184</v>
      </c>
      <c r="BE15" s="195">
        <v>185</v>
      </c>
      <c r="BF15" s="190">
        <v>0</v>
      </c>
      <c r="BG15" s="191">
        <v>0</v>
      </c>
      <c r="BH15" s="196">
        <v>0</v>
      </c>
      <c r="BI15" s="193">
        <v>0</v>
      </c>
      <c r="BJ15" s="191">
        <v>27</v>
      </c>
      <c r="BK15" s="191">
        <v>44</v>
      </c>
      <c r="BL15" s="191">
        <v>40</v>
      </c>
      <c r="BM15" s="191">
        <v>30</v>
      </c>
      <c r="BN15" s="191">
        <v>34</v>
      </c>
      <c r="BO15" s="194">
        <v>175</v>
      </c>
      <c r="BP15" s="195">
        <v>175</v>
      </c>
      <c r="BQ15" s="190">
        <v>0</v>
      </c>
      <c r="BR15" s="191">
        <v>0</v>
      </c>
      <c r="BS15" s="196">
        <v>0</v>
      </c>
      <c r="BT15" s="193">
        <v>0</v>
      </c>
      <c r="BU15" s="191">
        <v>0</v>
      </c>
      <c r="BV15" s="191">
        <v>6</v>
      </c>
      <c r="BW15" s="191">
        <v>8</v>
      </c>
      <c r="BX15" s="191">
        <v>10</v>
      </c>
      <c r="BY15" s="191">
        <v>4</v>
      </c>
      <c r="BZ15" s="196">
        <v>28</v>
      </c>
      <c r="CA15" s="195">
        <v>28</v>
      </c>
      <c r="CB15" s="190">
        <v>0</v>
      </c>
      <c r="CC15" s="191">
        <v>0</v>
      </c>
      <c r="CD15" s="196">
        <v>0</v>
      </c>
      <c r="CE15" s="193">
        <v>0</v>
      </c>
      <c r="CF15" s="191">
        <v>0</v>
      </c>
      <c r="CG15" s="191">
        <v>0</v>
      </c>
      <c r="CH15" s="191">
        <v>12</v>
      </c>
      <c r="CI15" s="191">
        <v>13</v>
      </c>
      <c r="CJ15" s="191">
        <v>4</v>
      </c>
      <c r="CK15" s="196">
        <v>29</v>
      </c>
      <c r="CL15" s="195">
        <v>29</v>
      </c>
      <c r="CM15" s="190">
        <v>0</v>
      </c>
      <c r="CN15" s="191">
        <v>0</v>
      </c>
      <c r="CO15" s="196">
        <v>0</v>
      </c>
      <c r="CP15" s="193">
        <v>0</v>
      </c>
      <c r="CQ15" s="191">
        <v>9</v>
      </c>
      <c r="CR15" s="191">
        <v>16</v>
      </c>
      <c r="CS15" s="191">
        <v>24</v>
      </c>
      <c r="CT15" s="191">
        <v>24</v>
      </c>
      <c r="CU15" s="191">
        <v>15</v>
      </c>
      <c r="CV15" s="196">
        <v>88</v>
      </c>
      <c r="CW15" s="195">
        <v>88</v>
      </c>
    </row>
    <row r="16" spans="2:101" ht="21" customHeight="1" x14ac:dyDescent="0.2">
      <c r="B16" s="106" t="s">
        <v>13</v>
      </c>
      <c r="C16" s="190">
        <v>0</v>
      </c>
      <c r="D16" s="196">
        <v>0</v>
      </c>
      <c r="E16" s="207">
        <v>0</v>
      </c>
      <c r="F16" s="193">
        <v>0</v>
      </c>
      <c r="G16" s="191">
        <v>2</v>
      </c>
      <c r="H16" s="191">
        <v>1</v>
      </c>
      <c r="I16" s="191">
        <v>1</v>
      </c>
      <c r="J16" s="191">
        <v>0</v>
      </c>
      <c r="K16" s="191">
        <v>2</v>
      </c>
      <c r="L16" s="194">
        <v>6</v>
      </c>
      <c r="M16" s="195">
        <v>6</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52</v>
      </c>
      <c r="AD16" s="191">
        <v>144</v>
      </c>
      <c r="AE16" s="191">
        <v>66</v>
      </c>
      <c r="AF16" s="191">
        <v>33</v>
      </c>
      <c r="AG16" s="191">
        <v>13</v>
      </c>
      <c r="AH16" s="196">
        <v>408</v>
      </c>
      <c r="AI16" s="195">
        <v>408</v>
      </c>
      <c r="AJ16" s="190">
        <v>0</v>
      </c>
      <c r="AK16" s="191">
        <v>0</v>
      </c>
      <c r="AL16" s="196">
        <v>0</v>
      </c>
      <c r="AM16" s="193">
        <v>0</v>
      </c>
      <c r="AN16" s="191">
        <v>1</v>
      </c>
      <c r="AO16" s="191">
        <v>8</v>
      </c>
      <c r="AP16" s="191">
        <v>10</v>
      </c>
      <c r="AQ16" s="191">
        <v>3</v>
      </c>
      <c r="AR16" s="191">
        <v>8</v>
      </c>
      <c r="AS16" s="196">
        <v>30</v>
      </c>
      <c r="AT16" s="195">
        <v>30</v>
      </c>
      <c r="AU16" s="190">
        <v>1</v>
      </c>
      <c r="AV16" s="191">
        <v>1</v>
      </c>
      <c r="AW16" s="196">
        <v>2</v>
      </c>
      <c r="AX16" s="193">
        <v>0</v>
      </c>
      <c r="AY16" s="191">
        <v>11</v>
      </c>
      <c r="AZ16" s="191">
        <v>10</v>
      </c>
      <c r="BA16" s="191">
        <v>7</v>
      </c>
      <c r="BB16" s="191">
        <v>1</v>
      </c>
      <c r="BC16" s="191">
        <v>3</v>
      </c>
      <c r="BD16" s="196">
        <v>32</v>
      </c>
      <c r="BE16" s="195">
        <v>34</v>
      </c>
      <c r="BF16" s="190">
        <v>0</v>
      </c>
      <c r="BG16" s="191">
        <v>0</v>
      </c>
      <c r="BH16" s="196">
        <v>0</v>
      </c>
      <c r="BI16" s="193">
        <v>0</v>
      </c>
      <c r="BJ16" s="191">
        <v>12</v>
      </c>
      <c r="BK16" s="191">
        <v>13</v>
      </c>
      <c r="BL16" s="191">
        <v>14</v>
      </c>
      <c r="BM16" s="191">
        <v>21</v>
      </c>
      <c r="BN16" s="191">
        <v>9</v>
      </c>
      <c r="BO16" s="194">
        <v>69</v>
      </c>
      <c r="BP16" s="195">
        <v>69</v>
      </c>
      <c r="BQ16" s="190">
        <v>0</v>
      </c>
      <c r="BR16" s="191">
        <v>0</v>
      </c>
      <c r="BS16" s="196">
        <v>0</v>
      </c>
      <c r="BT16" s="193">
        <v>0</v>
      </c>
      <c r="BU16" s="191">
        <v>4</v>
      </c>
      <c r="BV16" s="191">
        <v>1</v>
      </c>
      <c r="BW16" s="191">
        <v>3</v>
      </c>
      <c r="BX16" s="191">
        <v>5</v>
      </c>
      <c r="BY16" s="191">
        <v>1</v>
      </c>
      <c r="BZ16" s="196">
        <v>14</v>
      </c>
      <c r="CA16" s="195">
        <v>14</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4</v>
      </c>
      <c r="H17" s="191">
        <v>2</v>
      </c>
      <c r="I17" s="191">
        <v>2</v>
      </c>
      <c r="J17" s="191">
        <v>4</v>
      </c>
      <c r="K17" s="191">
        <v>2</v>
      </c>
      <c r="L17" s="194">
        <v>14</v>
      </c>
      <c r="M17" s="195">
        <v>14</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177</v>
      </c>
      <c r="AD17" s="191">
        <v>174</v>
      </c>
      <c r="AE17" s="191">
        <v>77</v>
      </c>
      <c r="AF17" s="191">
        <v>35</v>
      </c>
      <c r="AG17" s="191">
        <v>18</v>
      </c>
      <c r="AH17" s="196">
        <v>481</v>
      </c>
      <c r="AI17" s="195">
        <v>481</v>
      </c>
      <c r="AJ17" s="190">
        <v>0</v>
      </c>
      <c r="AK17" s="191">
        <v>1</v>
      </c>
      <c r="AL17" s="196">
        <v>1</v>
      </c>
      <c r="AM17" s="193">
        <v>0</v>
      </c>
      <c r="AN17" s="191">
        <v>2</v>
      </c>
      <c r="AO17" s="191">
        <v>2</v>
      </c>
      <c r="AP17" s="191">
        <v>7</v>
      </c>
      <c r="AQ17" s="191">
        <v>3</v>
      </c>
      <c r="AR17" s="191">
        <v>2</v>
      </c>
      <c r="AS17" s="196">
        <v>16</v>
      </c>
      <c r="AT17" s="195">
        <v>17</v>
      </c>
      <c r="AU17" s="190">
        <v>2</v>
      </c>
      <c r="AV17" s="191">
        <v>13</v>
      </c>
      <c r="AW17" s="196">
        <v>15</v>
      </c>
      <c r="AX17" s="193">
        <v>0</v>
      </c>
      <c r="AY17" s="191">
        <v>17</v>
      </c>
      <c r="AZ17" s="191">
        <v>10</v>
      </c>
      <c r="BA17" s="191">
        <v>5</v>
      </c>
      <c r="BB17" s="191">
        <v>9</v>
      </c>
      <c r="BC17" s="191">
        <v>3</v>
      </c>
      <c r="BD17" s="196">
        <v>44</v>
      </c>
      <c r="BE17" s="195">
        <v>59</v>
      </c>
      <c r="BF17" s="190">
        <v>0</v>
      </c>
      <c r="BG17" s="191">
        <v>2</v>
      </c>
      <c r="BH17" s="196">
        <v>2</v>
      </c>
      <c r="BI17" s="193">
        <v>0</v>
      </c>
      <c r="BJ17" s="191">
        <v>32</v>
      </c>
      <c r="BK17" s="191">
        <v>34</v>
      </c>
      <c r="BL17" s="191">
        <v>36</v>
      </c>
      <c r="BM17" s="191">
        <v>22</v>
      </c>
      <c r="BN17" s="191">
        <v>11</v>
      </c>
      <c r="BO17" s="194">
        <v>135</v>
      </c>
      <c r="BP17" s="195">
        <v>137</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9</v>
      </c>
      <c r="CI17" s="191">
        <v>12</v>
      </c>
      <c r="CJ17" s="191">
        <v>7</v>
      </c>
      <c r="CK17" s="196">
        <v>28</v>
      </c>
      <c r="CL17" s="195">
        <v>28</v>
      </c>
      <c r="CM17" s="190">
        <v>0</v>
      </c>
      <c r="CN17" s="191">
        <v>0</v>
      </c>
      <c r="CO17" s="196">
        <v>0</v>
      </c>
      <c r="CP17" s="193">
        <v>0</v>
      </c>
      <c r="CQ17" s="191">
        <v>4</v>
      </c>
      <c r="CR17" s="191">
        <v>9</v>
      </c>
      <c r="CS17" s="191">
        <v>5</v>
      </c>
      <c r="CT17" s="191">
        <v>1</v>
      </c>
      <c r="CU17" s="191">
        <v>1</v>
      </c>
      <c r="CV17" s="196">
        <v>20</v>
      </c>
      <c r="CW17" s="195">
        <v>20</v>
      </c>
    </row>
    <row r="18" spans="2:101" ht="21" customHeight="1" x14ac:dyDescent="0.2">
      <c r="B18" s="106" t="s">
        <v>16</v>
      </c>
      <c r="C18" s="190">
        <v>0</v>
      </c>
      <c r="D18" s="196">
        <v>0</v>
      </c>
      <c r="E18" s="207">
        <v>0</v>
      </c>
      <c r="F18" s="193">
        <v>0</v>
      </c>
      <c r="G18" s="191">
        <v>7</v>
      </c>
      <c r="H18" s="191">
        <v>14</v>
      </c>
      <c r="I18" s="191">
        <v>13</v>
      </c>
      <c r="J18" s="191">
        <v>9</v>
      </c>
      <c r="K18" s="191">
        <v>10</v>
      </c>
      <c r="L18" s="194">
        <v>53</v>
      </c>
      <c r="M18" s="195">
        <v>53</v>
      </c>
      <c r="N18" s="190">
        <v>0</v>
      </c>
      <c r="O18" s="191">
        <v>0</v>
      </c>
      <c r="P18" s="196">
        <v>0</v>
      </c>
      <c r="Q18" s="193">
        <v>0</v>
      </c>
      <c r="R18" s="191">
        <v>0</v>
      </c>
      <c r="S18" s="191">
        <v>1</v>
      </c>
      <c r="T18" s="191">
        <v>2</v>
      </c>
      <c r="U18" s="191">
        <v>2</v>
      </c>
      <c r="V18" s="191">
        <v>1</v>
      </c>
      <c r="W18" s="196">
        <v>6</v>
      </c>
      <c r="X18" s="195">
        <v>6</v>
      </c>
      <c r="Y18" s="190">
        <v>0</v>
      </c>
      <c r="Z18" s="191">
        <v>0</v>
      </c>
      <c r="AA18" s="196">
        <v>0</v>
      </c>
      <c r="AB18" s="193">
        <v>0</v>
      </c>
      <c r="AC18" s="191">
        <v>132</v>
      </c>
      <c r="AD18" s="191">
        <v>171</v>
      </c>
      <c r="AE18" s="191">
        <v>80</v>
      </c>
      <c r="AF18" s="191">
        <v>38</v>
      </c>
      <c r="AG18" s="191">
        <v>13</v>
      </c>
      <c r="AH18" s="196">
        <v>434</v>
      </c>
      <c r="AI18" s="195">
        <v>434</v>
      </c>
      <c r="AJ18" s="190">
        <v>0</v>
      </c>
      <c r="AK18" s="191">
        <v>0</v>
      </c>
      <c r="AL18" s="196">
        <v>0</v>
      </c>
      <c r="AM18" s="193">
        <v>0</v>
      </c>
      <c r="AN18" s="191">
        <v>5</v>
      </c>
      <c r="AO18" s="191">
        <v>8</v>
      </c>
      <c r="AP18" s="191">
        <v>7</v>
      </c>
      <c r="AQ18" s="191">
        <v>5</v>
      </c>
      <c r="AR18" s="191">
        <v>3</v>
      </c>
      <c r="AS18" s="196">
        <v>28</v>
      </c>
      <c r="AT18" s="195">
        <v>28</v>
      </c>
      <c r="AU18" s="190">
        <v>3</v>
      </c>
      <c r="AV18" s="191">
        <v>4</v>
      </c>
      <c r="AW18" s="196">
        <v>7</v>
      </c>
      <c r="AX18" s="193">
        <v>0</v>
      </c>
      <c r="AY18" s="191">
        <v>17</v>
      </c>
      <c r="AZ18" s="191">
        <v>25</v>
      </c>
      <c r="BA18" s="191">
        <v>17</v>
      </c>
      <c r="BB18" s="191">
        <v>18</v>
      </c>
      <c r="BC18" s="191">
        <v>8</v>
      </c>
      <c r="BD18" s="196">
        <v>85</v>
      </c>
      <c r="BE18" s="195">
        <v>92</v>
      </c>
      <c r="BF18" s="190">
        <v>0</v>
      </c>
      <c r="BG18" s="191">
        <v>0</v>
      </c>
      <c r="BH18" s="196">
        <v>0</v>
      </c>
      <c r="BI18" s="193">
        <v>0</v>
      </c>
      <c r="BJ18" s="191">
        <v>22</v>
      </c>
      <c r="BK18" s="191">
        <v>37</v>
      </c>
      <c r="BL18" s="191">
        <v>41</v>
      </c>
      <c r="BM18" s="191">
        <v>24</v>
      </c>
      <c r="BN18" s="191">
        <v>20</v>
      </c>
      <c r="BO18" s="194">
        <v>144</v>
      </c>
      <c r="BP18" s="195">
        <v>144</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2</v>
      </c>
      <c r="CH18" s="191">
        <v>7</v>
      </c>
      <c r="CI18" s="191">
        <v>13</v>
      </c>
      <c r="CJ18" s="191">
        <v>8</v>
      </c>
      <c r="CK18" s="196">
        <v>30</v>
      </c>
      <c r="CL18" s="195">
        <v>30</v>
      </c>
      <c r="CM18" s="190">
        <v>0</v>
      </c>
      <c r="CN18" s="191">
        <v>0</v>
      </c>
      <c r="CO18" s="196">
        <v>0</v>
      </c>
      <c r="CP18" s="193">
        <v>0</v>
      </c>
      <c r="CQ18" s="191">
        <v>1</v>
      </c>
      <c r="CR18" s="191">
        <v>6</v>
      </c>
      <c r="CS18" s="191">
        <v>6</v>
      </c>
      <c r="CT18" s="191">
        <v>3</v>
      </c>
      <c r="CU18" s="191">
        <v>7</v>
      </c>
      <c r="CV18" s="196">
        <v>23</v>
      </c>
      <c r="CW18" s="195">
        <v>23</v>
      </c>
    </row>
    <row r="19" spans="2:101" ht="21" customHeight="1" x14ac:dyDescent="0.2">
      <c r="B19" s="106" t="s">
        <v>17</v>
      </c>
      <c r="C19" s="190">
        <v>0</v>
      </c>
      <c r="D19" s="196">
        <v>0</v>
      </c>
      <c r="E19" s="207">
        <v>0</v>
      </c>
      <c r="F19" s="193">
        <v>0</v>
      </c>
      <c r="G19" s="191">
        <v>0</v>
      </c>
      <c r="H19" s="191">
        <v>2</v>
      </c>
      <c r="I19" s="191">
        <v>3</v>
      </c>
      <c r="J19" s="191">
        <v>2</v>
      </c>
      <c r="K19" s="191">
        <v>2</v>
      </c>
      <c r="L19" s="194">
        <v>9</v>
      </c>
      <c r="M19" s="195">
        <v>9</v>
      </c>
      <c r="N19" s="190">
        <v>0</v>
      </c>
      <c r="O19" s="191">
        <v>0</v>
      </c>
      <c r="P19" s="196">
        <v>0</v>
      </c>
      <c r="Q19" s="193">
        <v>0</v>
      </c>
      <c r="R19" s="191">
        <v>0</v>
      </c>
      <c r="S19" s="191">
        <v>0</v>
      </c>
      <c r="T19" s="191">
        <v>0</v>
      </c>
      <c r="U19" s="191">
        <v>0</v>
      </c>
      <c r="V19" s="191">
        <v>0</v>
      </c>
      <c r="W19" s="196">
        <v>0</v>
      </c>
      <c r="X19" s="195">
        <v>0</v>
      </c>
      <c r="Y19" s="190">
        <v>0</v>
      </c>
      <c r="Z19" s="191">
        <v>1</v>
      </c>
      <c r="AA19" s="196">
        <v>1</v>
      </c>
      <c r="AB19" s="193">
        <v>0</v>
      </c>
      <c r="AC19" s="191">
        <v>261</v>
      </c>
      <c r="AD19" s="191">
        <v>314</v>
      </c>
      <c r="AE19" s="191">
        <v>151</v>
      </c>
      <c r="AF19" s="191">
        <v>78</v>
      </c>
      <c r="AG19" s="191">
        <v>25</v>
      </c>
      <c r="AH19" s="196">
        <v>829</v>
      </c>
      <c r="AI19" s="195">
        <v>830</v>
      </c>
      <c r="AJ19" s="190">
        <v>2</v>
      </c>
      <c r="AK19" s="191">
        <v>3</v>
      </c>
      <c r="AL19" s="196">
        <v>5</v>
      </c>
      <c r="AM19" s="193">
        <v>0</v>
      </c>
      <c r="AN19" s="191">
        <v>25</v>
      </c>
      <c r="AO19" s="191">
        <v>23</v>
      </c>
      <c r="AP19" s="191">
        <v>16</v>
      </c>
      <c r="AQ19" s="191">
        <v>14</v>
      </c>
      <c r="AR19" s="191">
        <v>4</v>
      </c>
      <c r="AS19" s="196">
        <v>82</v>
      </c>
      <c r="AT19" s="195">
        <v>87</v>
      </c>
      <c r="AU19" s="190">
        <v>2</v>
      </c>
      <c r="AV19" s="191">
        <v>4</v>
      </c>
      <c r="AW19" s="196">
        <v>6</v>
      </c>
      <c r="AX19" s="193">
        <v>0</v>
      </c>
      <c r="AY19" s="191">
        <v>7</v>
      </c>
      <c r="AZ19" s="191">
        <v>30</v>
      </c>
      <c r="BA19" s="191">
        <v>37</v>
      </c>
      <c r="BB19" s="191">
        <v>22</v>
      </c>
      <c r="BC19" s="191">
        <v>12</v>
      </c>
      <c r="BD19" s="196">
        <v>108</v>
      </c>
      <c r="BE19" s="195">
        <v>114</v>
      </c>
      <c r="BF19" s="190">
        <v>0</v>
      </c>
      <c r="BG19" s="191">
        <v>0</v>
      </c>
      <c r="BH19" s="196">
        <v>0</v>
      </c>
      <c r="BI19" s="193">
        <v>0</v>
      </c>
      <c r="BJ19" s="191">
        <v>26</v>
      </c>
      <c r="BK19" s="191">
        <v>48</v>
      </c>
      <c r="BL19" s="191">
        <v>72</v>
      </c>
      <c r="BM19" s="191">
        <v>30</v>
      </c>
      <c r="BN19" s="191">
        <v>20</v>
      </c>
      <c r="BO19" s="194">
        <v>196</v>
      </c>
      <c r="BP19" s="195">
        <v>196</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12</v>
      </c>
      <c r="CI19" s="191">
        <v>22</v>
      </c>
      <c r="CJ19" s="191">
        <v>13</v>
      </c>
      <c r="CK19" s="196">
        <v>47</v>
      </c>
      <c r="CL19" s="195">
        <v>47</v>
      </c>
      <c r="CM19" s="190">
        <v>0</v>
      </c>
      <c r="CN19" s="191">
        <v>0</v>
      </c>
      <c r="CO19" s="196">
        <v>0</v>
      </c>
      <c r="CP19" s="193">
        <v>0</v>
      </c>
      <c r="CQ19" s="191">
        <v>1</v>
      </c>
      <c r="CR19" s="191">
        <v>3</v>
      </c>
      <c r="CS19" s="191">
        <v>3</v>
      </c>
      <c r="CT19" s="191">
        <v>5</v>
      </c>
      <c r="CU19" s="191">
        <v>7</v>
      </c>
      <c r="CV19" s="196">
        <v>19</v>
      </c>
      <c r="CW19" s="195">
        <v>19</v>
      </c>
    </row>
    <row r="20" spans="2:101" ht="21" customHeight="1" x14ac:dyDescent="0.2">
      <c r="B20" s="106" t="s">
        <v>18</v>
      </c>
      <c r="C20" s="190">
        <v>0</v>
      </c>
      <c r="D20" s="196">
        <v>0</v>
      </c>
      <c r="E20" s="207">
        <v>0</v>
      </c>
      <c r="F20" s="193">
        <v>0</v>
      </c>
      <c r="G20" s="191">
        <v>7</v>
      </c>
      <c r="H20" s="191">
        <v>6</v>
      </c>
      <c r="I20" s="191">
        <v>2</v>
      </c>
      <c r="J20" s="191">
        <v>0</v>
      </c>
      <c r="K20" s="191">
        <v>4</v>
      </c>
      <c r="L20" s="194">
        <v>19</v>
      </c>
      <c r="M20" s="195">
        <v>19</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286</v>
      </c>
      <c r="AD20" s="191">
        <v>193</v>
      </c>
      <c r="AE20" s="191">
        <v>90</v>
      </c>
      <c r="AF20" s="191">
        <v>34</v>
      </c>
      <c r="AG20" s="191">
        <v>13</v>
      </c>
      <c r="AH20" s="196">
        <v>616</v>
      </c>
      <c r="AI20" s="195">
        <v>616</v>
      </c>
      <c r="AJ20" s="190">
        <v>0</v>
      </c>
      <c r="AK20" s="191">
        <v>0</v>
      </c>
      <c r="AL20" s="196">
        <v>0</v>
      </c>
      <c r="AM20" s="193">
        <v>0</v>
      </c>
      <c r="AN20" s="191">
        <v>10</v>
      </c>
      <c r="AO20" s="191">
        <v>10</v>
      </c>
      <c r="AP20" s="191">
        <v>23</v>
      </c>
      <c r="AQ20" s="191">
        <v>14</v>
      </c>
      <c r="AR20" s="191">
        <v>5</v>
      </c>
      <c r="AS20" s="196">
        <v>62</v>
      </c>
      <c r="AT20" s="195">
        <v>62</v>
      </c>
      <c r="AU20" s="190">
        <v>6</v>
      </c>
      <c r="AV20" s="191">
        <v>16</v>
      </c>
      <c r="AW20" s="196">
        <v>22</v>
      </c>
      <c r="AX20" s="193">
        <v>0</v>
      </c>
      <c r="AY20" s="191">
        <v>42</v>
      </c>
      <c r="AZ20" s="191">
        <v>42</v>
      </c>
      <c r="BA20" s="191">
        <v>53</v>
      </c>
      <c r="BB20" s="191">
        <v>16</v>
      </c>
      <c r="BC20" s="191">
        <v>7</v>
      </c>
      <c r="BD20" s="196">
        <v>160</v>
      </c>
      <c r="BE20" s="195">
        <v>182</v>
      </c>
      <c r="BF20" s="190">
        <v>0</v>
      </c>
      <c r="BG20" s="191">
        <v>3</v>
      </c>
      <c r="BH20" s="196">
        <v>3</v>
      </c>
      <c r="BI20" s="193">
        <v>0</v>
      </c>
      <c r="BJ20" s="191">
        <v>51</v>
      </c>
      <c r="BK20" s="191">
        <v>67</v>
      </c>
      <c r="BL20" s="191">
        <v>99</v>
      </c>
      <c r="BM20" s="191">
        <v>52</v>
      </c>
      <c r="BN20" s="191">
        <v>18</v>
      </c>
      <c r="BO20" s="194">
        <v>287</v>
      </c>
      <c r="BP20" s="195">
        <v>290</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2</v>
      </c>
      <c r="CH20" s="191">
        <v>7</v>
      </c>
      <c r="CI20" s="191">
        <v>15</v>
      </c>
      <c r="CJ20" s="191">
        <v>5</v>
      </c>
      <c r="CK20" s="196">
        <v>29</v>
      </c>
      <c r="CL20" s="195">
        <v>29</v>
      </c>
      <c r="CM20" s="190">
        <v>0</v>
      </c>
      <c r="CN20" s="191">
        <v>0</v>
      </c>
      <c r="CO20" s="196">
        <v>0</v>
      </c>
      <c r="CP20" s="193">
        <v>0</v>
      </c>
      <c r="CQ20" s="191">
        <v>5</v>
      </c>
      <c r="CR20" s="191">
        <v>10</v>
      </c>
      <c r="CS20" s="191">
        <v>13</v>
      </c>
      <c r="CT20" s="191">
        <v>27</v>
      </c>
      <c r="CU20" s="191">
        <v>24</v>
      </c>
      <c r="CV20" s="196">
        <v>79</v>
      </c>
      <c r="CW20" s="195">
        <v>79</v>
      </c>
    </row>
    <row r="21" spans="2:101" ht="21" customHeight="1" x14ac:dyDescent="0.2">
      <c r="B21" s="106" t="s">
        <v>19</v>
      </c>
      <c r="C21" s="190">
        <v>0</v>
      </c>
      <c r="D21" s="196">
        <v>0</v>
      </c>
      <c r="E21" s="207">
        <v>0</v>
      </c>
      <c r="F21" s="193">
        <v>0</v>
      </c>
      <c r="G21" s="191">
        <v>11</v>
      </c>
      <c r="H21" s="191">
        <v>14</v>
      </c>
      <c r="I21" s="191">
        <v>6</v>
      </c>
      <c r="J21" s="191">
        <v>5</v>
      </c>
      <c r="K21" s="191">
        <v>4</v>
      </c>
      <c r="L21" s="194">
        <v>40</v>
      </c>
      <c r="M21" s="195">
        <v>40</v>
      </c>
      <c r="N21" s="190">
        <v>0</v>
      </c>
      <c r="O21" s="191">
        <v>0</v>
      </c>
      <c r="P21" s="196">
        <v>0</v>
      </c>
      <c r="Q21" s="193">
        <v>0</v>
      </c>
      <c r="R21" s="191">
        <v>1</v>
      </c>
      <c r="S21" s="191">
        <v>2</v>
      </c>
      <c r="T21" s="191">
        <v>4</v>
      </c>
      <c r="U21" s="191">
        <v>3</v>
      </c>
      <c r="V21" s="191">
        <v>1</v>
      </c>
      <c r="W21" s="196">
        <v>11</v>
      </c>
      <c r="X21" s="195">
        <v>11</v>
      </c>
      <c r="Y21" s="190">
        <v>0</v>
      </c>
      <c r="Z21" s="191">
        <v>0</v>
      </c>
      <c r="AA21" s="196">
        <v>0</v>
      </c>
      <c r="AB21" s="193">
        <v>0</v>
      </c>
      <c r="AC21" s="191">
        <v>129</v>
      </c>
      <c r="AD21" s="191">
        <v>90</v>
      </c>
      <c r="AE21" s="191">
        <v>49</v>
      </c>
      <c r="AF21" s="191">
        <v>18</v>
      </c>
      <c r="AG21" s="191">
        <v>9</v>
      </c>
      <c r="AH21" s="196">
        <v>295</v>
      </c>
      <c r="AI21" s="195">
        <v>295</v>
      </c>
      <c r="AJ21" s="190">
        <v>0</v>
      </c>
      <c r="AK21" s="191">
        <v>0</v>
      </c>
      <c r="AL21" s="196">
        <v>0</v>
      </c>
      <c r="AM21" s="193">
        <v>0</v>
      </c>
      <c r="AN21" s="191">
        <v>14</v>
      </c>
      <c r="AO21" s="191">
        <v>20</v>
      </c>
      <c r="AP21" s="191">
        <v>18</v>
      </c>
      <c r="AQ21" s="191">
        <v>4</v>
      </c>
      <c r="AR21" s="191">
        <v>5</v>
      </c>
      <c r="AS21" s="196">
        <v>61</v>
      </c>
      <c r="AT21" s="195">
        <v>61</v>
      </c>
      <c r="AU21" s="190">
        <v>0</v>
      </c>
      <c r="AV21" s="191">
        <v>1</v>
      </c>
      <c r="AW21" s="196">
        <v>1</v>
      </c>
      <c r="AX21" s="193">
        <v>0</v>
      </c>
      <c r="AY21" s="191">
        <v>21</v>
      </c>
      <c r="AZ21" s="191">
        <v>38</v>
      </c>
      <c r="BA21" s="191">
        <v>23</v>
      </c>
      <c r="BB21" s="191">
        <v>12</v>
      </c>
      <c r="BC21" s="191">
        <v>8</v>
      </c>
      <c r="BD21" s="196">
        <v>102</v>
      </c>
      <c r="BE21" s="195">
        <v>103</v>
      </c>
      <c r="BF21" s="190">
        <v>0</v>
      </c>
      <c r="BG21" s="191">
        <v>0</v>
      </c>
      <c r="BH21" s="196">
        <v>0</v>
      </c>
      <c r="BI21" s="193">
        <v>0</v>
      </c>
      <c r="BJ21" s="191">
        <v>11</v>
      </c>
      <c r="BK21" s="191">
        <v>23</v>
      </c>
      <c r="BL21" s="191">
        <v>25</v>
      </c>
      <c r="BM21" s="191">
        <v>16</v>
      </c>
      <c r="BN21" s="191">
        <v>10</v>
      </c>
      <c r="BO21" s="194">
        <v>85</v>
      </c>
      <c r="BP21" s="195">
        <v>85</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1</v>
      </c>
      <c r="CR21" s="191">
        <v>0</v>
      </c>
      <c r="CS21" s="191">
        <v>1</v>
      </c>
      <c r="CT21" s="191">
        <v>2</v>
      </c>
      <c r="CU21" s="191">
        <v>11</v>
      </c>
      <c r="CV21" s="196">
        <v>15</v>
      </c>
      <c r="CW21" s="195">
        <v>15</v>
      </c>
    </row>
    <row r="22" spans="2:101" ht="21" customHeight="1" x14ac:dyDescent="0.2">
      <c r="B22" s="106" t="s">
        <v>20</v>
      </c>
      <c r="C22" s="190">
        <v>0</v>
      </c>
      <c r="D22" s="196">
        <v>0</v>
      </c>
      <c r="E22" s="207">
        <v>0</v>
      </c>
      <c r="F22" s="193">
        <v>0</v>
      </c>
      <c r="G22" s="191">
        <v>1</v>
      </c>
      <c r="H22" s="191">
        <v>0</v>
      </c>
      <c r="I22" s="191">
        <v>0</v>
      </c>
      <c r="J22" s="191">
        <v>0</v>
      </c>
      <c r="K22" s="191">
        <v>1</v>
      </c>
      <c r="L22" s="194">
        <v>2</v>
      </c>
      <c r="M22" s="195">
        <v>2</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88</v>
      </c>
      <c r="AD22" s="191">
        <v>101</v>
      </c>
      <c r="AE22" s="191">
        <v>51</v>
      </c>
      <c r="AF22" s="191">
        <v>21</v>
      </c>
      <c r="AG22" s="191">
        <v>8</v>
      </c>
      <c r="AH22" s="196">
        <v>369</v>
      </c>
      <c r="AI22" s="195">
        <v>369</v>
      </c>
      <c r="AJ22" s="190">
        <v>0</v>
      </c>
      <c r="AK22" s="191">
        <v>0</v>
      </c>
      <c r="AL22" s="196">
        <v>0</v>
      </c>
      <c r="AM22" s="193">
        <v>0</v>
      </c>
      <c r="AN22" s="191">
        <v>2</v>
      </c>
      <c r="AO22" s="191">
        <v>1</v>
      </c>
      <c r="AP22" s="191">
        <v>8</v>
      </c>
      <c r="AQ22" s="191">
        <v>4</v>
      </c>
      <c r="AR22" s="191">
        <v>2</v>
      </c>
      <c r="AS22" s="196">
        <v>17</v>
      </c>
      <c r="AT22" s="195">
        <v>17</v>
      </c>
      <c r="AU22" s="190">
        <v>0</v>
      </c>
      <c r="AV22" s="191">
        <v>0</v>
      </c>
      <c r="AW22" s="196">
        <v>0</v>
      </c>
      <c r="AX22" s="193">
        <v>0</v>
      </c>
      <c r="AY22" s="191">
        <v>13</v>
      </c>
      <c r="AZ22" s="191">
        <v>3</v>
      </c>
      <c r="BA22" s="191">
        <v>10</v>
      </c>
      <c r="BB22" s="191">
        <v>1</v>
      </c>
      <c r="BC22" s="191">
        <v>3</v>
      </c>
      <c r="BD22" s="196">
        <v>30</v>
      </c>
      <c r="BE22" s="195">
        <v>30</v>
      </c>
      <c r="BF22" s="190">
        <v>0</v>
      </c>
      <c r="BG22" s="191">
        <v>0</v>
      </c>
      <c r="BH22" s="196">
        <v>0</v>
      </c>
      <c r="BI22" s="193">
        <v>0</v>
      </c>
      <c r="BJ22" s="191">
        <v>12</v>
      </c>
      <c r="BK22" s="191">
        <v>27</v>
      </c>
      <c r="BL22" s="191">
        <v>42</v>
      </c>
      <c r="BM22" s="191">
        <v>17</v>
      </c>
      <c r="BN22" s="191">
        <v>18</v>
      </c>
      <c r="BO22" s="194">
        <v>116</v>
      </c>
      <c r="BP22" s="195">
        <v>116</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3</v>
      </c>
      <c r="H23" s="191">
        <v>3</v>
      </c>
      <c r="I23" s="191">
        <v>0</v>
      </c>
      <c r="J23" s="191">
        <v>0</v>
      </c>
      <c r="K23" s="191">
        <v>1</v>
      </c>
      <c r="L23" s="194">
        <v>7</v>
      </c>
      <c r="M23" s="195">
        <v>7</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80</v>
      </c>
      <c r="AD23" s="191">
        <v>152</v>
      </c>
      <c r="AE23" s="191">
        <v>76</v>
      </c>
      <c r="AF23" s="191">
        <v>26</v>
      </c>
      <c r="AG23" s="191">
        <v>13</v>
      </c>
      <c r="AH23" s="196">
        <v>447</v>
      </c>
      <c r="AI23" s="195">
        <v>447</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10</v>
      </c>
      <c r="AZ23" s="191">
        <v>7</v>
      </c>
      <c r="BA23" s="191">
        <v>19</v>
      </c>
      <c r="BB23" s="191">
        <v>6</v>
      </c>
      <c r="BC23" s="191">
        <v>2</v>
      </c>
      <c r="BD23" s="196">
        <v>44</v>
      </c>
      <c r="BE23" s="195">
        <v>44</v>
      </c>
      <c r="BF23" s="190">
        <v>0</v>
      </c>
      <c r="BG23" s="191">
        <v>0</v>
      </c>
      <c r="BH23" s="196">
        <v>0</v>
      </c>
      <c r="BI23" s="193">
        <v>0</v>
      </c>
      <c r="BJ23" s="191">
        <v>15</v>
      </c>
      <c r="BK23" s="191">
        <v>40</v>
      </c>
      <c r="BL23" s="191">
        <v>36</v>
      </c>
      <c r="BM23" s="191">
        <v>15</v>
      </c>
      <c r="BN23" s="191">
        <v>10</v>
      </c>
      <c r="BO23" s="194">
        <v>116</v>
      </c>
      <c r="BP23" s="195">
        <v>116</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2</v>
      </c>
      <c r="CR23" s="191">
        <v>2</v>
      </c>
      <c r="CS23" s="191">
        <v>3</v>
      </c>
      <c r="CT23" s="191">
        <v>2</v>
      </c>
      <c r="CU23" s="191">
        <v>5</v>
      </c>
      <c r="CV23" s="196">
        <v>14</v>
      </c>
      <c r="CW23" s="195">
        <v>14</v>
      </c>
    </row>
    <row r="24" spans="2:101" ht="21" customHeight="1" x14ac:dyDescent="0.2">
      <c r="B24" s="106" t="s">
        <v>22</v>
      </c>
      <c r="C24" s="190">
        <v>0</v>
      </c>
      <c r="D24" s="196">
        <v>0</v>
      </c>
      <c r="E24" s="207">
        <v>0</v>
      </c>
      <c r="F24" s="193">
        <v>0</v>
      </c>
      <c r="G24" s="191">
        <v>0</v>
      </c>
      <c r="H24" s="191">
        <v>6</v>
      </c>
      <c r="I24" s="191">
        <v>7</v>
      </c>
      <c r="J24" s="191">
        <v>3</v>
      </c>
      <c r="K24" s="191">
        <v>0</v>
      </c>
      <c r="L24" s="194">
        <v>16</v>
      </c>
      <c r="M24" s="195">
        <v>16</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123</v>
      </c>
      <c r="AD24" s="191">
        <v>102</v>
      </c>
      <c r="AE24" s="191">
        <v>46</v>
      </c>
      <c r="AF24" s="191">
        <v>26</v>
      </c>
      <c r="AG24" s="191">
        <v>5</v>
      </c>
      <c r="AH24" s="196">
        <v>302</v>
      </c>
      <c r="AI24" s="195">
        <v>302</v>
      </c>
      <c r="AJ24" s="190">
        <v>0</v>
      </c>
      <c r="AK24" s="191">
        <v>0</v>
      </c>
      <c r="AL24" s="196">
        <v>0</v>
      </c>
      <c r="AM24" s="193">
        <v>0</v>
      </c>
      <c r="AN24" s="191">
        <v>0</v>
      </c>
      <c r="AO24" s="191">
        <v>1</v>
      </c>
      <c r="AP24" s="191">
        <v>6</v>
      </c>
      <c r="AQ24" s="191">
        <v>2</v>
      </c>
      <c r="AR24" s="191">
        <v>1</v>
      </c>
      <c r="AS24" s="196">
        <v>10</v>
      </c>
      <c r="AT24" s="195">
        <v>10</v>
      </c>
      <c r="AU24" s="190">
        <v>4</v>
      </c>
      <c r="AV24" s="191">
        <v>5</v>
      </c>
      <c r="AW24" s="196">
        <v>9</v>
      </c>
      <c r="AX24" s="193">
        <v>0</v>
      </c>
      <c r="AY24" s="191">
        <v>20</v>
      </c>
      <c r="AZ24" s="191">
        <v>26</v>
      </c>
      <c r="BA24" s="191">
        <v>12</v>
      </c>
      <c r="BB24" s="191">
        <v>10</v>
      </c>
      <c r="BC24" s="191">
        <v>5</v>
      </c>
      <c r="BD24" s="196">
        <v>73</v>
      </c>
      <c r="BE24" s="195">
        <v>82</v>
      </c>
      <c r="BF24" s="190">
        <v>0</v>
      </c>
      <c r="BG24" s="191">
        <v>0</v>
      </c>
      <c r="BH24" s="196">
        <v>0</v>
      </c>
      <c r="BI24" s="193">
        <v>0</v>
      </c>
      <c r="BJ24" s="191">
        <v>8</v>
      </c>
      <c r="BK24" s="191">
        <v>17</v>
      </c>
      <c r="BL24" s="191">
        <v>16</v>
      </c>
      <c r="BM24" s="191">
        <v>10</v>
      </c>
      <c r="BN24" s="191">
        <v>5</v>
      </c>
      <c r="BO24" s="194">
        <v>56</v>
      </c>
      <c r="BP24" s="195">
        <v>56</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1</v>
      </c>
      <c r="CH24" s="191">
        <v>6</v>
      </c>
      <c r="CI24" s="191">
        <v>13</v>
      </c>
      <c r="CJ24" s="191">
        <v>11</v>
      </c>
      <c r="CK24" s="196">
        <v>31</v>
      </c>
      <c r="CL24" s="195">
        <v>31</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1</v>
      </c>
      <c r="J25" s="191">
        <v>0</v>
      </c>
      <c r="K25" s="191">
        <v>1</v>
      </c>
      <c r="L25" s="194">
        <v>2</v>
      </c>
      <c r="M25" s="195">
        <v>2</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48</v>
      </c>
      <c r="AD25" s="191">
        <v>42</v>
      </c>
      <c r="AE25" s="191">
        <v>20</v>
      </c>
      <c r="AF25" s="191">
        <v>18</v>
      </c>
      <c r="AG25" s="191">
        <v>3</v>
      </c>
      <c r="AH25" s="196">
        <v>131</v>
      </c>
      <c r="AI25" s="195">
        <v>131</v>
      </c>
      <c r="AJ25" s="190">
        <v>0</v>
      </c>
      <c r="AK25" s="191">
        <v>0</v>
      </c>
      <c r="AL25" s="196">
        <v>0</v>
      </c>
      <c r="AM25" s="193">
        <v>0</v>
      </c>
      <c r="AN25" s="191">
        <v>0</v>
      </c>
      <c r="AO25" s="191">
        <v>0</v>
      </c>
      <c r="AP25" s="191">
        <v>3</v>
      </c>
      <c r="AQ25" s="191">
        <v>1</v>
      </c>
      <c r="AR25" s="191">
        <v>0</v>
      </c>
      <c r="AS25" s="196">
        <v>4</v>
      </c>
      <c r="AT25" s="195">
        <v>4</v>
      </c>
      <c r="AU25" s="190">
        <v>0</v>
      </c>
      <c r="AV25" s="191">
        <v>0</v>
      </c>
      <c r="AW25" s="196">
        <v>0</v>
      </c>
      <c r="AX25" s="193">
        <v>0</v>
      </c>
      <c r="AY25" s="191">
        <v>5</v>
      </c>
      <c r="AZ25" s="191">
        <v>5</v>
      </c>
      <c r="BA25" s="191">
        <v>4</v>
      </c>
      <c r="BB25" s="191">
        <v>1</v>
      </c>
      <c r="BC25" s="191">
        <v>0</v>
      </c>
      <c r="BD25" s="196">
        <v>15</v>
      </c>
      <c r="BE25" s="195">
        <v>15</v>
      </c>
      <c r="BF25" s="190">
        <v>0</v>
      </c>
      <c r="BG25" s="191">
        <v>0</v>
      </c>
      <c r="BH25" s="196">
        <v>0</v>
      </c>
      <c r="BI25" s="193">
        <v>0</v>
      </c>
      <c r="BJ25" s="191">
        <v>39</v>
      </c>
      <c r="BK25" s="191">
        <v>24</v>
      </c>
      <c r="BL25" s="191">
        <v>24</v>
      </c>
      <c r="BM25" s="191">
        <v>19</v>
      </c>
      <c r="BN25" s="191">
        <v>5</v>
      </c>
      <c r="BO25" s="194">
        <v>111</v>
      </c>
      <c r="BP25" s="195">
        <v>111</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1</v>
      </c>
      <c r="CU25" s="191">
        <v>0</v>
      </c>
      <c r="CV25" s="196">
        <v>1</v>
      </c>
      <c r="CW25" s="195">
        <v>1</v>
      </c>
    </row>
    <row r="26" spans="2:101" ht="21" customHeight="1" x14ac:dyDescent="0.2">
      <c r="B26" s="106" t="s">
        <v>24</v>
      </c>
      <c r="C26" s="190">
        <v>0</v>
      </c>
      <c r="D26" s="196">
        <v>0</v>
      </c>
      <c r="E26" s="207">
        <v>0</v>
      </c>
      <c r="F26" s="193">
        <v>0</v>
      </c>
      <c r="G26" s="191">
        <v>0</v>
      </c>
      <c r="H26" s="191">
        <v>0</v>
      </c>
      <c r="I26" s="191">
        <v>1</v>
      </c>
      <c r="J26" s="191">
        <v>1</v>
      </c>
      <c r="K26" s="191">
        <v>0</v>
      </c>
      <c r="L26" s="194">
        <v>2</v>
      </c>
      <c r="M26" s="195">
        <v>2</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19</v>
      </c>
      <c r="AD26" s="191">
        <v>11</v>
      </c>
      <c r="AE26" s="191">
        <v>10</v>
      </c>
      <c r="AF26" s="191">
        <v>4</v>
      </c>
      <c r="AG26" s="191">
        <v>2</v>
      </c>
      <c r="AH26" s="196">
        <v>46</v>
      </c>
      <c r="AI26" s="195">
        <v>46</v>
      </c>
      <c r="AJ26" s="190">
        <v>0</v>
      </c>
      <c r="AK26" s="191">
        <v>0</v>
      </c>
      <c r="AL26" s="196">
        <v>0</v>
      </c>
      <c r="AM26" s="193">
        <v>0</v>
      </c>
      <c r="AN26" s="191">
        <v>0</v>
      </c>
      <c r="AO26" s="191">
        <v>0</v>
      </c>
      <c r="AP26" s="191">
        <v>1</v>
      </c>
      <c r="AQ26" s="191">
        <v>0</v>
      </c>
      <c r="AR26" s="191">
        <v>0</v>
      </c>
      <c r="AS26" s="196">
        <v>1</v>
      </c>
      <c r="AT26" s="195">
        <v>1</v>
      </c>
      <c r="AU26" s="190">
        <v>2</v>
      </c>
      <c r="AV26" s="191">
        <v>3</v>
      </c>
      <c r="AW26" s="196">
        <v>5</v>
      </c>
      <c r="AX26" s="193">
        <v>0</v>
      </c>
      <c r="AY26" s="191">
        <v>10</v>
      </c>
      <c r="AZ26" s="191">
        <v>11</v>
      </c>
      <c r="BA26" s="191">
        <v>5</v>
      </c>
      <c r="BB26" s="191">
        <v>5</v>
      </c>
      <c r="BC26" s="191">
        <v>2</v>
      </c>
      <c r="BD26" s="196">
        <v>33</v>
      </c>
      <c r="BE26" s="195">
        <v>38</v>
      </c>
      <c r="BF26" s="190">
        <v>0</v>
      </c>
      <c r="BG26" s="191">
        <v>0</v>
      </c>
      <c r="BH26" s="196">
        <v>0</v>
      </c>
      <c r="BI26" s="193">
        <v>0</v>
      </c>
      <c r="BJ26" s="191">
        <v>1</v>
      </c>
      <c r="BK26" s="191">
        <v>5</v>
      </c>
      <c r="BL26" s="191">
        <v>6</v>
      </c>
      <c r="BM26" s="191">
        <v>4</v>
      </c>
      <c r="BN26" s="191">
        <v>1</v>
      </c>
      <c r="BO26" s="194">
        <v>17</v>
      </c>
      <c r="BP26" s="195">
        <v>17</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79</v>
      </c>
      <c r="AD27" s="191">
        <v>39</v>
      </c>
      <c r="AE27" s="191">
        <v>19</v>
      </c>
      <c r="AF27" s="191">
        <v>5</v>
      </c>
      <c r="AG27" s="191">
        <v>2</v>
      </c>
      <c r="AH27" s="196">
        <v>144</v>
      </c>
      <c r="AI27" s="195">
        <v>144</v>
      </c>
      <c r="AJ27" s="190">
        <v>0</v>
      </c>
      <c r="AK27" s="191">
        <v>0</v>
      </c>
      <c r="AL27" s="196">
        <v>0</v>
      </c>
      <c r="AM27" s="193">
        <v>0</v>
      </c>
      <c r="AN27" s="191">
        <v>0</v>
      </c>
      <c r="AO27" s="191">
        <v>0</v>
      </c>
      <c r="AP27" s="191">
        <v>0</v>
      </c>
      <c r="AQ27" s="191">
        <v>0</v>
      </c>
      <c r="AR27" s="191">
        <v>0</v>
      </c>
      <c r="AS27" s="196">
        <v>0</v>
      </c>
      <c r="AT27" s="195">
        <v>0</v>
      </c>
      <c r="AU27" s="190">
        <v>2</v>
      </c>
      <c r="AV27" s="191">
        <v>2</v>
      </c>
      <c r="AW27" s="196">
        <v>4</v>
      </c>
      <c r="AX27" s="193">
        <v>0</v>
      </c>
      <c r="AY27" s="191">
        <v>5</v>
      </c>
      <c r="AZ27" s="191">
        <v>3</v>
      </c>
      <c r="BA27" s="191">
        <v>5</v>
      </c>
      <c r="BB27" s="191">
        <v>2</v>
      </c>
      <c r="BC27" s="191">
        <v>1</v>
      </c>
      <c r="BD27" s="196">
        <v>16</v>
      </c>
      <c r="BE27" s="195">
        <v>20</v>
      </c>
      <c r="BF27" s="190">
        <v>0</v>
      </c>
      <c r="BG27" s="191">
        <v>0</v>
      </c>
      <c r="BH27" s="196">
        <v>0</v>
      </c>
      <c r="BI27" s="193">
        <v>0</v>
      </c>
      <c r="BJ27" s="191">
        <v>12</v>
      </c>
      <c r="BK27" s="191">
        <v>4</v>
      </c>
      <c r="BL27" s="191">
        <v>11</v>
      </c>
      <c r="BM27" s="191">
        <v>6</v>
      </c>
      <c r="BN27" s="191">
        <v>2</v>
      </c>
      <c r="BO27" s="194">
        <v>35</v>
      </c>
      <c r="BP27" s="195">
        <v>35</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53</v>
      </c>
      <c r="AD28" s="191">
        <v>48</v>
      </c>
      <c r="AE28" s="191">
        <v>23</v>
      </c>
      <c r="AF28" s="191">
        <v>10</v>
      </c>
      <c r="AG28" s="191">
        <v>7</v>
      </c>
      <c r="AH28" s="196">
        <v>141</v>
      </c>
      <c r="AI28" s="195">
        <v>141</v>
      </c>
      <c r="AJ28" s="190">
        <v>0</v>
      </c>
      <c r="AK28" s="191">
        <v>0</v>
      </c>
      <c r="AL28" s="196">
        <v>0</v>
      </c>
      <c r="AM28" s="193">
        <v>0</v>
      </c>
      <c r="AN28" s="191">
        <v>0</v>
      </c>
      <c r="AO28" s="191">
        <v>0</v>
      </c>
      <c r="AP28" s="191">
        <v>0</v>
      </c>
      <c r="AQ28" s="191">
        <v>1</v>
      </c>
      <c r="AR28" s="191">
        <v>0</v>
      </c>
      <c r="AS28" s="196">
        <v>1</v>
      </c>
      <c r="AT28" s="195">
        <v>1</v>
      </c>
      <c r="AU28" s="190">
        <v>0</v>
      </c>
      <c r="AV28" s="191">
        <v>0</v>
      </c>
      <c r="AW28" s="196">
        <v>0</v>
      </c>
      <c r="AX28" s="193">
        <v>0</v>
      </c>
      <c r="AY28" s="191">
        <v>2</v>
      </c>
      <c r="AZ28" s="191">
        <v>6</v>
      </c>
      <c r="BA28" s="191">
        <v>6</v>
      </c>
      <c r="BB28" s="191">
        <v>3</v>
      </c>
      <c r="BC28" s="191">
        <v>1</v>
      </c>
      <c r="BD28" s="196">
        <v>18</v>
      </c>
      <c r="BE28" s="195">
        <v>18</v>
      </c>
      <c r="BF28" s="190">
        <v>0</v>
      </c>
      <c r="BG28" s="191">
        <v>0</v>
      </c>
      <c r="BH28" s="196">
        <v>0</v>
      </c>
      <c r="BI28" s="193">
        <v>0</v>
      </c>
      <c r="BJ28" s="191">
        <v>5</v>
      </c>
      <c r="BK28" s="191">
        <v>10</v>
      </c>
      <c r="BL28" s="191">
        <v>16</v>
      </c>
      <c r="BM28" s="191">
        <v>6</v>
      </c>
      <c r="BN28" s="191">
        <v>2</v>
      </c>
      <c r="BO28" s="194">
        <v>39</v>
      </c>
      <c r="BP28" s="195">
        <v>39</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35</v>
      </c>
      <c r="AD29" s="191">
        <v>16</v>
      </c>
      <c r="AE29" s="191">
        <v>7</v>
      </c>
      <c r="AF29" s="191">
        <v>2</v>
      </c>
      <c r="AG29" s="191">
        <v>0</v>
      </c>
      <c r="AH29" s="196">
        <v>60</v>
      </c>
      <c r="AI29" s="195">
        <v>60</v>
      </c>
      <c r="AJ29" s="190">
        <v>0</v>
      </c>
      <c r="AK29" s="191">
        <v>0</v>
      </c>
      <c r="AL29" s="196">
        <v>0</v>
      </c>
      <c r="AM29" s="193">
        <v>0</v>
      </c>
      <c r="AN29" s="191">
        <v>2</v>
      </c>
      <c r="AO29" s="191">
        <v>1</v>
      </c>
      <c r="AP29" s="191">
        <v>2</v>
      </c>
      <c r="AQ29" s="191">
        <v>1</v>
      </c>
      <c r="AR29" s="191">
        <v>0</v>
      </c>
      <c r="AS29" s="196">
        <v>6</v>
      </c>
      <c r="AT29" s="195">
        <v>6</v>
      </c>
      <c r="AU29" s="190">
        <v>0</v>
      </c>
      <c r="AV29" s="191">
        <v>0</v>
      </c>
      <c r="AW29" s="196">
        <v>0</v>
      </c>
      <c r="AX29" s="193">
        <v>0</v>
      </c>
      <c r="AY29" s="191">
        <v>13</v>
      </c>
      <c r="AZ29" s="191">
        <v>2</v>
      </c>
      <c r="BA29" s="191">
        <v>3</v>
      </c>
      <c r="BB29" s="191">
        <v>0</v>
      </c>
      <c r="BC29" s="191">
        <v>0</v>
      </c>
      <c r="BD29" s="196">
        <v>18</v>
      </c>
      <c r="BE29" s="195">
        <v>18</v>
      </c>
      <c r="BF29" s="190">
        <v>0</v>
      </c>
      <c r="BG29" s="191">
        <v>0</v>
      </c>
      <c r="BH29" s="196">
        <v>0</v>
      </c>
      <c r="BI29" s="193">
        <v>0</v>
      </c>
      <c r="BJ29" s="191">
        <v>5</v>
      </c>
      <c r="BK29" s="191">
        <v>6</v>
      </c>
      <c r="BL29" s="191">
        <v>10</v>
      </c>
      <c r="BM29" s="191">
        <v>5</v>
      </c>
      <c r="BN29" s="191">
        <v>7</v>
      </c>
      <c r="BO29" s="194">
        <v>33</v>
      </c>
      <c r="BP29" s="195">
        <v>33</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6</v>
      </c>
      <c r="CI29" s="191">
        <v>9</v>
      </c>
      <c r="CJ29" s="191">
        <v>4</v>
      </c>
      <c r="CK29" s="196">
        <v>19</v>
      </c>
      <c r="CL29" s="195">
        <v>19</v>
      </c>
      <c r="CM29" s="190">
        <v>0</v>
      </c>
      <c r="CN29" s="191">
        <v>0</v>
      </c>
      <c r="CO29" s="196">
        <v>0</v>
      </c>
      <c r="CP29" s="193">
        <v>0</v>
      </c>
      <c r="CQ29" s="191">
        <v>0</v>
      </c>
      <c r="CR29" s="191">
        <v>0</v>
      </c>
      <c r="CS29" s="191">
        <v>0</v>
      </c>
      <c r="CT29" s="191">
        <v>1</v>
      </c>
      <c r="CU29" s="191">
        <v>0</v>
      </c>
      <c r="CV29" s="196">
        <v>1</v>
      </c>
      <c r="CW29" s="195">
        <v>1</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31</v>
      </c>
      <c r="AD30" s="191">
        <v>11</v>
      </c>
      <c r="AE30" s="191">
        <v>3</v>
      </c>
      <c r="AF30" s="191">
        <v>2</v>
      </c>
      <c r="AG30" s="191">
        <v>1</v>
      </c>
      <c r="AH30" s="196">
        <v>48</v>
      </c>
      <c r="AI30" s="195">
        <v>48</v>
      </c>
      <c r="AJ30" s="190">
        <v>0</v>
      </c>
      <c r="AK30" s="191">
        <v>0</v>
      </c>
      <c r="AL30" s="196">
        <v>0</v>
      </c>
      <c r="AM30" s="193">
        <v>0</v>
      </c>
      <c r="AN30" s="191">
        <v>4</v>
      </c>
      <c r="AO30" s="191">
        <v>2</v>
      </c>
      <c r="AP30" s="191">
        <v>1</v>
      </c>
      <c r="AQ30" s="191">
        <v>1</v>
      </c>
      <c r="AR30" s="191">
        <v>0</v>
      </c>
      <c r="AS30" s="196">
        <v>8</v>
      </c>
      <c r="AT30" s="195">
        <v>8</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1</v>
      </c>
      <c r="BK30" s="191">
        <v>5</v>
      </c>
      <c r="BL30" s="191">
        <v>3</v>
      </c>
      <c r="BM30" s="191">
        <v>4</v>
      </c>
      <c r="BN30" s="191">
        <v>4</v>
      </c>
      <c r="BO30" s="194">
        <v>17</v>
      </c>
      <c r="BP30" s="195">
        <v>17</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2</v>
      </c>
      <c r="H31" s="191">
        <v>0</v>
      </c>
      <c r="I31" s="191">
        <v>1</v>
      </c>
      <c r="J31" s="191">
        <v>0</v>
      </c>
      <c r="K31" s="191">
        <v>0</v>
      </c>
      <c r="L31" s="194">
        <v>3</v>
      </c>
      <c r="M31" s="195">
        <v>3</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1</v>
      </c>
      <c r="AD31" s="191">
        <v>18</v>
      </c>
      <c r="AE31" s="191">
        <v>9</v>
      </c>
      <c r="AF31" s="191">
        <v>3</v>
      </c>
      <c r="AG31" s="191">
        <v>0</v>
      </c>
      <c r="AH31" s="196">
        <v>41</v>
      </c>
      <c r="AI31" s="195">
        <v>41</v>
      </c>
      <c r="AJ31" s="190">
        <v>0</v>
      </c>
      <c r="AK31" s="191">
        <v>0</v>
      </c>
      <c r="AL31" s="196">
        <v>0</v>
      </c>
      <c r="AM31" s="193">
        <v>0</v>
      </c>
      <c r="AN31" s="191">
        <v>2</v>
      </c>
      <c r="AO31" s="191">
        <v>1</v>
      </c>
      <c r="AP31" s="191">
        <v>1</v>
      </c>
      <c r="AQ31" s="191">
        <v>0</v>
      </c>
      <c r="AR31" s="191">
        <v>0</v>
      </c>
      <c r="AS31" s="196">
        <v>4</v>
      </c>
      <c r="AT31" s="195">
        <v>4</v>
      </c>
      <c r="AU31" s="190">
        <v>0</v>
      </c>
      <c r="AV31" s="191">
        <v>0</v>
      </c>
      <c r="AW31" s="196">
        <v>0</v>
      </c>
      <c r="AX31" s="193">
        <v>0</v>
      </c>
      <c r="AY31" s="191">
        <v>6</v>
      </c>
      <c r="AZ31" s="191">
        <v>5</v>
      </c>
      <c r="BA31" s="191">
        <v>2</v>
      </c>
      <c r="BB31" s="191">
        <v>6</v>
      </c>
      <c r="BC31" s="191">
        <v>1</v>
      </c>
      <c r="BD31" s="196">
        <v>20</v>
      </c>
      <c r="BE31" s="195">
        <v>20</v>
      </c>
      <c r="BF31" s="190">
        <v>0</v>
      </c>
      <c r="BG31" s="191">
        <v>0</v>
      </c>
      <c r="BH31" s="196">
        <v>0</v>
      </c>
      <c r="BI31" s="193">
        <v>0</v>
      </c>
      <c r="BJ31" s="191">
        <v>7</v>
      </c>
      <c r="BK31" s="191">
        <v>9</v>
      </c>
      <c r="BL31" s="191">
        <v>9</v>
      </c>
      <c r="BM31" s="191">
        <v>3</v>
      </c>
      <c r="BN31" s="191">
        <v>1</v>
      </c>
      <c r="BO31" s="194">
        <v>29</v>
      </c>
      <c r="BP31" s="195">
        <v>29</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2</v>
      </c>
      <c r="CI31" s="191">
        <v>8</v>
      </c>
      <c r="CJ31" s="191">
        <v>6</v>
      </c>
      <c r="CK31" s="196">
        <v>26</v>
      </c>
      <c r="CL31" s="195">
        <v>26</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2</v>
      </c>
      <c r="I32" s="191">
        <v>1</v>
      </c>
      <c r="J32" s="191">
        <v>0</v>
      </c>
      <c r="K32" s="191">
        <v>1</v>
      </c>
      <c r="L32" s="194">
        <v>4</v>
      </c>
      <c r="M32" s="195">
        <v>4</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21</v>
      </c>
      <c r="AD32" s="191">
        <v>9</v>
      </c>
      <c r="AE32" s="191">
        <v>6</v>
      </c>
      <c r="AF32" s="191">
        <v>5</v>
      </c>
      <c r="AG32" s="191">
        <v>2</v>
      </c>
      <c r="AH32" s="196">
        <v>43</v>
      </c>
      <c r="AI32" s="195">
        <v>43</v>
      </c>
      <c r="AJ32" s="190">
        <v>0</v>
      </c>
      <c r="AK32" s="191">
        <v>0</v>
      </c>
      <c r="AL32" s="196">
        <v>0</v>
      </c>
      <c r="AM32" s="193">
        <v>0</v>
      </c>
      <c r="AN32" s="191">
        <v>1</v>
      </c>
      <c r="AO32" s="191">
        <v>3</v>
      </c>
      <c r="AP32" s="191">
        <v>0</v>
      </c>
      <c r="AQ32" s="191">
        <v>0</v>
      </c>
      <c r="AR32" s="191">
        <v>0</v>
      </c>
      <c r="AS32" s="196">
        <v>4</v>
      </c>
      <c r="AT32" s="195">
        <v>4</v>
      </c>
      <c r="AU32" s="190">
        <v>0</v>
      </c>
      <c r="AV32" s="191">
        <v>0</v>
      </c>
      <c r="AW32" s="196">
        <v>0</v>
      </c>
      <c r="AX32" s="193">
        <v>0</v>
      </c>
      <c r="AY32" s="191">
        <v>0</v>
      </c>
      <c r="AZ32" s="191">
        <v>0</v>
      </c>
      <c r="BA32" s="191">
        <v>0</v>
      </c>
      <c r="BB32" s="191">
        <v>1</v>
      </c>
      <c r="BC32" s="191">
        <v>0</v>
      </c>
      <c r="BD32" s="196">
        <v>1</v>
      </c>
      <c r="BE32" s="195">
        <v>1</v>
      </c>
      <c r="BF32" s="190">
        <v>0</v>
      </c>
      <c r="BG32" s="191">
        <v>0</v>
      </c>
      <c r="BH32" s="196">
        <v>0</v>
      </c>
      <c r="BI32" s="193">
        <v>0</v>
      </c>
      <c r="BJ32" s="191">
        <v>3</v>
      </c>
      <c r="BK32" s="191">
        <v>4</v>
      </c>
      <c r="BL32" s="191">
        <v>2</v>
      </c>
      <c r="BM32" s="191">
        <v>6</v>
      </c>
      <c r="BN32" s="191">
        <v>2</v>
      </c>
      <c r="BO32" s="194">
        <v>17</v>
      </c>
      <c r="BP32" s="195">
        <v>17</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2</v>
      </c>
      <c r="I33" s="191">
        <v>0</v>
      </c>
      <c r="J33" s="191">
        <v>0</v>
      </c>
      <c r="K33" s="191">
        <v>0</v>
      </c>
      <c r="L33" s="194">
        <v>2</v>
      </c>
      <c r="M33" s="195">
        <v>2</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30</v>
      </c>
      <c r="AD33" s="191">
        <v>21</v>
      </c>
      <c r="AE33" s="191">
        <v>5</v>
      </c>
      <c r="AF33" s="191">
        <v>1</v>
      </c>
      <c r="AG33" s="191">
        <v>0</v>
      </c>
      <c r="AH33" s="196">
        <v>57</v>
      </c>
      <c r="AI33" s="195">
        <v>57</v>
      </c>
      <c r="AJ33" s="190">
        <v>0</v>
      </c>
      <c r="AK33" s="191">
        <v>0</v>
      </c>
      <c r="AL33" s="196">
        <v>0</v>
      </c>
      <c r="AM33" s="193">
        <v>0</v>
      </c>
      <c r="AN33" s="191">
        <v>0</v>
      </c>
      <c r="AO33" s="191">
        <v>1</v>
      </c>
      <c r="AP33" s="191">
        <v>1</v>
      </c>
      <c r="AQ33" s="191">
        <v>1</v>
      </c>
      <c r="AR33" s="191">
        <v>0</v>
      </c>
      <c r="AS33" s="196">
        <v>3</v>
      </c>
      <c r="AT33" s="195">
        <v>3</v>
      </c>
      <c r="AU33" s="190">
        <v>0</v>
      </c>
      <c r="AV33" s="191">
        <v>1</v>
      </c>
      <c r="AW33" s="196">
        <v>1</v>
      </c>
      <c r="AX33" s="193">
        <v>0</v>
      </c>
      <c r="AY33" s="191">
        <v>9</v>
      </c>
      <c r="AZ33" s="191">
        <v>4</v>
      </c>
      <c r="BA33" s="191">
        <v>8</v>
      </c>
      <c r="BB33" s="191">
        <v>1</v>
      </c>
      <c r="BC33" s="191">
        <v>0</v>
      </c>
      <c r="BD33" s="196">
        <v>22</v>
      </c>
      <c r="BE33" s="195">
        <v>23</v>
      </c>
      <c r="BF33" s="190">
        <v>0</v>
      </c>
      <c r="BG33" s="191">
        <v>0</v>
      </c>
      <c r="BH33" s="196">
        <v>0</v>
      </c>
      <c r="BI33" s="193">
        <v>0</v>
      </c>
      <c r="BJ33" s="191">
        <v>3</v>
      </c>
      <c r="BK33" s="191">
        <v>10</v>
      </c>
      <c r="BL33" s="191">
        <v>8</v>
      </c>
      <c r="BM33" s="191">
        <v>8</v>
      </c>
      <c r="BN33" s="191">
        <v>4</v>
      </c>
      <c r="BO33" s="194">
        <v>33</v>
      </c>
      <c r="BP33" s="195">
        <v>33</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1</v>
      </c>
      <c r="H34" s="191">
        <v>3</v>
      </c>
      <c r="I34" s="191">
        <v>1</v>
      </c>
      <c r="J34" s="191">
        <v>0</v>
      </c>
      <c r="K34" s="191">
        <v>0</v>
      </c>
      <c r="L34" s="194">
        <v>5</v>
      </c>
      <c r="M34" s="195">
        <v>5</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5</v>
      </c>
      <c r="AD34" s="191">
        <v>29</v>
      </c>
      <c r="AE34" s="191">
        <v>4</v>
      </c>
      <c r="AF34" s="191">
        <v>3</v>
      </c>
      <c r="AG34" s="191">
        <v>2</v>
      </c>
      <c r="AH34" s="196">
        <v>83</v>
      </c>
      <c r="AI34" s="195">
        <v>83</v>
      </c>
      <c r="AJ34" s="190">
        <v>0</v>
      </c>
      <c r="AK34" s="191">
        <v>0</v>
      </c>
      <c r="AL34" s="196">
        <v>0</v>
      </c>
      <c r="AM34" s="193">
        <v>0</v>
      </c>
      <c r="AN34" s="191">
        <v>5</v>
      </c>
      <c r="AO34" s="191">
        <v>1</v>
      </c>
      <c r="AP34" s="191">
        <v>1</v>
      </c>
      <c r="AQ34" s="191">
        <v>0</v>
      </c>
      <c r="AR34" s="191">
        <v>1</v>
      </c>
      <c r="AS34" s="196">
        <v>8</v>
      </c>
      <c r="AT34" s="195">
        <v>8</v>
      </c>
      <c r="AU34" s="190">
        <v>0</v>
      </c>
      <c r="AV34" s="191">
        <v>0</v>
      </c>
      <c r="AW34" s="196">
        <v>0</v>
      </c>
      <c r="AX34" s="193">
        <v>0</v>
      </c>
      <c r="AY34" s="191">
        <v>8</v>
      </c>
      <c r="AZ34" s="191">
        <v>2</v>
      </c>
      <c r="BA34" s="191">
        <v>3</v>
      </c>
      <c r="BB34" s="191">
        <v>3</v>
      </c>
      <c r="BC34" s="191">
        <v>0</v>
      </c>
      <c r="BD34" s="196">
        <v>16</v>
      </c>
      <c r="BE34" s="195">
        <v>16</v>
      </c>
      <c r="BF34" s="190">
        <v>0</v>
      </c>
      <c r="BG34" s="191">
        <v>0</v>
      </c>
      <c r="BH34" s="196">
        <v>0</v>
      </c>
      <c r="BI34" s="193">
        <v>0</v>
      </c>
      <c r="BJ34" s="191">
        <v>2</v>
      </c>
      <c r="BK34" s="191">
        <v>3</v>
      </c>
      <c r="BL34" s="191">
        <v>6</v>
      </c>
      <c r="BM34" s="191">
        <v>8</v>
      </c>
      <c r="BN34" s="191">
        <v>4</v>
      </c>
      <c r="BO34" s="194">
        <v>23</v>
      </c>
      <c r="BP34" s="195">
        <v>23</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1</v>
      </c>
      <c r="CG34" s="191">
        <v>0</v>
      </c>
      <c r="CH34" s="191">
        <v>12</v>
      </c>
      <c r="CI34" s="191">
        <v>9</v>
      </c>
      <c r="CJ34" s="191">
        <v>4</v>
      </c>
      <c r="CK34" s="196">
        <v>26</v>
      </c>
      <c r="CL34" s="195">
        <v>26</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4</v>
      </c>
      <c r="AD35" s="191">
        <v>12</v>
      </c>
      <c r="AE35" s="191">
        <v>5</v>
      </c>
      <c r="AF35" s="191">
        <v>3</v>
      </c>
      <c r="AG35" s="191">
        <v>1</v>
      </c>
      <c r="AH35" s="196">
        <v>45</v>
      </c>
      <c r="AI35" s="195">
        <v>45</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1</v>
      </c>
      <c r="BH35" s="196">
        <v>1</v>
      </c>
      <c r="BI35" s="193">
        <v>0</v>
      </c>
      <c r="BJ35" s="191">
        <v>2</v>
      </c>
      <c r="BK35" s="191">
        <v>3</v>
      </c>
      <c r="BL35" s="191">
        <v>8</v>
      </c>
      <c r="BM35" s="191">
        <v>2</v>
      </c>
      <c r="BN35" s="191">
        <v>1</v>
      </c>
      <c r="BO35" s="194">
        <v>16</v>
      </c>
      <c r="BP35" s="195">
        <v>17</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4</v>
      </c>
      <c r="CR35" s="191">
        <v>2</v>
      </c>
      <c r="CS35" s="191">
        <v>2</v>
      </c>
      <c r="CT35" s="191">
        <v>3</v>
      </c>
      <c r="CU35" s="191">
        <v>4</v>
      </c>
      <c r="CV35" s="196">
        <v>15</v>
      </c>
      <c r="CW35" s="195">
        <v>15</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0</v>
      </c>
      <c r="AD36" s="191">
        <v>5</v>
      </c>
      <c r="AE36" s="191">
        <v>1</v>
      </c>
      <c r="AF36" s="191">
        <v>2</v>
      </c>
      <c r="AG36" s="191">
        <v>0</v>
      </c>
      <c r="AH36" s="196">
        <v>18</v>
      </c>
      <c r="AI36" s="195">
        <v>18</v>
      </c>
      <c r="AJ36" s="190">
        <v>0</v>
      </c>
      <c r="AK36" s="191">
        <v>0</v>
      </c>
      <c r="AL36" s="196">
        <v>0</v>
      </c>
      <c r="AM36" s="193">
        <v>0</v>
      </c>
      <c r="AN36" s="191">
        <v>0</v>
      </c>
      <c r="AO36" s="191">
        <v>0</v>
      </c>
      <c r="AP36" s="191">
        <v>0</v>
      </c>
      <c r="AQ36" s="191">
        <v>0</v>
      </c>
      <c r="AR36" s="191">
        <v>1</v>
      </c>
      <c r="AS36" s="196">
        <v>1</v>
      </c>
      <c r="AT36" s="195">
        <v>1</v>
      </c>
      <c r="AU36" s="190">
        <v>1</v>
      </c>
      <c r="AV36" s="191">
        <v>2</v>
      </c>
      <c r="AW36" s="196">
        <v>3</v>
      </c>
      <c r="AX36" s="193">
        <v>0</v>
      </c>
      <c r="AY36" s="191">
        <v>8</v>
      </c>
      <c r="AZ36" s="191">
        <v>6</v>
      </c>
      <c r="BA36" s="191">
        <v>4</v>
      </c>
      <c r="BB36" s="191">
        <v>2</v>
      </c>
      <c r="BC36" s="191">
        <v>0</v>
      </c>
      <c r="BD36" s="196">
        <v>20</v>
      </c>
      <c r="BE36" s="195">
        <v>23</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9</v>
      </c>
      <c r="CR36" s="191">
        <v>9</v>
      </c>
      <c r="CS36" s="191">
        <v>5</v>
      </c>
      <c r="CT36" s="191">
        <v>1</v>
      </c>
      <c r="CU36" s="191">
        <v>2</v>
      </c>
      <c r="CV36" s="196">
        <v>26</v>
      </c>
      <c r="CW36" s="195">
        <v>26</v>
      </c>
    </row>
    <row r="37" spans="2:101" ht="21" customHeight="1" x14ac:dyDescent="0.2">
      <c r="B37" s="106" t="s">
        <v>35</v>
      </c>
      <c r="C37" s="190">
        <v>0</v>
      </c>
      <c r="D37" s="196">
        <v>0</v>
      </c>
      <c r="E37" s="207">
        <v>0</v>
      </c>
      <c r="F37" s="193">
        <v>0</v>
      </c>
      <c r="G37" s="191">
        <v>1</v>
      </c>
      <c r="H37" s="191">
        <v>0</v>
      </c>
      <c r="I37" s="191">
        <v>2</v>
      </c>
      <c r="J37" s="191">
        <v>1</v>
      </c>
      <c r="K37" s="191">
        <v>0</v>
      </c>
      <c r="L37" s="194">
        <v>4</v>
      </c>
      <c r="M37" s="195">
        <v>4</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9</v>
      </c>
      <c r="AD37" s="191">
        <v>10</v>
      </c>
      <c r="AE37" s="191">
        <v>8</v>
      </c>
      <c r="AF37" s="191">
        <v>4</v>
      </c>
      <c r="AG37" s="191">
        <v>1</v>
      </c>
      <c r="AH37" s="196">
        <v>42</v>
      </c>
      <c r="AI37" s="195">
        <v>42</v>
      </c>
      <c r="AJ37" s="190">
        <v>0</v>
      </c>
      <c r="AK37" s="191">
        <v>0</v>
      </c>
      <c r="AL37" s="196">
        <v>0</v>
      </c>
      <c r="AM37" s="193">
        <v>0</v>
      </c>
      <c r="AN37" s="191">
        <v>0</v>
      </c>
      <c r="AO37" s="191">
        <v>0</v>
      </c>
      <c r="AP37" s="191">
        <v>0</v>
      </c>
      <c r="AQ37" s="191">
        <v>0</v>
      </c>
      <c r="AR37" s="191">
        <v>0</v>
      </c>
      <c r="AS37" s="196">
        <v>0</v>
      </c>
      <c r="AT37" s="195">
        <v>0</v>
      </c>
      <c r="AU37" s="190">
        <v>2</v>
      </c>
      <c r="AV37" s="191">
        <v>3</v>
      </c>
      <c r="AW37" s="196">
        <v>5</v>
      </c>
      <c r="AX37" s="193">
        <v>0</v>
      </c>
      <c r="AY37" s="191">
        <v>10</v>
      </c>
      <c r="AZ37" s="191">
        <v>8</v>
      </c>
      <c r="BA37" s="191">
        <v>9</v>
      </c>
      <c r="BB37" s="191">
        <v>4</v>
      </c>
      <c r="BC37" s="191">
        <v>4</v>
      </c>
      <c r="BD37" s="196">
        <v>35</v>
      </c>
      <c r="BE37" s="195">
        <v>40</v>
      </c>
      <c r="BF37" s="190">
        <v>0</v>
      </c>
      <c r="BG37" s="191">
        <v>0</v>
      </c>
      <c r="BH37" s="196">
        <v>0</v>
      </c>
      <c r="BI37" s="193">
        <v>0</v>
      </c>
      <c r="BJ37" s="191">
        <v>11</v>
      </c>
      <c r="BK37" s="191">
        <v>11</v>
      </c>
      <c r="BL37" s="191">
        <v>10</v>
      </c>
      <c r="BM37" s="191">
        <v>8</v>
      </c>
      <c r="BN37" s="191">
        <v>4</v>
      </c>
      <c r="BO37" s="194">
        <v>44</v>
      </c>
      <c r="BP37" s="195">
        <v>44</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1</v>
      </c>
      <c r="I38" s="191">
        <v>1</v>
      </c>
      <c r="J38" s="191">
        <v>0</v>
      </c>
      <c r="K38" s="191">
        <v>0</v>
      </c>
      <c r="L38" s="194">
        <v>2</v>
      </c>
      <c r="M38" s="195">
        <v>2</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76</v>
      </c>
      <c r="AD38" s="191">
        <v>46</v>
      </c>
      <c r="AE38" s="191">
        <v>32</v>
      </c>
      <c r="AF38" s="191">
        <v>14</v>
      </c>
      <c r="AG38" s="191">
        <v>15</v>
      </c>
      <c r="AH38" s="196">
        <v>183</v>
      </c>
      <c r="AI38" s="195">
        <v>183</v>
      </c>
      <c r="AJ38" s="190">
        <v>0</v>
      </c>
      <c r="AK38" s="191">
        <v>0</v>
      </c>
      <c r="AL38" s="196">
        <v>0</v>
      </c>
      <c r="AM38" s="193">
        <v>0</v>
      </c>
      <c r="AN38" s="191">
        <v>0</v>
      </c>
      <c r="AO38" s="191">
        <v>0</v>
      </c>
      <c r="AP38" s="191">
        <v>0</v>
      </c>
      <c r="AQ38" s="191">
        <v>0</v>
      </c>
      <c r="AR38" s="191">
        <v>0</v>
      </c>
      <c r="AS38" s="196">
        <v>0</v>
      </c>
      <c r="AT38" s="195">
        <v>0</v>
      </c>
      <c r="AU38" s="190">
        <v>0</v>
      </c>
      <c r="AV38" s="191">
        <v>1</v>
      </c>
      <c r="AW38" s="196">
        <v>1</v>
      </c>
      <c r="AX38" s="193">
        <v>0</v>
      </c>
      <c r="AY38" s="191">
        <v>15</v>
      </c>
      <c r="AZ38" s="191">
        <v>10</v>
      </c>
      <c r="BA38" s="191">
        <v>9</v>
      </c>
      <c r="BB38" s="191">
        <v>3</v>
      </c>
      <c r="BC38" s="191">
        <v>3</v>
      </c>
      <c r="BD38" s="196">
        <v>40</v>
      </c>
      <c r="BE38" s="195">
        <v>41</v>
      </c>
      <c r="BF38" s="190">
        <v>0</v>
      </c>
      <c r="BG38" s="191">
        <v>0</v>
      </c>
      <c r="BH38" s="196">
        <v>0</v>
      </c>
      <c r="BI38" s="193">
        <v>0</v>
      </c>
      <c r="BJ38" s="191">
        <v>4</v>
      </c>
      <c r="BK38" s="191">
        <v>17</v>
      </c>
      <c r="BL38" s="191">
        <v>14</v>
      </c>
      <c r="BM38" s="191">
        <v>8</v>
      </c>
      <c r="BN38" s="191">
        <v>5</v>
      </c>
      <c r="BO38" s="194">
        <v>48</v>
      </c>
      <c r="BP38" s="195">
        <v>48</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1</v>
      </c>
      <c r="CU38" s="191">
        <v>0</v>
      </c>
      <c r="CV38" s="196">
        <v>1</v>
      </c>
      <c r="CW38" s="195">
        <v>1</v>
      </c>
    </row>
    <row r="39" spans="2:101" ht="21" customHeight="1" thickBot="1" x14ac:dyDescent="0.25">
      <c r="B39" s="108" t="s">
        <v>37</v>
      </c>
      <c r="C39" s="197">
        <v>0</v>
      </c>
      <c r="D39" s="203">
        <v>0</v>
      </c>
      <c r="E39" s="208">
        <v>0</v>
      </c>
      <c r="F39" s="200">
        <v>0</v>
      </c>
      <c r="G39" s="198">
        <v>0</v>
      </c>
      <c r="H39" s="198">
        <v>0</v>
      </c>
      <c r="I39" s="198">
        <v>0</v>
      </c>
      <c r="J39" s="198">
        <v>1</v>
      </c>
      <c r="K39" s="198">
        <v>0</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13</v>
      </c>
      <c r="AD39" s="198">
        <v>6</v>
      </c>
      <c r="AE39" s="198">
        <v>5</v>
      </c>
      <c r="AF39" s="198">
        <v>1</v>
      </c>
      <c r="AG39" s="198">
        <v>2</v>
      </c>
      <c r="AH39" s="203">
        <v>27</v>
      </c>
      <c r="AI39" s="202">
        <v>27</v>
      </c>
      <c r="AJ39" s="197">
        <v>0</v>
      </c>
      <c r="AK39" s="198">
        <v>0</v>
      </c>
      <c r="AL39" s="203">
        <v>0</v>
      </c>
      <c r="AM39" s="200">
        <v>0</v>
      </c>
      <c r="AN39" s="198">
        <v>1</v>
      </c>
      <c r="AO39" s="198">
        <v>0</v>
      </c>
      <c r="AP39" s="198">
        <v>0</v>
      </c>
      <c r="AQ39" s="198">
        <v>0</v>
      </c>
      <c r="AR39" s="198">
        <v>0</v>
      </c>
      <c r="AS39" s="203">
        <v>1</v>
      </c>
      <c r="AT39" s="202">
        <v>1</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3</v>
      </c>
      <c r="BK39" s="198">
        <v>0</v>
      </c>
      <c r="BL39" s="198">
        <v>3</v>
      </c>
      <c r="BM39" s="198">
        <v>5</v>
      </c>
      <c r="BN39" s="198">
        <v>2</v>
      </c>
      <c r="BO39" s="201">
        <v>13</v>
      </c>
      <c r="BP39" s="202">
        <v>13</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8.554687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6</v>
      </c>
      <c r="L1" s="445">
        <f>IF(K1&lt;3,K1+12-2,K1-2)</f>
        <v>4</v>
      </c>
      <c r="M1" s="445"/>
    </row>
    <row r="2" spans="2:101" s="71" customFormat="1" ht="24" customHeight="1" thickBot="1" x14ac:dyDescent="0.25">
      <c r="B2" s="142" t="s">
        <v>128</v>
      </c>
    </row>
    <row r="3" spans="2:101" ht="21" customHeight="1" thickBot="1" x14ac:dyDescent="0.25">
      <c r="B3" s="466"/>
      <c r="C3" s="463" t="s">
        <v>94</v>
      </c>
      <c r="D3" s="464"/>
      <c r="E3" s="464"/>
      <c r="F3" s="464"/>
      <c r="G3" s="464"/>
      <c r="H3" s="464"/>
      <c r="I3" s="464"/>
      <c r="J3" s="464"/>
      <c r="K3" s="464"/>
      <c r="L3" s="464"/>
      <c r="M3" s="465"/>
      <c r="N3" s="463" t="s">
        <v>88</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14</v>
      </c>
      <c r="H6" s="184">
        <v>22</v>
      </c>
      <c r="I6" s="184">
        <v>23</v>
      </c>
      <c r="J6" s="184">
        <v>29</v>
      </c>
      <c r="K6" s="184">
        <v>16</v>
      </c>
      <c r="L6" s="187">
        <v>104</v>
      </c>
      <c r="M6" s="188">
        <v>104</v>
      </c>
      <c r="N6" s="183">
        <v>0</v>
      </c>
      <c r="O6" s="184">
        <v>0</v>
      </c>
      <c r="P6" s="189">
        <v>0</v>
      </c>
      <c r="Q6" s="186">
        <v>0</v>
      </c>
      <c r="R6" s="184">
        <v>10</v>
      </c>
      <c r="S6" s="184">
        <v>38</v>
      </c>
      <c r="T6" s="184">
        <v>28</v>
      </c>
      <c r="U6" s="184">
        <v>28</v>
      </c>
      <c r="V6" s="184">
        <v>21</v>
      </c>
      <c r="W6" s="189">
        <v>125</v>
      </c>
      <c r="X6" s="188">
        <v>125</v>
      </c>
      <c r="Y6" s="183">
        <v>0</v>
      </c>
      <c r="Z6" s="184">
        <v>1</v>
      </c>
      <c r="AA6" s="189">
        <v>1</v>
      </c>
      <c r="AB6" s="186">
        <v>0</v>
      </c>
      <c r="AC6" s="184">
        <v>920</v>
      </c>
      <c r="AD6" s="184">
        <v>865</v>
      </c>
      <c r="AE6" s="184">
        <v>347</v>
      </c>
      <c r="AF6" s="184">
        <v>145</v>
      </c>
      <c r="AG6" s="184">
        <v>61</v>
      </c>
      <c r="AH6" s="189">
        <v>2338</v>
      </c>
      <c r="AI6" s="188">
        <v>2339</v>
      </c>
      <c r="AJ6" s="183">
        <v>1</v>
      </c>
      <c r="AK6" s="184">
        <v>1</v>
      </c>
      <c r="AL6" s="189">
        <v>2</v>
      </c>
      <c r="AM6" s="186">
        <v>0</v>
      </c>
      <c r="AN6" s="184">
        <v>61</v>
      </c>
      <c r="AO6" s="184">
        <v>72</v>
      </c>
      <c r="AP6" s="184">
        <v>78</v>
      </c>
      <c r="AQ6" s="184">
        <v>37</v>
      </c>
      <c r="AR6" s="184">
        <v>17</v>
      </c>
      <c r="AS6" s="189">
        <v>265</v>
      </c>
      <c r="AT6" s="188">
        <v>267</v>
      </c>
      <c r="AU6" s="183">
        <v>8</v>
      </c>
      <c r="AV6" s="184">
        <v>8</v>
      </c>
      <c r="AW6" s="189">
        <v>16</v>
      </c>
      <c r="AX6" s="186">
        <v>0</v>
      </c>
      <c r="AY6" s="184">
        <v>76</v>
      </c>
      <c r="AZ6" s="184">
        <v>74</v>
      </c>
      <c r="BA6" s="184">
        <v>68</v>
      </c>
      <c r="BB6" s="184">
        <v>41</v>
      </c>
      <c r="BC6" s="184">
        <v>20</v>
      </c>
      <c r="BD6" s="189">
        <v>279</v>
      </c>
      <c r="BE6" s="188">
        <v>295</v>
      </c>
      <c r="BF6" s="183">
        <v>0</v>
      </c>
      <c r="BG6" s="184">
        <v>0</v>
      </c>
      <c r="BH6" s="189">
        <v>0</v>
      </c>
      <c r="BI6" s="186">
        <v>0</v>
      </c>
      <c r="BJ6" s="184">
        <v>96</v>
      </c>
      <c r="BK6" s="184">
        <v>124</v>
      </c>
      <c r="BL6" s="184">
        <v>139</v>
      </c>
      <c r="BM6" s="184">
        <v>98</v>
      </c>
      <c r="BN6" s="184">
        <v>49</v>
      </c>
      <c r="BO6" s="187">
        <v>506</v>
      </c>
      <c r="BP6" s="188">
        <v>506</v>
      </c>
      <c r="BQ6" s="183">
        <v>0</v>
      </c>
      <c r="BR6" s="184">
        <v>0</v>
      </c>
      <c r="BS6" s="189">
        <v>0</v>
      </c>
      <c r="BT6" s="186">
        <v>0</v>
      </c>
      <c r="BU6" s="184">
        <v>3</v>
      </c>
      <c r="BV6" s="184">
        <v>5</v>
      </c>
      <c r="BW6" s="184">
        <v>4</v>
      </c>
      <c r="BX6" s="184">
        <v>4</v>
      </c>
      <c r="BY6" s="184">
        <v>3</v>
      </c>
      <c r="BZ6" s="189">
        <v>19</v>
      </c>
      <c r="CA6" s="188">
        <v>19</v>
      </c>
      <c r="CB6" s="183">
        <v>0</v>
      </c>
      <c r="CC6" s="184">
        <v>0</v>
      </c>
      <c r="CD6" s="189">
        <v>0</v>
      </c>
      <c r="CE6" s="186">
        <v>0</v>
      </c>
      <c r="CF6" s="184">
        <v>1</v>
      </c>
      <c r="CG6" s="184">
        <v>2</v>
      </c>
      <c r="CH6" s="184">
        <v>15</v>
      </c>
      <c r="CI6" s="184">
        <v>24</v>
      </c>
      <c r="CJ6" s="184">
        <v>12</v>
      </c>
      <c r="CK6" s="189">
        <v>54</v>
      </c>
      <c r="CL6" s="188">
        <v>54</v>
      </c>
      <c r="CM6" s="183">
        <v>0</v>
      </c>
      <c r="CN6" s="184">
        <v>0</v>
      </c>
      <c r="CO6" s="189">
        <v>0</v>
      </c>
      <c r="CP6" s="186">
        <v>0</v>
      </c>
      <c r="CQ6" s="184">
        <v>18</v>
      </c>
      <c r="CR6" s="184">
        <v>15</v>
      </c>
      <c r="CS6" s="184">
        <v>25</v>
      </c>
      <c r="CT6" s="184">
        <v>22</v>
      </c>
      <c r="CU6" s="184">
        <v>28</v>
      </c>
      <c r="CV6" s="189">
        <v>108</v>
      </c>
      <c r="CW6" s="188">
        <v>108</v>
      </c>
    </row>
    <row r="7" spans="2:101" ht="21" customHeight="1" x14ac:dyDescent="0.2">
      <c r="B7" s="95" t="s">
        <v>5</v>
      </c>
      <c r="C7" s="190">
        <v>0</v>
      </c>
      <c r="D7" s="196">
        <v>0</v>
      </c>
      <c r="E7" s="207">
        <v>0</v>
      </c>
      <c r="F7" s="193">
        <v>0</v>
      </c>
      <c r="G7" s="191">
        <v>6</v>
      </c>
      <c r="H7" s="191">
        <v>11</v>
      </c>
      <c r="I7" s="191">
        <v>11</v>
      </c>
      <c r="J7" s="191">
        <v>18</v>
      </c>
      <c r="K7" s="191">
        <v>10</v>
      </c>
      <c r="L7" s="194">
        <v>56</v>
      </c>
      <c r="M7" s="195">
        <v>56</v>
      </c>
      <c r="N7" s="190">
        <v>0</v>
      </c>
      <c r="O7" s="191">
        <v>0</v>
      </c>
      <c r="P7" s="196">
        <v>0</v>
      </c>
      <c r="Q7" s="193">
        <v>0</v>
      </c>
      <c r="R7" s="191">
        <v>6</v>
      </c>
      <c r="S7" s="191">
        <v>29</v>
      </c>
      <c r="T7" s="191">
        <v>21</v>
      </c>
      <c r="U7" s="191">
        <v>25</v>
      </c>
      <c r="V7" s="191">
        <v>17</v>
      </c>
      <c r="W7" s="196">
        <v>98</v>
      </c>
      <c r="X7" s="195">
        <v>98</v>
      </c>
      <c r="Y7" s="190">
        <v>0</v>
      </c>
      <c r="Z7" s="191">
        <v>0</v>
      </c>
      <c r="AA7" s="196">
        <v>0</v>
      </c>
      <c r="AB7" s="193">
        <v>0</v>
      </c>
      <c r="AC7" s="191">
        <v>371</v>
      </c>
      <c r="AD7" s="191">
        <v>433</v>
      </c>
      <c r="AE7" s="191">
        <v>168</v>
      </c>
      <c r="AF7" s="191">
        <v>67</v>
      </c>
      <c r="AG7" s="191">
        <v>31</v>
      </c>
      <c r="AH7" s="196">
        <v>1070</v>
      </c>
      <c r="AI7" s="195">
        <v>1070</v>
      </c>
      <c r="AJ7" s="190">
        <v>0</v>
      </c>
      <c r="AK7" s="191">
        <v>0</v>
      </c>
      <c r="AL7" s="196">
        <v>0</v>
      </c>
      <c r="AM7" s="193">
        <v>0</v>
      </c>
      <c r="AN7" s="191">
        <v>32</v>
      </c>
      <c r="AO7" s="191">
        <v>42</v>
      </c>
      <c r="AP7" s="191">
        <v>40</v>
      </c>
      <c r="AQ7" s="191">
        <v>17</v>
      </c>
      <c r="AR7" s="191">
        <v>9</v>
      </c>
      <c r="AS7" s="196">
        <v>140</v>
      </c>
      <c r="AT7" s="195">
        <v>140</v>
      </c>
      <c r="AU7" s="190">
        <v>3</v>
      </c>
      <c r="AV7" s="191">
        <v>3</v>
      </c>
      <c r="AW7" s="196">
        <v>6</v>
      </c>
      <c r="AX7" s="193">
        <v>0</v>
      </c>
      <c r="AY7" s="191">
        <v>28</v>
      </c>
      <c r="AZ7" s="191">
        <v>31</v>
      </c>
      <c r="BA7" s="191">
        <v>30</v>
      </c>
      <c r="BB7" s="191">
        <v>18</v>
      </c>
      <c r="BC7" s="191">
        <v>11</v>
      </c>
      <c r="BD7" s="196">
        <v>118</v>
      </c>
      <c r="BE7" s="195">
        <v>124</v>
      </c>
      <c r="BF7" s="190">
        <v>0</v>
      </c>
      <c r="BG7" s="191">
        <v>0</v>
      </c>
      <c r="BH7" s="196">
        <v>0</v>
      </c>
      <c r="BI7" s="193">
        <v>0</v>
      </c>
      <c r="BJ7" s="191">
        <v>32</v>
      </c>
      <c r="BK7" s="191">
        <v>58</v>
      </c>
      <c r="BL7" s="191">
        <v>47</v>
      </c>
      <c r="BM7" s="191">
        <v>32</v>
      </c>
      <c r="BN7" s="191">
        <v>21</v>
      </c>
      <c r="BO7" s="194">
        <v>190</v>
      </c>
      <c r="BP7" s="195">
        <v>190</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1</v>
      </c>
      <c r="CG7" s="191">
        <v>1</v>
      </c>
      <c r="CH7" s="191">
        <v>2</v>
      </c>
      <c r="CI7" s="191">
        <v>5</v>
      </c>
      <c r="CJ7" s="191">
        <v>2</v>
      </c>
      <c r="CK7" s="196">
        <v>11</v>
      </c>
      <c r="CL7" s="195">
        <v>11</v>
      </c>
      <c r="CM7" s="190">
        <v>0</v>
      </c>
      <c r="CN7" s="191">
        <v>0</v>
      </c>
      <c r="CO7" s="196">
        <v>0</v>
      </c>
      <c r="CP7" s="193">
        <v>0</v>
      </c>
      <c r="CQ7" s="191">
        <v>2</v>
      </c>
      <c r="CR7" s="191">
        <v>5</v>
      </c>
      <c r="CS7" s="191">
        <v>8</v>
      </c>
      <c r="CT7" s="191">
        <v>7</v>
      </c>
      <c r="CU7" s="191">
        <v>14</v>
      </c>
      <c r="CV7" s="196">
        <v>36</v>
      </c>
      <c r="CW7" s="195">
        <v>36</v>
      </c>
    </row>
    <row r="8" spans="2:101" ht="21" customHeight="1" x14ac:dyDescent="0.2">
      <c r="B8" s="106" t="s">
        <v>6</v>
      </c>
      <c r="C8" s="190">
        <v>0</v>
      </c>
      <c r="D8" s="196">
        <v>0</v>
      </c>
      <c r="E8" s="207">
        <v>0</v>
      </c>
      <c r="F8" s="193">
        <v>0</v>
      </c>
      <c r="G8" s="191">
        <v>2</v>
      </c>
      <c r="H8" s="191">
        <v>4</v>
      </c>
      <c r="I8" s="191">
        <v>4</v>
      </c>
      <c r="J8" s="191">
        <v>7</v>
      </c>
      <c r="K8" s="191">
        <v>2</v>
      </c>
      <c r="L8" s="194">
        <v>19</v>
      </c>
      <c r="M8" s="195">
        <v>19</v>
      </c>
      <c r="N8" s="190">
        <v>0</v>
      </c>
      <c r="O8" s="191">
        <v>0</v>
      </c>
      <c r="P8" s="196">
        <v>0</v>
      </c>
      <c r="Q8" s="193">
        <v>0</v>
      </c>
      <c r="R8" s="191">
        <v>3</v>
      </c>
      <c r="S8" s="191">
        <v>7</v>
      </c>
      <c r="T8" s="191">
        <v>6</v>
      </c>
      <c r="U8" s="191">
        <v>3</v>
      </c>
      <c r="V8" s="191">
        <v>3</v>
      </c>
      <c r="W8" s="196">
        <v>22</v>
      </c>
      <c r="X8" s="195">
        <v>22</v>
      </c>
      <c r="Y8" s="190">
        <v>0</v>
      </c>
      <c r="Z8" s="191">
        <v>0</v>
      </c>
      <c r="AA8" s="196">
        <v>0</v>
      </c>
      <c r="AB8" s="193">
        <v>0</v>
      </c>
      <c r="AC8" s="191">
        <v>111</v>
      </c>
      <c r="AD8" s="191">
        <v>83</v>
      </c>
      <c r="AE8" s="191">
        <v>38</v>
      </c>
      <c r="AF8" s="191">
        <v>17</v>
      </c>
      <c r="AG8" s="191">
        <v>11</v>
      </c>
      <c r="AH8" s="196">
        <v>260</v>
      </c>
      <c r="AI8" s="195">
        <v>260</v>
      </c>
      <c r="AJ8" s="190">
        <v>0</v>
      </c>
      <c r="AK8" s="191">
        <v>0</v>
      </c>
      <c r="AL8" s="196">
        <v>0</v>
      </c>
      <c r="AM8" s="193">
        <v>0</v>
      </c>
      <c r="AN8" s="191">
        <v>11</v>
      </c>
      <c r="AO8" s="191">
        <v>15</v>
      </c>
      <c r="AP8" s="191">
        <v>16</v>
      </c>
      <c r="AQ8" s="191">
        <v>9</v>
      </c>
      <c r="AR8" s="191">
        <v>3</v>
      </c>
      <c r="AS8" s="196">
        <v>54</v>
      </c>
      <c r="AT8" s="195">
        <v>54</v>
      </c>
      <c r="AU8" s="190">
        <v>2</v>
      </c>
      <c r="AV8" s="191">
        <v>2</v>
      </c>
      <c r="AW8" s="196">
        <v>4</v>
      </c>
      <c r="AX8" s="193">
        <v>0</v>
      </c>
      <c r="AY8" s="191">
        <v>13</v>
      </c>
      <c r="AZ8" s="191">
        <v>11</v>
      </c>
      <c r="BA8" s="191">
        <v>2</v>
      </c>
      <c r="BB8" s="191">
        <v>6</v>
      </c>
      <c r="BC8" s="191">
        <v>2</v>
      </c>
      <c r="BD8" s="196">
        <v>34</v>
      </c>
      <c r="BE8" s="195">
        <v>38</v>
      </c>
      <c r="BF8" s="190">
        <v>0</v>
      </c>
      <c r="BG8" s="191">
        <v>0</v>
      </c>
      <c r="BH8" s="196">
        <v>0</v>
      </c>
      <c r="BI8" s="193">
        <v>0</v>
      </c>
      <c r="BJ8" s="191">
        <v>20</v>
      </c>
      <c r="BK8" s="191">
        <v>25</v>
      </c>
      <c r="BL8" s="191">
        <v>14</v>
      </c>
      <c r="BM8" s="191">
        <v>16</v>
      </c>
      <c r="BN8" s="191">
        <v>7</v>
      </c>
      <c r="BO8" s="194">
        <v>82</v>
      </c>
      <c r="BP8" s="195">
        <v>82</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0</v>
      </c>
      <c r="CH8" s="191">
        <v>3</v>
      </c>
      <c r="CI8" s="191">
        <v>8</v>
      </c>
      <c r="CJ8" s="191">
        <v>2</v>
      </c>
      <c r="CK8" s="196">
        <v>13</v>
      </c>
      <c r="CL8" s="195">
        <v>13</v>
      </c>
      <c r="CM8" s="190">
        <v>0</v>
      </c>
      <c r="CN8" s="191">
        <v>0</v>
      </c>
      <c r="CO8" s="196">
        <v>0</v>
      </c>
      <c r="CP8" s="193">
        <v>0</v>
      </c>
      <c r="CQ8" s="191">
        <v>9</v>
      </c>
      <c r="CR8" s="191">
        <v>3</v>
      </c>
      <c r="CS8" s="191">
        <v>5</v>
      </c>
      <c r="CT8" s="191">
        <v>8</v>
      </c>
      <c r="CU8" s="191">
        <v>4</v>
      </c>
      <c r="CV8" s="196">
        <v>29</v>
      </c>
      <c r="CW8" s="195">
        <v>29</v>
      </c>
    </row>
    <row r="9" spans="2:101" ht="21" customHeight="1" x14ac:dyDescent="0.2">
      <c r="B9" s="106" t="s">
        <v>14</v>
      </c>
      <c r="C9" s="190">
        <v>0</v>
      </c>
      <c r="D9" s="196">
        <v>0</v>
      </c>
      <c r="E9" s="207">
        <v>0</v>
      </c>
      <c r="F9" s="193">
        <v>0</v>
      </c>
      <c r="G9" s="191">
        <v>1</v>
      </c>
      <c r="H9" s="191">
        <v>2</v>
      </c>
      <c r="I9" s="191">
        <v>1</v>
      </c>
      <c r="J9" s="191">
        <v>1</v>
      </c>
      <c r="K9" s="191">
        <v>1</v>
      </c>
      <c r="L9" s="194">
        <v>6</v>
      </c>
      <c r="M9" s="195">
        <v>6</v>
      </c>
      <c r="N9" s="190">
        <v>0</v>
      </c>
      <c r="O9" s="191">
        <v>0</v>
      </c>
      <c r="P9" s="196">
        <v>0</v>
      </c>
      <c r="Q9" s="193">
        <v>0</v>
      </c>
      <c r="R9" s="191">
        <v>0</v>
      </c>
      <c r="S9" s="191">
        <v>0</v>
      </c>
      <c r="T9" s="191">
        <v>0</v>
      </c>
      <c r="U9" s="191">
        <v>0</v>
      </c>
      <c r="V9" s="191">
        <v>0</v>
      </c>
      <c r="W9" s="196">
        <v>0</v>
      </c>
      <c r="X9" s="195">
        <v>0</v>
      </c>
      <c r="Y9" s="190">
        <v>0</v>
      </c>
      <c r="Z9" s="191">
        <v>0</v>
      </c>
      <c r="AA9" s="196">
        <v>0</v>
      </c>
      <c r="AB9" s="193">
        <v>0</v>
      </c>
      <c r="AC9" s="191">
        <v>77</v>
      </c>
      <c r="AD9" s="191">
        <v>79</v>
      </c>
      <c r="AE9" s="191">
        <v>44</v>
      </c>
      <c r="AF9" s="191">
        <v>16</v>
      </c>
      <c r="AG9" s="191">
        <v>3</v>
      </c>
      <c r="AH9" s="196">
        <v>219</v>
      </c>
      <c r="AI9" s="195">
        <v>219</v>
      </c>
      <c r="AJ9" s="190">
        <v>0</v>
      </c>
      <c r="AK9" s="191">
        <v>0</v>
      </c>
      <c r="AL9" s="196">
        <v>0</v>
      </c>
      <c r="AM9" s="193">
        <v>0</v>
      </c>
      <c r="AN9" s="191">
        <v>1</v>
      </c>
      <c r="AO9" s="191">
        <v>4</v>
      </c>
      <c r="AP9" s="191">
        <v>1</v>
      </c>
      <c r="AQ9" s="191">
        <v>0</v>
      </c>
      <c r="AR9" s="191">
        <v>0</v>
      </c>
      <c r="AS9" s="196">
        <v>6</v>
      </c>
      <c r="AT9" s="195">
        <v>6</v>
      </c>
      <c r="AU9" s="190">
        <v>0</v>
      </c>
      <c r="AV9" s="191">
        <v>1</v>
      </c>
      <c r="AW9" s="196">
        <v>1</v>
      </c>
      <c r="AX9" s="193">
        <v>0</v>
      </c>
      <c r="AY9" s="191">
        <v>9</v>
      </c>
      <c r="AZ9" s="191">
        <v>7</v>
      </c>
      <c r="BA9" s="191">
        <v>6</v>
      </c>
      <c r="BB9" s="191">
        <v>5</v>
      </c>
      <c r="BC9" s="191">
        <v>2</v>
      </c>
      <c r="BD9" s="196">
        <v>29</v>
      </c>
      <c r="BE9" s="195">
        <v>30</v>
      </c>
      <c r="BF9" s="190">
        <v>0</v>
      </c>
      <c r="BG9" s="191">
        <v>0</v>
      </c>
      <c r="BH9" s="196">
        <v>0</v>
      </c>
      <c r="BI9" s="193">
        <v>0</v>
      </c>
      <c r="BJ9" s="191">
        <v>7</v>
      </c>
      <c r="BK9" s="191">
        <v>7</v>
      </c>
      <c r="BL9" s="191">
        <v>13</v>
      </c>
      <c r="BM9" s="191">
        <v>12</v>
      </c>
      <c r="BN9" s="191">
        <v>4</v>
      </c>
      <c r="BO9" s="194">
        <v>43</v>
      </c>
      <c r="BP9" s="195">
        <v>43</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v>
      </c>
      <c r="CI9" s="191">
        <v>2</v>
      </c>
      <c r="CJ9" s="191">
        <v>0</v>
      </c>
      <c r="CK9" s="196">
        <v>3</v>
      </c>
      <c r="CL9" s="195">
        <v>3</v>
      </c>
      <c r="CM9" s="190">
        <v>0</v>
      </c>
      <c r="CN9" s="191">
        <v>0</v>
      </c>
      <c r="CO9" s="196">
        <v>0</v>
      </c>
      <c r="CP9" s="193">
        <v>0</v>
      </c>
      <c r="CQ9" s="191">
        <v>1</v>
      </c>
      <c r="CR9" s="191">
        <v>0</v>
      </c>
      <c r="CS9" s="191">
        <v>1</v>
      </c>
      <c r="CT9" s="191">
        <v>0</v>
      </c>
      <c r="CU9" s="191">
        <v>3</v>
      </c>
      <c r="CV9" s="196">
        <v>5</v>
      </c>
      <c r="CW9" s="195">
        <v>5</v>
      </c>
    </row>
    <row r="10" spans="2:101" ht="21" customHeight="1" x14ac:dyDescent="0.2">
      <c r="B10" s="106" t="s">
        <v>7</v>
      </c>
      <c r="C10" s="190">
        <v>0</v>
      </c>
      <c r="D10" s="196">
        <v>0</v>
      </c>
      <c r="E10" s="207">
        <v>0</v>
      </c>
      <c r="F10" s="193">
        <v>0</v>
      </c>
      <c r="G10" s="191">
        <v>0</v>
      </c>
      <c r="H10" s="191">
        <v>0</v>
      </c>
      <c r="I10" s="191">
        <v>0</v>
      </c>
      <c r="J10" s="191">
        <v>0</v>
      </c>
      <c r="K10" s="191">
        <v>0</v>
      </c>
      <c r="L10" s="194">
        <v>0</v>
      </c>
      <c r="M10" s="195">
        <v>0</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80</v>
      </c>
      <c r="AD10" s="191">
        <v>61</v>
      </c>
      <c r="AE10" s="191">
        <v>19</v>
      </c>
      <c r="AF10" s="191">
        <v>7</v>
      </c>
      <c r="AG10" s="191">
        <v>2</v>
      </c>
      <c r="AH10" s="196">
        <v>169</v>
      </c>
      <c r="AI10" s="195">
        <v>169</v>
      </c>
      <c r="AJ10" s="190">
        <v>0</v>
      </c>
      <c r="AK10" s="191">
        <v>0</v>
      </c>
      <c r="AL10" s="196">
        <v>0</v>
      </c>
      <c r="AM10" s="193">
        <v>0</v>
      </c>
      <c r="AN10" s="191">
        <v>7</v>
      </c>
      <c r="AO10" s="191">
        <v>4</v>
      </c>
      <c r="AP10" s="191">
        <v>4</v>
      </c>
      <c r="AQ10" s="191">
        <v>5</v>
      </c>
      <c r="AR10" s="191">
        <v>2</v>
      </c>
      <c r="AS10" s="196">
        <v>22</v>
      </c>
      <c r="AT10" s="195">
        <v>22</v>
      </c>
      <c r="AU10" s="190">
        <v>0</v>
      </c>
      <c r="AV10" s="191">
        <v>0</v>
      </c>
      <c r="AW10" s="196">
        <v>0</v>
      </c>
      <c r="AX10" s="193">
        <v>0</v>
      </c>
      <c r="AY10" s="191">
        <v>5</v>
      </c>
      <c r="AZ10" s="191">
        <v>2</v>
      </c>
      <c r="BA10" s="191">
        <v>3</v>
      </c>
      <c r="BB10" s="191">
        <v>0</v>
      </c>
      <c r="BC10" s="191">
        <v>0</v>
      </c>
      <c r="BD10" s="196">
        <v>10</v>
      </c>
      <c r="BE10" s="195">
        <v>10</v>
      </c>
      <c r="BF10" s="190">
        <v>0</v>
      </c>
      <c r="BG10" s="191">
        <v>0</v>
      </c>
      <c r="BH10" s="196">
        <v>0</v>
      </c>
      <c r="BI10" s="193">
        <v>0</v>
      </c>
      <c r="BJ10" s="191">
        <v>10</v>
      </c>
      <c r="BK10" s="191">
        <v>5</v>
      </c>
      <c r="BL10" s="191">
        <v>13</v>
      </c>
      <c r="BM10" s="191">
        <v>5</v>
      </c>
      <c r="BN10" s="191">
        <v>5</v>
      </c>
      <c r="BO10" s="194">
        <v>38</v>
      </c>
      <c r="BP10" s="195">
        <v>38</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0</v>
      </c>
      <c r="CR10" s="191">
        <v>1</v>
      </c>
      <c r="CS10" s="191">
        <v>2</v>
      </c>
      <c r="CT10" s="191">
        <v>0</v>
      </c>
      <c r="CU10" s="191">
        <v>2</v>
      </c>
      <c r="CV10" s="196">
        <v>5</v>
      </c>
      <c r="CW10" s="195">
        <v>5</v>
      </c>
    </row>
    <row r="11" spans="2:101" ht="21" customHeight="1" x14ac:dyDescent="0.2">
      <c r="B11" s="106" t="s">
        <v>8</v>
      </c>
      <c r="C11" s="190">
        <v>0</v>
      </c>
      <c r="D11" s="196">
        <v>0</v>
      </c>
      <c r="E11" s="207">
        <v>0</v>
      </c>
      <c r="F11" s="193">
        <v>0</v>
      </c>
      <c r="G11" s="191">
        <v>1</v>
      </c>
      <c r="H11" s="191">
        <v>0</v>
      </c>
      <c r="I11" s="191">
        <v>0</v>
      </c>
      <c r="J11" s="191">
        <v>0</v>
      </c>
      <c r="K11" s="191">
        <v>0</v>
      </c>
      <c r="L11" s="194">
        <v>1</v>
      </c>
      <c r="M11" s="195">
        <v>1</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28</v>
      </c>
      <c r="AD11" s="191">
        <v>31</v>
      </c>
      <c r="AE11" s="191">
        <v>10</v>
      </c>
      <c r="AF11" s="191">
        <v>5</v>
      </c>
      <c r="AG11" s="191">
        <v>2</v>
      </c>
      <c r="AH11" s="196">
        <v>76</v>
      </c>
      <c r="AI11" s="195">
        <v>76</v>
      </c>
      <c r="AJ11" s="190">
        <v>0</v>
      </c>
      <c r="AK11" s="191">
        <v>0</v>
      </c>
      <c r="AL11" s="196">
        <v>0</v>
      </c>
      <c r="AM11" s="193">
        <v>0</v>
      </c>
      <c r="AN11" s="191">
        <v>0</v>
      </c>
      <c r="AO11" s="191">
        <v>0</v>
      </c>
      <c r="AP11" s="191">
        <v>0</v>
      </c>
      <c r="AQ11" s="191">
        <v>1</v>
      </c>
      <c r="AR11" s="191">
        <v>0</v>
      </c>
      <c r="AS11" s="196">
        <v>1</v>
      </c>
      <c r="AT11" s="195">
        <v>1</v>
      </c>
      <c r="AU11" s="190">
        <v>0</v>
      </c>
      <c r="AV11" s="191">
        <v>2</v>
      </c>
      <c r="AW11" s="196">
        <v>2</v>
      </c>
      <c r="AX11" s="193">
        <v>0</v>
      </c>
      <c r="AY11" s="191">
        <v>0</v>
      </c>
      <c r="AZ11" s="191">
        <v>2</v>
      </c>
      <c r="BA11" s="191">
        <v>1</v>
      </c>
      <c r="BB11" s="191">
        <v>1</v>
      </c>
      <c r="BC11" s="191">
        <v>0</v>
      </c>
      <c r="BD11" s="196">
        <v>4</v>
      </c>
      <c r="BE11" s="195">
        <v>6</v>
      </c>
      <c r="BF11" s="190">
        <v>0</v>
      </c>
      <c r="BG11" s="191">
        <v>0</v>
      </c>
      <c r="BH11" s="196">
        <v>0</v>
      </c>
      <c r="BI11" s="193">
        <v>0</v>
      </c>
      <c r="BJ11" s="191">
        <v>6</v>
      </c>
      <c r="BK11" s="191">
        <v>1</v>
      </c>
      <c r="BL11" s="191">
        <v>4</v>
      </c>
      <c r="BM11" s="191">
        <v>5</v>
      </c>
      <c r="BN11" s="191">
        <v>1</v>
      </c>
      <c r="BO11" s="194">
        <v>17</v>
      </c>
      <c r="BP11" s="195">
        <v>17</v>
      </c>
      <c r="BQ11" s="190">
        <v>0</v>
      </c>
      <c r="BR11" s="191">
        <v>0</v>
      </c>
      <c r="BS11" s="196">
        <v>0</v>
      </c>
      <c r="BT11" s="193">
        <v>0</v>
      </c>
      <c r="BU11" s="191">
        <v>0</v>
      </c>
      <c r="BV11" s="191">
        <v>0</v>
      </c>
      <c r="BW11" s="191">
        <v>2</v>
      </c>
      <c r="BX11" s="191">
        <v>0</v>
      </c>
      <c r="BY11" s="191">
        <v>2</v>
      </c>
      <c r="BZ11" s="196">
        <v>4</v>
      </c>
      <c r="CA11" s="195">
        <v>4</v>
      </c>
      <c r="CB11" s="190">
        <v>0</v>
      </c>
      <c r="CC11" s="191">
        <v>0</v>
      </c>
      <c r="CD11" s="196">
        <v>0</v>
      </c>
      <c r="CE11" s="193">
        <v>0</v>
      </c>
      <c r="CF11" s="191">
        <v>0</v>
      </c>
      <c r="CG11" s="191">
        <v>0</v>
      </c>
      <c r="CH11" s="191">
        <v>1</v>
      </c>
      <c r="CI11" s="191">
        <v>0</v>
      </c>
      <c r="CJ11" s="191">
        <v>0</v>
      </c>
      <c r="CK11" s="196">
        <v>1</v>
      </c>
      <c r="CL11" s="195">
        <v>1</v>
      </c>
      <c r="CM11" s="190">
        <v>0</v>
      </c>
      <c r="CN11" s="191">
        <v>0</v>
      </c>
      <c r="CO11" s="196">
        <v>0</v>
      </c>
      <c r="CP11" s="193">
        <v>0</v>
      </c>
      <c r="CQ11" s="191">
        <v>2</v>
      </c>
      <c r="CR11" s="191">
        <v>1</v>
      </c>
      <c r="CS11" s="191">
        <v>0</v>
      </c>
      <c r="CT11" s="191">
        <v>2</v>
      </c>
      <c r="CU11" s="191">
        <v>1</v>
      </c>
      <c r="CV11" s="196">
        <v>6</v>
      </c>
      <c r="CW11" s="195">
        <v>6</v>
      </c>
    </row>
    <row r="12" spans="2:101" ht="21" customHeight="1" x14ac:dyDescent="0.2">
      <c r="B12" s="106" t="s">
        <v>9</v>
      </c>
      <c r="C12" s="190">
        <v>0</v>
      </c>
      <c r="D12" s="196">
        <v>0</v>
      </c>
      <c r="E12" s="207">
        <v>0</v>
      </c>
      <c r="F12" s="193">
        <v>0</v>
      </c>
      <c r="G12" s="191">
        <v>0</v>
      </c>
      <c r="H12" s="191">
        <v>0</v>
      </c>
      <c r="I12" s="191">
        <v>0</v>
      </c>
      <c r="J12" s="191">
        <v>0</v>
      </c>
      <c r="K12" s="191">
        <v>0</v>
      </c>
      <c r="L12" s="194">
        <v>0</v>
      </c>
      <c r="M12" s="195">
        <v>0</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33</v>
      </c>
      <c r="AD12" s="191">
        <v>21</v>
      </c>
      <c r="AE12" s="191">
        <v>11</v>
      </c>
      <c r="AF12" s="191">
        <v>6</v>
      </c>
      <c r="AG12" s="191">
        <v>2</v>
      </c>
      <c r="AH12" s="196">
        <v>73</v>
      </c>
      <c r="AI12" s="195">
        <v>73</v>
      </c>
      <c r="AJ12" s="190">
        <v>0</v>
      </c>
      <c r="AK12" s="191">
        <v>0</v>
      </c>
      <c r="AL12" s="196">
        <v>0</v>
      </c>
      <c r="AM12" s="193">
        <v>0</v>
      </c>
      <c r="AN12" s="191">
        <v>0</v>
      </c>
      <c r="AO12" s="191">
        <v>0</v>
      </c>
      <c r="AP12" s="191">
        <v>0</v>
      </c>
      <c r="AQ12" s="191">
        <v>0</v>
      </c>
      <c r="AR12" s="191">
        <v>1</v>
      </c>
      <c r="AS12" s="196">
        <v>1</v>
      </c>
      <c r="AT12" s="195">
        <v>1</v>
      </c>
      <c r="AU12" s="190">
        <v>0</v>
      </c>
      <c r="AV12" s="191">
        <v>0</v>
      </c>
      <c r="AW12" s="196">
        <v>0</v>
      </c>
      <c r="AX12" s="193">
        <v>0</v>
      </c>
      <c r="AY12" s="191">
        <v>2</v>
      </c>
      <c r="AZ12" s="191">
        <v>3</v>
      </c>
      <c r="BA12" s="191">
        <v>1</v>
      </c>
      <c r="BB12" s="191">
        <v>0</v>
      </c>
      <c r="BC12" s="191">
        <v>0</v>
      </c>
      <c r="BD12" s="196">
        <v>6</v>
      </c>
      <c r="BE12" s="195">
        <v>6</v>
      </c>
      <c r="BF12" s="190">
        <v>0</v>
      </c>
      <c r="BG12" s="191">
        <v>0</v>
      </c>
      <c r="BH12" s="196">
        <v>0</v>
      </c>
      <c r="BI12" s="193">
        <v>0</v>
      </c>
      <c r="BJ12" s="191">
        <v>2</v>
      </c>
      <c r="BK12" s="191">
        <v>2</v>
      </c>
      <c r="BL12" s="191">
        <v>7</v>
      </c>
      <c r="BM12" s="191">
        <v>3</v>
      </c>
      <c r="BN12" s="191">
        <v>0</v>
      </c>
      <c r="BO12" s="194">
        <v>14</v>
      </c>
      <c r="BP12" s="195">
        <v>14</v>
      </c>
      <c r="BQ12" s="190">
        <v>0</v>
      </c>
      <c r="BR12" s="191">
        <v>0</v>
      </c>
      <c r="BS12" s="196">
        <v>0</v>
      </c>
      <c r="BT12" s="193">
        <v>0</v>
      </c>
      <c r="BU12" s="191">
        <v>0</v>
      </c>
      <c r="BV12" s="191">
        <v>0</v>
      </c>
      <c r="BW12" s="191">
        <v>0</v>
      </c>
      <c r="BX12" s="191">
        <v>0</v>
      </c>
      <c r="BY12" s="191">
        <v>0</v>
      </c>
      <c r="BZ12" s="196">
        <v>0</v>
      </c>
      <c r="CA12" s="195">
        <v>0</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1</v>
      </c>
      <c r="CS12" s="191">
        <v>1</v>
      </c>
      <c r="CT12" s="191">
        <v>0</v>
      </c>
      <c r="CU12" s="191">
        <v>0</v>
      </c>
      <c r="CV12" s="196">
        <v>2</v>
      </c>
      <c r="CW12" s="195">
        <v>2</v>
      </c>
    </row>
    <row r="13" spans="2:101" ht="21" customHeight="1" x14ac:dyDescent="0.2">
      <c r="B13" s="106" t="s">
        <v>10</v>
      </c>
      <c r="C13" s="190">
        <v>0</v>
      </c>
      <c r="D13" s="196">
        <v>0</v>
      </c>
      <c r="E13" s="207">
        <v>0</v>
      </c>
      <c r="F13" s="193">
        <v>0</v>
      </c>
      <c r="G13" s="191">
        <v>1</v>
      </c>
      <c r="H13" s="191">
        <v>3</v>
      </c>
      <c r="I13" s="191">
        <v>1</v>
      </c>
      <c r="J13" s="191">
        <v>1</v>
      </c>
      <c r="K13" s="191">
        <v>0</v>
      </c>
      <c r="L13" s="194">
        <v>6</v>
      </c>
      <c r="M13" s="195">
        <v>6</v>
      </c>
      <c r="N13" s="190">
        <v>0</v>
      </c>
      <c r="O13" s="191">
        <v>0</v>
      </c>
      <c r="P13" s="196">
        <v>0</v>
      </c>
      <c r="Q13" s="193">
        <v>0</v>
      </c>
      <c r="R13" s="191">
        <v>1</v>
      </c>
      <c r="S13" s="191">
        <v>1</v>
      </c>
      <c r="T13" s="191">
        <v>1</v>
      </c>
      <c r="U13" s="191">
        <v>0</v>
      </c>
      <c r="V13" s="191">
        <v>1</v>
      </c>
      <c r="W13" s="196">
        <v>4</v>
      </c>
      <c r="X13" s="195">
        <v>4</v>
      </c>
      <c r="Y13" s="190">
        <v>0</v>
      </c>
      <c r="Z13" s="191">
        <v>0</v>
      </c>
      <c r="AA13" s="196">
        <v>0</v>
      </c>
      <c r="AB13" s="193">
        <v>0</v>
      </c>
      <c r="AC13" s="191">
        <v>37</v>
      </c>
      <c r="AD13" s="191">
        <v>14</v>
      </c>
      <c r="AE13" s="191">
        <v>8</v>
      </c>
      <c r="AF13" s="191">
        <v>4</v>
      </c>
      <c r="AG13" s="191">
        <v>2</v>
      </c>
      <c r="AH13" s="196">
        <v>65</v>
      </c>
      <c r="AI13" s="195">
        <v>65</v>
      </c>
      <c r="AJ13" s="190">
        <v>0</v>
      </c>
      <c r="AK13" s="191">
        <v>0</v>
      </c>
      <c r="AL13" s="196">
        <v>0</v>
      </c>
      <c r="AM13" s="193">
        <v>0</v>
      </c>
      <c r="AN13" s="191">
        <v>5</v>
      </c>
      <c r="AO13" s="191">
        <v>0</v>
      </c>
      <c r="AP13" s="191">
        <v>2</v>
      </c>
      <c r="AQ13" s="191">
        <v>0</v>
      </c>
      <c r="AR13" s="191">
        <v>0</v>
      </c>
      <c r="AS13" s="196">
        <v>7</v>
      </c>
      <c r="AT13" s="195">
        <v>7</v>
      </c>
      <c r="AU13" s="190">
        <v>0</v>
      </c>
      <c r="AV13" s="191">
        <v>0</v>
      </c>
      <c r="AW13" s="196">
        <v>0</v>
      </c>
      <c r="AX13" s="193">
        <v>0</v>
      </c>
      <c r="AY13" s="191">
        <v>3</v>
      </c>
      <c r="AZ13" s="191">
        <v>2</v>
      </c>
      <c r="BA13" s="191">
        <v>3</v>
      </c>
      <c r="BB13" s="191">
        <v>2</v>
      </c>
      <c r="BC13" s="191">
        <v>0</v>
      </c>
      <c r="BD13" s="196">
        <v>10</v>
      </c>
      <c r="BE13" s="195">
        <v>10</v>
      </c>
      <c r="BF13" s="190">
        <v>0</v>
      </c>
      <c r="BG13" s="191">
        <v>0</v>
      </c>
      <c r="BH13" s="196">
        <v>0</v>
      </c>
      <c r="BI13" s="193">
        <v>0</v>
      </c>
      <c r="BJ13" s="191">
        <v>6</v>
      </c>
      <c r="BK13" s="191">
        <v>8</v>
      </c>
      <c r="BL13" s="191">
        <v>10</v>
      </c>
      <c r="BM13" s="191">
        <v>3</v>
      </c>
      <c r="BN13" s="191">
        <v>3</v>
      </c>
      <c r="BO13" s="194">
        <v>30</v>
      </c>
      <c r="BP13" s="195">
        <v>30</v>
      </c>
      <c r="BQ13" s="190">
        <v>0</v>
      </c>
      <c r="BR13" s="191">
        <v>0</v>
      </c>
      <c r="BS13" s="196">
        <v>0</v>
      </c>
      <c r="BT13" s="193">
        <v>0</v>
      </c>
      <c r="BU13" s="191">
        <v>3</v>
      </c>
      <c r="BV13" s="191">
        <v>2</v>
      </c>
      <c r="BW13" s="191">
        <v>1</v>
      </c>
      <c r="BX13" s="191">
        <v>2</v>
      </c>
      <c r="BY13" s="191">
        <v>1</v>
      </c>
      <c r="BZ13" s="196">
        <v>9</v>
      </c>
      <c r="CA13" s="195">
        <v>9</v>
      </c>
      <c r="CB13" s="190">
        <v>0</v>
      </c>
      <c r="CC13" s="191">
        <v>0</v>
      </c>
      <c r="CD13" s="196">
        <v>0</v>
      </c>
      <c r="CE13" s="193">
        <v>0</v>
      </c>
      <c r="CF13" s="191">
        <v>0</v>
      </c>
      <c r="CG13" s="191">
        <v>1</v>
      </c>
      <c r="CH13" s="191">
        <v>2</v>
      </c>
      <c r="CI13" s="191">
        <v>2</v>
      </c>
      <c r="CJ13" s="191">
        <v>6</v>
      </c>
      <c r="CK13" s="196">
        <v>11</v>
      </c>
      <c r="CL13" s="195">
        <v>11</v>
      </c>
      <c r="CM13" s="190">
        <v>0</v>
      </c>
      <c r="CN13" s="191">
        <v>0</v>
      </c>
      <c r="CO13" s="196">
        <v>0</v>
      </c>
      <c r="CP13" s="193">
        <v>0</v>
      </c>
      <c r="CQ13" s="191">
        <v>1</v>
      </c>
      <c r="CR13" s="191">
        <v>0</v>
      </c>
      <c r="CS13" s="191">
        <v>2</v>
      </c>
      <c r="CT13" s="191">
        <v>1</v>
      </c>
      <c r="CU13" s="191">
        <v>0</v>
      </c>
      <c r="CV13" s="196">
        <v>4</v>
      </c>
      <c r="CW13" s="195">
        <v>4</v>
      </c>
    </row>
    <row r="14" spans="2:101" ht="21" customHeight="1" x14ac:dyDescent="0.2">
      <c r="B14" s="106" t="s">
        <v>11</v>
      </c>
      <c r="C14" s="190">
        <v>0</v>
      </c>
      <c r="D14" s="196">
        <v>0</v>
      </c>
      <c r="E14" s="207">
        <v>0</v>
      </c>
      <c r="F14" s="193">
        <v>0</v>
      </c>
      <c r="G14" s="191">
        <v>2</v>
      </c>
      <c r="H14" s="191">
        <v>0</v>
      </c>
      <c r="I14" s="191">
        <v>1</v>
      </c>
      <c r="J14" s="191">
        <v>0</v>
      </c>
      <c r="K14" s="191">
        <v>0</v>
      </c>
      <c r="L14" s="194">
        <v>3</v>
      </c>
      <c r="M14" s="195">
        <v>3</v>
      </c>
      <c r="N14" s="190">
        <v>0</v>
      </c>
      <c r="O14" s="191">
        <v>0</v>
      </c>
      <c r="P14" s="196">
        <v>0</v>
      </c>
      <c r="Q14" s="193">
        <v>0</v>
      </c>
      <c r="R14" s="191">
        <v>0</v>
      </c>
      <c r="S14" s="191">
        <v>1</v>
      </c>
      <c r="T14" s="191">
        <v>0</v>
      </c>
      <c r="U14" s="191">
        <v>0</v>
      </c>
      <c r="V14" s="191">
        <v>0</v>
      </c>
      <c r="W14" s="196">
        <v>1</v>
      </c>
      <c r="X14" s="195">
        <v>1</v>
      </c>
      <c r="Y14" s="190">
        <v>0</v>
      </c>
      <c r="Z14" s="191">
        <v>0</v>
      </c>
      <c r="AA14" s="196">
        <v>0</v>
      </c>
      <c r="AB14" s="193">
        <v>0</v>
      </c>
      <c r="AC14" s="191">
        <v>15</v>
      </c>
      <c r="AD14" s="191">
        <v>10</v>
      </c>
      <c r="AE14" s="191">
        <v>4</v>
      </c>
      <c r="AF14" s="191">
        <v>4</v>
      </c>
      <c r="AG14" s="191">
        <v>1</v>
      </c>
      <c r="AH14" s="196">
        <v>34</v>
      </c>
      <c r="AI14" s="195">
        <v>34</v>
      </c>
      <c r="AJ14" s="190">
        <v>0</v>
      </c>
      <c r="AK14" s="191">
        <v>0</v>
      </c>
      <c r="AL14" s="196">
        <v>0</v>
      </c>
      <c r="AM14" s="193">
        <v>0</v>
      </c>
      <c r="AN14" s="191">
        <v>1</v>
      </c>
      <c r="AO14" s="191">
        <v>1</v>
      </c>
      <c r="AP14" s="191">
        <v>2</v>
      </c>
      <c r="AQ14" s="191">
        <v>0</v>
      </c>
      <c r="AR14" s="191">
        <v>0</v>
      </c>
      <c r="AS14" s="196">
        <v>4</v>
      </c>
      <c r="AT14" s="195">
        <v>4</v>
      </c>
      <c r="AU14" s="190">
        <v>0</v>
      </c>
      <c r="AV14" s="191">
        <v>0</v>
      </c>
      <c r="AW14" s="196">
        <v>0</v>
      </c>
      <c r="AX14" s="193">
        <v>0</v>
      </c>
      <c r="AY14" s="191">
        <v>1</v>
      </c>
      <c r="AZ14" s="191">
        <v>2</v>
      </c>
      <c r="BA14" s="191">
        <v>3</v>
      </c>
      <c r="BB14" s="191">
        <v>0</v>
      </c>
      <c r="BC14" s="191">
        <v>0</v>
      </c>
      <c r="BD14" s="196">
        <v>6</v>
      </c>
      <c r="BE14" s="195">
        <v>6</v>
      </c>
      <c r="BF14" s="190">
        <v>0</v>
      </c>
      <c r="BG14" s="191">
        <v>0</v>
      </c>
      <c r="BH14" s="196">
        <v>0</v>
      </c>
      <c r="BI14" s="193">
        <v>0</v>
      </c>
      <c r="BJ14" s="191">
        <v>2</v>
      </c>
      <c r="BK14" s="191">
        <v>2</v>
      </c>
      <c r="BL14" s="191">
        <v>0</v>
      </c>
      <c r="BM14" s="191">
        <v>3</v>
      </c>
      <c r="BN14" s="191">
        <v>0</v>
      </c>
      <c r="BO14" s="194">
        <v>7</v>
      </c>
      <c r="BP14" s="195">
        <v>7</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2</v>
      </c>
      <c r="CR14" s="191">
        <v>1</v>
      </c>
      <c r="CS14" s="191">
        <v>0</v>
      </c>
      <c r="CT14" s="191">
        <v>1</v>
      </c>
      <c r="CU14" s="191">
        <v>1</v>
      </c>
      <c r="CV14" s="196">
        <v>5</v>
      </c>
      <c r="CW14" s="195">
        <v>5</v>
      </c>
    </row>
    <row r="15" spans="2:101" ht="21" customHeight="1" x14ac:dyDescent="0.2">
      <c r="B15" s="106" t="s">
        <v>12</v>
      </c>
      <c r="C15" s="190">
        <v>0</v>
      </c>
      <c r="D15" s="196">
        <v>0</v>
      </c>
      <c r="E15" s="207">
        <v>0</v>
      </c>
      <c r="F15" s="193">
        <v>0</v>
      </c>
      <c r="G15" s="191">
        <v>0</v>
      </c>
      <c r="H15" s="191">
        <v>1</v>
      </c>
      <c r="I15" s="191">
        <v>0</v>
      </c>
      <c r="J15" s="191">
        <v>0</v>
      </c>
      <c r="K15" s="191">
        <v>0</v>
      </c>
      <c r="L15" s="194">
        <v>1</v>
      </c>
      <c r="M15" s="195">
        <v>1</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23</v>
      </c>
      <c r="AD15" s="191">
        <v>18</v>
      </c>
      <c r="AE15" s="191">
        <v>5</v>
      </c>
      <c r="AF15" s="191">
        <v>3</v>
      </c>
      <c r="AG15" s="191">
        <v>1</v>
      </c>
      <c r="AH15" s="196">
        <v>50</v>
      </c>
      <c r="AI15" s="195">
        <v>50</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3</v>
      </c>
      <c r="AZ15" s="191">
        <v>3</v>
      </c>
      <c r="BA15" s="191">
        <v>3</v>
      </c>
      <c r="BB15" s="191">
        <v>3</v>
      </c>
      <c r="BC15" s="191">
        <v>2</v>
      </c>
      <c r="BD15" s="196">
        <v>14</v>
      </c>
      <c r="BE15" s="195">
        <v>14</v>
      </c>
      <c r="BF15" s="190">
        <v>0</v>
      </c>
      <c r="BG15" s="191">
        <v>0</v>
      </c>
      <c r="BH15" s="196">
        <v>0</v>
      </c>
      <c r="BI15" s="193">
        <v>0</v>
      </c>
      <c r="BJ15" s="191">
        <v>1</v>
      </c>
      <c r="BK15" s="191">
        <v>1</v>
      </c>
      <c r="BL15" s="191">
        <v>1</v>
      </c>
      <c r="BM15" s="191">
        <v>3</v>
      </c>
      <c r="BN15" s="191">
        <v>2</v>
      </c>
      <c r="BO15" s="194">
        <v>8</v>
      </c>
      <c r="BP15" s="195">
        <v>8</v>
      </c>
      <c r="BQ15" s="190">
        <v>0</v>
      </c>
      <c r="BR15" s="191">
        <v>0</v>
      </c>
      <c r="BS15" s="196">
        <v>0</v>
      </c>
      <c r="BT15" s="193">
        <v>0</v>
      </c>
      <c r="BU15" s="191">
        <v>0</v>
      </c>
      <c r="BV15" s="191">
        <v>3</v>
      </c>
      <c r="BW15" s="191">
        <v>1</v>
      </c>
      <c r="BX15" s="191">
        <v>2</v>
      </c>
      <c r="BY15" s="191">
        <v>0</v>
      </c>
      <c r="BZ15" s="196">
        <v>6</v>
      </c>
      <c r="CA15" s="195">
        <v>6</v>
      </c>
      <c r="CB15" s="190">
        <v>0</v>
      </c>
      <c r="CC15" s="191">
        <v>0</v>
      </c>
      <c r="CD15" s="196">
        <v>0</v>
      </c>
      <c r="CE15" s="193">
        <v>0</v>
      </c>
      <c r="CF15" s="191">
        <v>0</v>
      </c>
      <c r="CG15" s="191">
        <v>0</v>
      </c>
      <c r="CH15" s="191">
        <v>1</v>
      </c>
      <c r="CI15" s="191">
        <v>0</v>
      </c>
      <c r="CJ15" s="191">
        <v>2</v>
      </c>
      <c r="CK15" s="196">
        <v>3</v>
      </c>
      <c r="CL15" s="195">
        <v>3</v>
      </c>
      <c r="CM15" s="190">
        <v>0</v>
      </c>
      <c r="CN15" s="191">
        <v>0</v>
      </c>
      <c r="CO15" s="196">
        <v>0</v>
      </c>
      <c r="CP15" s="193">
        <v>0</v>
      </c>
      <c r="CQ15" s="191">
        <v>0</v>
      </c>
      <c r="CR15" s="191">
        <v>1</v>
      </c>
      <c r="CS15" s="191">
        <v>1</v>
      </c>
      <c r="CT15" s="191">
        <v>2</v>
      </c>
      <c r="CU15" s="191">
        <v>0</v>
      </c>
      <c r="CV15" s="196">
        <v>4</v>
      </c>
      <c r="CW15" s="195">
        <v>4</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21</v>
      </c>
      <c r="AD16" s="191">
        <v>17</v>
      </c>
      <c r="AE16" s="191">
        <v>6</v>
      </c>
      <c r="AF16" s="191">
        <v>3</v>
      </c>
      <c r="AG16" s="191">
        <v>0</v>
      </c>
      <c r="AH16" s="196">
        <v>47</v>
      </c>
      <c r="AI16" s="195">
        <v>47</v>
      </c>
      <c r="AJ16" s="190">
        <v>0</v>
      </c>
      <c r="AK16" s="191">
        <v>0</v>
      </c>
      <c r="AL16" s="196">
        <v>0</v>
      </c>
      <c r="AM16" s="193">
        <v>0</v>
      </c>
      <c r="AN16" s="191">
        <v>0</v>
      </c>
      <c r="AO16" s="191">
        <v>1</v>
      </c>
      <c r="AP16" s="191">
        <v>3</v>
      </c>
      <c r="AQ16" s="191">
        <v>0</v>
      </c>
      <c r="AR16" s="191">
        <v>2</v>
      </c>
      <c r="AS16" s="196">
        <v>6</v>
      </c>
      <c r="AT16" s="195">
        <v>6</v>
      </c>
      <c r="AU16" s="190">
        <v>0</v>
      </c>
      <c r="AV16" s="191">
        <v>0</v>
      </c>
      <c r="AW16" s="196">
        <v>0</v>
      </c>
      <c r="AX16" s="193">
        <v>0</v>
      </c>
      <c r="AY16" s="191">
        <v>1</v>
      </c>
      <c r="AZ16" s="191">
        <v>2</v>
      </c>
      <c r="BA16" s="191">
        <v>0</v>
      </c>
      <c r="BB16" s="191">
        <v>1</v>
      </c>
      <c r="BC16" s="191">
        <v>1</v>
      </c>
      <c r="BD16" s="196">
        <v>5</v>
      </c>
      <c r="BE16" s="195">
        <v>5</v>
      </c>
      <c r="BF16" s="190">
        <v>0</v>
      </c>
      <c r="BG16" s="191">
        <v>0</v>
      </c>
      <c r="BH16" s="196">
        <v>0</v>
      </c>
      <c r="BI16" s="193">
        <v>0</v>
      </c>
      <c r="BJ16" s="191">
        <v>1</v>
      </c>
      <c r="BK16" s="191">
        <v>0</v>
      </c>
      <c r="BL16" s="191">
        <v>2</v>
      </c>
      <c r="BM16" s="191">
        <v>2</v>
      </c>
      <c r="BN16" s="191">
        <v>0</v>
      </c>
      <c r="BO16" s="194">
        <v>5</v>
      </c>
      <c r="BP16" s="195">
        <v>5</v>
      </c>
      <c r="BQ16" s="190">
        <v>0</v>
      </c>
      <c r="BR16" s="191">
        <v>0</v>
      </c>
      <c r="BS16" s="196">
        <v>0</v>
      </c>
      <c r="BT16" s="193">
        <v>0</v>
      </c>
      <c r="BU16" s="191">
        <v>0</v>
      </c>
      <c r="BV16" s="191">
        <v>0</v>
      </c>
      <c r="BW16" s="191">
        <v>0</v>
      </c>
      <c r="BX16" s="191">
        <v>0</v>
      </c>
      <c r="BY16" s="191">
        <v>0</v>
      </c>
      <c r="BZ16" s="196">
        <v>0</v>
      </c>
      <c r="CA16" s="195">
        <v>0</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1</v>
      </c>
      <c r="H17" s="191">
        <v>0</v>
      </c>
      <c r="I17" s="191">
        <v>0</v>
      </c>
      <c r="J17" s="191">
        <v>1</v>
      </c>
      <c r="K17" s="191">
        <v>0</v>
      </c>
      <c r="L17" s="194">
        <v>2</v>
      </c>
      <c r="M17" s="195">
        <v>2</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10</v>
      </c>
      <c r="AD17" s="191">
        <v>7</v>
      </c>
      <c r="AE17" s="191">
        <v>1</v>
      </c>
      <c r="AF17" s="191">
        <v>2</v>
      </c>
      <c r="AG17" s="191">
        <v>0</v>
      </c>
      <c r="AH17" s="196">
        <v>20</v>
      </c>
      <c r="AI17" s="195">
        <v>20</v>
      </c>
      <c r="AJ17" s="190">
        <v>0</v>
      </c>
      <c r="AK17" s="191">
        <v>1</v>
      </c>
      <c r="AL17" s="196">
        <v>1</v>
      </c>
      <c r="AM17" s="193">
        <v>0</v>
      </c>
      <c r="AN17" s="191">
        <v>0</v>
      </c>
      <c r="AO17" s="191">
        <v>0</v>
      </c>
      <c r="AP17" s="191">
        <v>0</v>
      </c>
      <c r="AQ17" s="191">
        <v>1</v>
      </c>
      <c r="AR17" s="191">
        <v>0</v>
      </c>
      <c r="AS17" s="196">
        <v>1</v>
      </c>
      <c r="AT17" s="195">
        <v>2</v>
      </c>
      <c r="AU17" s="190">
        <v>0</v>
      </c>
      <c r="AV17" s="191">
        <v>0</v>
      </c>
      <c r="AW17" s="196">
        <v>0</v>
      </c>
      <c r="AX17" s="193">
        <v>0</v>
      </c>
      <c r="AY17" s="191">
        <v>1</v>
      </c>
      <c r="AZ17" s="191">
        <v>0</v>
      </c>
      <c r="BA17" s="191">
        <v>0</v>
      </c>
      <c r="BB17" s="191">
        <v>0</v>
      </c>
      <c r="BC17" s="191">
        <v>1</v>
      </c>
      <c r="BD17" s="196">
        <v>2</v>
      </c>
      <c r="BE17" s="195">
        <v>2</v>
      </c>
      <c r="BF17" s="190">
        <v>0</v>
      </c>
      <c r="BG17" s="191">
        <v>0</v>
      </c>
      <c r="BH17" s="196">
        <v>0</v>
      </c>
      <c r="BI17" s="193">
        <v>0</v>
      </c>
      <c r="BJ17" s="191">
        <v>2</v>
      </c>
      <c r="BK17" s="191">
        <v>1</v>
      </c>
      <c r="BL17" s="191">
        <v>1</v>
      </c>
      <c r="BM17" s="191">
        <v>0</v>
      </c>
      <c r="BN17" s="191">
        <v>0</v>
      </c>
      <c r="BO17" s="194">
        <v>4</v>
      </c>
      <c r="BP17" s="195">
        <v>4</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1</v>
      </c>
      <c r="CS17" s="191">
        <v>2</v>
      </c>
      <c r="CT17" s="191">
        <v>0</v>
      </c>
      <c r="CU17" s="191">
        <v>0</v>
      </c>
      <c r="CV17" s="196">
        <v>3</v>
      </c>
      <c r="CW17" s="195">
        <v>3</v>
      </c>
    </row>
    <row r="18" spans="2:101" ht="21" customHeight="1" x14ac:dyDescent="0.2">
      <c r="B18" s="106" t="s">
        <v>16</v>
      </c>
      <c r="C18" s="190">
        <v>0</v>
      </c>
      <c r="D18" s="196">
        <v>0</v>
      </c>
      <c r="E18" s="207">
        <v>0</v>
      </c>
      <c r="F18" s="193">
        <v>0</v>
      </c>
      <c r="G18" s="191">
        <v>0</v>
      </c>
      <c r="H18" s="191">
        <v>0</v>
      </c>
      <c r="I18" s="191">
        <v>1</v>
      </c>
      <c r="J18" s="191">
        <v>1</v>
      </c>
      <c r="K18" s="191">
        <v>0</v>
      </c>
      <c r="L18" s="194">
        <v>2</v>
      </c>
      <c r="M18" s="195">
        <v>2</v>
      </c>
      <c r="N18" s="190">
        <v>0</v>
      </c>
      <c r="O18" s="191">
        <v>0</v>
      </c>
      <c r="P18" s="196">
        <v>0</v>
      </c>
      <c r="Q18" s="193">
        <v>0</v>
      </c>
      <c r="R18" s="191">
        <v>0</v>
      </c>
      <c r="S18" s="191">
        <v>0</v>
      </c>
      <c r="T18" s="191">
        <v>0</v>
      </c>
      <c r="U18" s="191">
        <v>0</v>
      </c>
      <c r="V18" s="191">
        <v>0</v>
      </c>
      <c r="W18" s="196">
        <v>0</v>
      </c>
      <c r="X18" s="195">
        <v>0</v>
      </c>
      <c r="Y18" s="190">
        <v>0</v>
      </c>
      <c r="Z18" s="191">
        <v>0</v>
      </c>
      <c r="AA18" s="196">
        <v>0</v>
      </c>
      <c r="AB18" s="193">
        <v>0</v>
      </c>
      <c r="AC18" s="191">
        <v>7</v>
      </c>
      <c r="AD18" s="191">
        <v>10</v>
      </c>
      <c r="AE18" s="191">
        <v>8</v>
      </c>
      <c r="AF18" s="191">
        <v>1</v>
      </c>
      <c r="AG18" s="191">
        <v>0</v>
      </c>
      <c r="AH18" s="196">
        <v>26</v>
      </c>
      <c r="AI18" s="195">
        <v>26</v>
      </c>
      <c r="AJ18" s="190">
        <v>0</v>
      </c>
      <c r="AK18" s="191">
        <v>0</v>
      </c>
      <c r="AL18" s="196">
        <v>0</v>
      </c>
      <c r="AM18" s="193">
        <v>0</v>
      </c>
      <c r="AN18" s="191">
        <v>0</v>
      </c>
      <c r="AO18" s="191">
        <v>0</v>
      </c>
      <c r="AP18" s="191">
        <v>2</v>
      </c>
      <c r="AQ18" s="191">
        <v>1</v>
      </c>
      <c r="AR18" s="191">
        <v>0</v>
      </c>
      <c r="AS18" s="196">
        <v>3</v>
      </c>
      <c r="AT18" s="195">
        <v>3</v>
      </c>
      <c r="AU18" s="190">
        <v>0</v>
      </c>
      <c r="AV18" s="191">
        <v>0</v>
      </c>
      <c r="AW18" s="196">
        <v>0</v>
      </c>
      <c r="AX18" s="193">
        <v>0</v>
      </c>
      <c r="AY18" s="191">
        <v>0</v>
      </c>
      <c r="AZ18" s="191">
        <v>0</v>
      </c>
      <c r="BA18" s="191">
        <v>2</v>
      </c>
      <c r="BB18" s="191">
        <v>2</v>
      </c>
      <c r="BC18" s="191">
        <v>0</v>
      </c>
      <c r="BD18" s="196">
        <v>4</v>
      </c>
      <c r="BE18" s="195">
        <v>4</v>
      </c>
      <c r="BF18" s="190">
        <v>0</v>
      </c>
      <c r="BG18" s="191">
        <v>0</v>
      </c>
      <c r="BH18" s="196">
        <v>0</v>
      </c>
      <c r="BI18" s="193">
        <v>0</v>
      </c>
      <c r="BJ18" s="191">
        <v>0</v>
      </c>
      <c r="BK18" s="191">
        <v>2</v>
      </c>
      <c r="BL18" s="191">
        <v>1</v>
      </c>
      <c r="BM18" s="191">
        <v>0</v>
      </c>
      <c r="BN18" s="191">
        <v>1</v>
      </c>
      <c r="BO18" s="194">
        <v>4</v>
      </c>
      <c r="BP18" s="195">
        <v>4</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1</v>
      </c>
      <c r="CS18" s="191">
        <v>0</v>
      </c>
      <c r="CT18" s="191">
        <v>0</v>
      </c>
      <c r="CU18" s="191">
        <v>0</v>
      </c>
      <c r="CV18" s="196">
        <v>1</v>
      </c>
      <c r="CW18" s="195">
        <v>1</v>
      </c>
    </row>
    <row r="19" spans="2:101" ht="21" customHeight="1" x14ac:dyDescent="0.2">
      <c r="B19" s="106" t="s">
        <v>17</v>
      </c>
      <c r="C19" s="190">
        <v>0</v>
      </c>
      <c r="D19" s="196">
        <v>0</v>
      </c>
      <c r="E19" s="207">
        <v>0</v>
      </c>
      <c r="F19" s="193">
        <v>0</v>
      </c>
      <c r="G19" s="191">
        <v>0</v>
      </c>
      <c r="H19" s="191">
        <v>0</v>
      </c>
      <c r="I19" s="191">
        <v>0</v>
      </c>
      <c r="J19" s="191">
        <v>0</v>
      </c>
      <c r="K19" s="191">
        <v>1</v>
      </c>
      <c r="L19" s="194">
        <v>1</v>
      </c>
      <c r="M19" s="195">
        <v>1</v>
      </c>
      <c r="N19" s="190">
        <v>0</v>
      </c>
      <c r="O19" s="191">
        <v>0</v>
      </c>
      <c r="P19" s="196">
        <v>0</v>
      </c>
      <c r="Q19" s="193">
        <v>0</v>
      </c>
      <c r="R19" s="191">
        <v>0</v>
      </c>
      <c r="S19" s="191">
        <v>0</v>
      </c>
      <c r="T19" s="191">
        <v>0</v>
      </c>
      <c r="U19" s="191">
        <v>0</v>
      </c>
      <c r="V19" s="191">
        <v>0</v>
      </c>
      <c r="W19" s="196">
        <v>0</v>
      </c>
      <c r="X19" s="195">
        <v>0</v>
      </c>
      <c r="Y19" s="190">
        <v>0</v>
      </c>
      <c r="Z19" s="191">
        <v>1</v>
      </c>
      <c r="AA19" s="196">
        <v>1</v>
      </c>
      <c r="AB19" s="193">
        <v>0</v>
      </c>
      <c r="AC19" s="191">
        <v>27</v>
      </c>
      <c r="AD19" s="191">
        <v>23</v>
      </c>
      <c r="AE19" s="191">
        <v>7</v>
      </c>
      <c r="AF19" s="191">
        <v>3</v>
      </c>
      <c r="AG19" s="191">
        <v>0</v>
      </c>
      <c r="AH19" s="196">
        <v>60</v>
      </c>
      <c r="AI19" s="195">
        <v>61</v>
      </c>
      <c r="AJ19" s="190">
        <v>1</v>
      </c>
      <c r="AK19" s="191">
        <v>0</v>
      </c>
      <c r="AL19" s="196">
        <v>1</v>
      </c>
      <c r="AM19" s="193">
        <v>0</v>
      </c>
      <c r="AN19" s="191">
        <v>2</v>
      </c>
      <c r="AO19" s="191">
        <v>2</v>
      </c>
      <c r="AP19" s="191">
        <v>1</v>
      </c>
      <c r="AQ19" s="191">
        <v>0</v>
      </c>
      <c r="AR19" s="191">
        <v>0</v>
      </c>
      <c r="AS19" s="196">
        <v>5</v>
      </c>
      <c r="AT19" s="195">
        <v>6</v>
      </c>
      <c r="AU19" s="190">
        <v>0</v>
      </c>
      <c r="AV19" s="191">
        <v>0</v>
      </c>
      <c r="AW19" s="196">
        <v>0</v>
      </c>
      <c r="AX19" s="193">
        <v>0</v>
      </c>
      <c r="AY19" s="191">
        <v>0</v>
      </c>
      <c r="AZ19" s="191">
        <v>3</v>
      </c>
      <c r="BA19" s="191">
        <v>1</v>
      </c>
      <c r="BB19" s="191">
        <v>1</v>
      </c>
      <c r="BC19" s="191">
        <v>1</v>
      </c>
      <c r="BD19" s="196">
        <v>6</v>
      </c>
      <c r="BE19" s="195">
        <v>6</v>
      </c>
      <c r="BF19" s="190">
        <v>0</v>
      </c>
      <c r="BG19" s="191">
        <v>0</v>
      </c>
      <c r="BH19" s="196">
        <v>0</v>
      </c>
      <c r="BI19" s="193">
        <v>0</v>
      </c>
      <c r="BJ19" s="191">
        <v>1</v>
      </c>
      <c r="BK19" s="191">
        <v>2</v>
      </c>
      <c r="BL19" s="191">
        <v>4</v>
      </c>
      <c r="BM19" s="191">
        <v>1</v>
      </c>
      <c r="BN19" s="191">
        <v>1</v>
      </c>
      <c r="BO19" s="194">
        <v>9</v>
      </c>
      <c r="BP19" s="195">
        <v>9</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0</v>
      </c>
      <c r="CI19" s="191">
        <v>1</v>
      </c>
      <c r="CJ19" s="191">
        <v>0</v>
      </c>
      <c r="CK19" s="196">
        <v>1</v>
      </c>
      <c r="CL19" s="195">
        <v>1</v>
      </c>
      <c r="CM19" s="190">
        <v>0</v>
      </c>
      <c r="CN19" s="191">
        <v>0</v>
      </c>
      <c r="CO19" s="196">
        <v>0</v>
      </c>
      <c r="CP19" s="193">
        <v>0</v>
      </c>
      <c r="CQ19" s="191">
        <v>0</v>
      </c>
      <c r="CR19" s="191">
        <v>0</v>
      </c>
      <c r="CS19" s="191">
        <v>0</v>
      </c>
      <c r="CT19" s="191">
        <v>0</v>
      </c>
      <c r="CU19" s="191">
        <v>0</v>
      </c>
      <c r="CV19" s="196">
        <v>0</v>
      </c>
      <c r="CW19" s="195">
        <v>0</v>
      </c>
    </row>
    <row r="20" spans="2:101" ht="21" customHeight="1" x14ac:dyDescent="0.2">
      <c r="B20" s="106" t="s">
        <v>18</v>
      </c>
      <c r="C20" s="190">
        <v>0</v>
      </c>
      <c r="D20" s="196">
        <v>0</v>
      </c>
      <c r="E20" s="207">
        <v>0</v>
      </c>
      <c r="F20" s="193">
        <v>0</v>
      </c>
      <c r="G20" s="191">
        <v>0</v>
      </c>
      <c r="H20" s="191">
        <v>0</v>
      </c>
      <c r="I20" s="191">
        <v>0</v>
      </c>
      <c r="J20" s="191">
        <v>0</v>
      </c>
      <c r="K20" s="191">
        <v>1</v>
      </c>
      <c r="L20" s="194">
        <v>1</v>
      </c>
      <c r="M20" s="195">
        <v>1</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19</v>
      </c>
      <c r="AD20" s="191">
        <v>11</v>
      </c>
      <c r="AE20" s="191">
        <v>3</v>
      </c>
      <c r="AF20" s="191">
        <v>0</v>
      </c>
      <c r="AG20" s="191">
        <v>1</v>
      </c>
      <c r="AH20" s="196">
        <v>34</v>
      </c>
      <c r="AI20" s="195">
        <v>34</v>
      </c>
      <c r="AJ20" s="190">
        <v>0</v>
      </c>
      <c r="AK20" s="191">
        <v>0</v>
      </c>
      <c r="AL20" s="196">
        <v>0</v>
      </c>
      <c r="AM20" s="193">
        <v>0</v>
      </c>
      <c r="AN20" s="191">
        <v>0</v>
      </c>
      <c r="AO20" s="191">
        <v>1</v>
      </c>
      <c r="AP20" s="191">
        <v>4</v>
      </c>
      <c r="AQ20" s="191">
        <v>1</v>
      </c>
      <c r="AR20" s="191">
        <v>0</v>
      </c>
      <c r="AS20" s="196">
        <v>6</v>
      </c>
      <c r="AT20" s="195">
        <v>6</v>
      </c>
      <c r="AU20" s="190">
        <v>1</v>
      </c>
      <c r="AV20" s="191">
        <v>0</v>
      </c>
      <c r="AW20" s="196">
        <v>1</v>
      </c>
      <c r="AX20" s="193">
        <v>0</v>
      </c>
      <c r="AY20" s="191">
        <v>3</v>
      </c>
      <c r="AZ20" s="191">
        <v>1</v>
      </c>
      <c r="BA20" s="191">
        <v>4</v>
      </c>
      <c r="BB20" s="191">
        <v>2</v>
      </c>
      <c r="BC20" s="191">
        <v>0</v>
      </c>
      <c r="BD20" s="196">
        <v>10</v>
      </c>
      <c r="BE20" s="195">
        <v>11</v>
      </c>
      <c r="BF20" s="190">
        <v>0</v>
      </c>
      <c r="BG20" s="191">
        <v>0</v>
      </c>
      <c r="BH20" s="196">
        <v>0</v>
      </c>
      <c r="BI20" s="193">
        <v>0</v>
      </c>
      <c r="BJ20" s="191">
        <v>1</v>
      </c>
      <c r="BK20" s="191">
        <v>1</v>
      </c>
      <c r="BL20" s="191">
        <v>7</v>
      </c>
      <c r="BM20" s="191">
        <v>4</v>
      </c>
      <c r="BN20" s="191">
        <v>2</v>
      </c>
      <c r="BO20" s="194">
        <v>15</v>
      </c>
      <c r="BP20" s="195">
        <v>15</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1</v>
      </c>
      <c r="CI20" s="191">
        <v>1</v>
      </c>
      <c r="CJ20" s="191">
        <v>0</v>
      </c>
      <c r="CK20" s="196">
        <v>2</v>
      </c>
      <c r="CL20" s="195">
        <v>2</v>
      </c>
      <c r="CM20" s="190">
        <v>0</v>
      </c>
      <c r="CN20" s="191">
        <v>0</v>
      </c>
      <c r="CO20" s="196">
        <v>0</v>
      </c>
      <c r="CP20" s="193">
        <v>0</v>
      </c>
      <c r="CQ20" s="191">
        <v>0</v>
      </c>
      <c r="CR20" s="191">
        <v>0</v>
      </c>
      <c r="CS20" s="191">
        <v>2</v>
      </c>
      <c r="CT20" s="191">
        <v>1</v>
      </c>
      <c r="CU20" s="191">
        <v>0</v>
      </c>
      <c r="CV20" s="196">
        <v>3</v>
      </c>
      <c r="CW20" s="195">
        <v>3</v>
      </c>
    </row>
    <row r="21" spans="2:101" ht="21" customHeight="1" x14ac:dyDescent="0.2">
      <c r="B21" s="106" t="s">
        <v>19</v>
      </c>
      <c r="C21" s="190">
        <v>0</v>
      </c>
      <c r="D21" s="196">
        <v>0</v>
      </c>
      <c r="E21" s="207">
        <v>0</v>
      </c>
      <c r="F21" s="193">
        <v>0</v>
      </c>
      <c r="G21" s="191">
        <v>0</v>
      </c>
      <c r="H21" s="191">
        <v>0</v>
      </c>
      <c r="I21" s="191">
        <v>0</v>
      </c>
      <c r="J21" s="191">
        <v>0</v>
      </c>
      <c r="K21" s="191">
        <v>1</v>
      </c>
      <c r="L21" s="194">
        <v>1</v>
      </c>
      <c r="M21" s="195">
        <v>1</v>
      </c>
      <c r="N21" s="190">
        <v>0</v>
      </c>
      <c r="O21" s="191">
        <v>0</v>
      </c>
      <c r="P21" s="196">
        <v>0</v>
      </c>
      <c r="Q21" s="193">
        <v>0</v>
      </c>
      <c r="R21" s="191">
        <v>0</v>
      </c>
      <c r="S21" s="191">
        <v>0</v>
      </c>
      <c r="T21" s="191">
        <v>0</v>
      </c>
      <c r="U21" s="191">
        <v>0</v>
      </c>
      <c r="V21" s="191">
        <v>0</v>
      </c>
      <c r="W21" s="196">
        <v>0</v>
      </c>
      <c r="X21" s="195">
        <v>0</v>
      </c>
      <c r="Y21" s="190">
        <v>0</v>
      </c>
      <c r="Z21" s="191">
        <v>0</v>
      </c>
      <c r="AA21" s="196">
        <v>0</v>
      </c>
      <c r="AB21" s="193">
        <v>0</v>
      </c>
      <c r="AC21" s="191">
        <v>6</v>
      </c>
      <c r="AD21" s="191">
        <v>4</v>
      </c>
      <c r="AE21" s="191">
        <v>2</v>
      </c>
      <c r="AF21" s="191">
        <v>0</v>
      </c>
      <c r="AG21" s="191">
        <v>0</v>
      </c>
      <c r="AH21" s="196">
        <v>12</v>
      </c>
      <c r="AI21" s="195">
        <v>12</v>
      </c>
      <c r="AJ21" s="190">
        <v>0</v>
      </c>
      <c r="AK21" s="191">
        <v>0</v>
      </c>
      <c r="AL21" s="196">
        <v>0</v>
      </c>
      <c r="AM21" s="193">
        <v>0</v>
      </c>
      <c r="AN21" s="191">
        <v>2</v>
      </c>
      <c r="AO21" s="191">
        <v>2</v>
      </c>
      <c r="AP21" s="191">
        <v>2</v>
      </c>
      <c r="AQ21" s="191">
        <v>0</v>
      </c>
      <c r="AR21" s="191">
        <v>0</v>
      </c>
      <c r="AS21" s="196">
        <v>6</v>
      </c>
      <c r="AT21" s="195">
        <v>6</v>
      </c>
      <c r="AU21" s="190">
        <v>0</v>
      </c>
      <c r="AV21" s="191">
        <v>0</v>
      </c>
      <c r="AW21" s="196">
        <v>0</v>
      </c>
      <c r="AX21" s="193">
        <v>0</v>
      </c>
      <c r="AY21" s="191">
        <v>3</v>
      </c>
      <c r="AZ21" s="191">
        <v>1</v>
      </c>
      <c r="BA21" s="191">
        <v>4</v>
      </c>
      <c r="BB21" s="191">
        <v>0</v>
      </c>
      <c r="BC21" s="191">
        <v>0</v>
      </c>
      <c r="BD21" s="196">
        <v>8</v>
      </c>
      <c r="BE21" s="195">
        <v>8</v>
      </c>
      <c r="BF21" s="190">
        <v>0</v>
      </c>
      <c r="BG21" s="191">
        <v>0</v>
      </c>
      <c r="BH21" s="196">
        <v>0</v>
      </c>
      <c r="BI21" s="193">
        <v>0</v>
      </c>
      <c r="BJ21" s="191">
        <v>0</v>
      </c>
      <c r="BK21" s="191">
        <v>2</v>
      </c>
      <c r="BL21" s="191">
        <v>0</v>
      </c>
      <c r="BM21" s="191">
        <v>1</v>
      </c>
      <c r="BN21" s="191">
        <v>0</v>
      </c>
      <c r="BO21" s="194">
        <v>3</v>
      </c>
      <c r="BP21" s="195">
        <v>3</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3</v>
      </c>
      <c r="CV21" s="196">
        <v>3</v>
      </c>
      <c r="CW21" s="195">
        <v>3</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4</v>
      </c>
      <c r="AD22" s="191">
        <v>10</v>
      </c>
      <c r="AE22" s="191">
        <v>3</v>
      </c>
      <c r="AF22" s="191">
        <v>1</v>
      </c>
      <c r="AG22" s="191">
        <v>2</v>
      </c>
      <c r="AH22" s="196">
        <v>30</v>
      </c>
      <c r="AI22" s="195">
        <v>30</v>
      </c>
      <c r="AJ22" s="190">
        <v>0</v>
      </c>
      <c r="AK22" s="191">
        <v>0</v>
      </c>
      <c r="AL22" s="196">
        <v>0</v>
      </c>
      <c r="AM22" s="193">
        <v>0</v>
      </c>
      <c r="AN22" s="191">
        <v>0</v>
      </c>
      <c r="AO22" s="191">
        <v>0</v>
      </c>
      <c r="AP22" s="191">
        <v>0</v>
      </c>
      <c r="AQ22" s="191">
        <v>0</v>
      </c>
      <c r="AR22" s="191">
        <v>0</v>
      </c>
      <c r="AS22" s="196">
        <v>0</v>
      </c>
      <c r="AT22" s="195">
        <v>0</v>
      </c>
      <c r="AU22" s="190">
        <v>0</v>
      </c>
      <c r="AV22" s="191">
        <v>0</v>
      </c>
      <c r="AW22" s="196">
        <v>0</v>
      </c>
      <c r="AX22" s="193">
        <v>0</v>
      </c>
      <c r="AY22" s="191">
        <v>0</v>
      </c>
      <c r="AZ22" s="191">
        <v>0</v>
      </c>
      <c r="BA22" s="191">
        <v>1</v>
      </c>
      <c r="BB22" s="191">
        <v>0</v>
      </c>
      <c r="BC22" s="191">
        <v>0</v>
      </c>
      <c r="BD22" s="196">
        <v>1</v>
      </c>
      <c r="BE22" s="195">
        <v>1</v>
      </c>
      <c r="BF22" s="190">
        <v>0</v>
      </c>
      <c r="BG22" s="191">
        <v>0</v>
      </c>
      <c r="BH22" s="196">
        <v>0</v>
      </c>
      <c r="BI22" s="193">
        <v>0</v>
      </c>
      <c r="BJ22" s="191">
        <v>0</v>
      </c>
      <c r="BK22" s="191">
        <v>0</v>
      </c>
      <c r="BL22" s="191">
        <v>4</v>
      </c>
      <c r="BM22" s="191">
        <v>1</v>
      </c>
      <c r="BN22" s="191">
        <v>0</v>
      </c>
      <c r="BO22" s="194">
        <v>5</v>
      </c>
      <c r="BP22" s="195">
        <v>5</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0</v>
      </c>
      <c r="H23" s="191">
        <v>0</v>
      </c>
      <c r="I23" s="191">
        <v>0</v>
      </c>
      <c r="J23" s="191">
        <v>0</v>
      </c>
      <c r="K23" s="191">
        <v>0</v>
      </c>
      <c r="L23" s="194">
        <v>0</v>
      </c>
      <c r="M23" s="195">
        <v>0</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0</v>
      </c>
      <c r="AD23" s="191">
        <v>8</v>
      </c>
      <c r="AE23" s="191">
        <v>3</v>
      </c>
      <c r="AF23" s="191">
        <v>2</v>
      </c>
      <c r="AG23" s="191">
        <v>0</v>
      </c>
      <c r="AH23" s="196">
        <v>23</v>
      </c>
      <c r="AI23" s="195">
        <v>23</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0</v>
      </c>
      <c r="AZ23" s="191">
        <v>0</v>
      </c>
      <c r="BA23" s="191">
        <v>1</v>
      </c>
      <c r="BB23" s="191">
        <v>0</v>
      </c>
      <c r="BC23" s="191">
        <v>0</v>
      </c>
      <c r="BD23" s="196">
        <v>1</v>
      </c>
      <c r="BE23" s="195">
        <v>1</v>
      </c>
      <c r="BF23" s="190">
        <v>0</v>
      </c>
      <c r="BG23" s="191">
        <v>0</v>
      </c>
      <c r="BH23" s="196">
        <v>0</v>
      </c>
      <c r="BI23" s="193">
        <v>0</v>
      </c>
      <c r="BJ23" s="191">
        <v>2</v>
      </c>
      <c r="BK23" s="191">
        <v>2</v>
      </c>
      <c r="BL23" s="191">
        <v>2</v>
      </c>
      <c r="BM23" s="191">
        <v>0</v>
      </c>
      <c r="BN23" s="191">
        <v>0</v>
      </c>
      <c r="BO23" s="194">
        <v>6</v>
      </c>
      <c r="BP23" s="195">
        <v>6</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1</v>
      </c>
      <c r="I24" s="191">
        <v>1</v>
      </c>
      <c r="J24" s="191">
        <v>0</v>
      </c>
      <c r="K24" s="191">
        <v>0</v>
      </c>
      <c r="L24" s="194">
        <v>2</v>
      </c>
      <c r="M24" s="195">
        <v>2</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6</v>
      </c>
      <c r="AD24" s="191">
        <v>4</v>
      </c>
      <c r="AE24" s="191">
        <v>1</v>
      </c>
      <c r="AF24" s="191">
        <v>2</v>
      </c>
      <c r="AG24" s="191">
        <v>1</v>
      </c>
      <c r="AH24" s="196">
        <v>14</v>
      </c>
      <c r="AI24" s="195">
        <v>14</v>
      </c>
      <c r="AJ24" s="190">
        <v>0</v>
      </c>
      <c r="AK24" s="191">
        <v>0</v>
      </c>
      <c r="AL24" s="196">
        <v>0</v>
      </c>
      <c r="AM24" s="193">
        <v>0</v>
      </c>
      <c r="AN24" s="191">
        <v>0</v>
      </c>
      <c r="AO24" s="191">
        <v>0</v>
      </c>
      <c r="AP24" s="191">
        <v>1</v>
      </c>
      <c r="AQ24" s="191">
        <v>0</v>
      </c>
      <c r="AR24" s="191">
        <v>0</v>
      </c>
      <c r="AS24" s="196">
        <v>1</v>
      </c>
      <c r="AT24" s="195">
        <v>1</v>
      </c>
      <c r="AU24" s="190">
        <v>0</v>
      </c>
      <c r="AV24" s="191">
        <v>0</v>
      </c>
      <c r="AW24" s="196">
        <v>0</v>
      </c>
      <c r="AX24" s="193">
        <v>0</v>
      </c>
      <c r="AY24" s="191">
        <v>1</v>
      </c>
      <c r="AZ24" s="191">
        <v>1</v>
      </c>
      <c r="BA24" s="191">
        <v>1</v>
      </c>
      <c r="BB24" s="191">
        <v>0</v>
      </c>
      <c r="BC24" s="191">
        <v>0</v>
      </c>
      <c r="BD24" s="196">
        <v>3</v>
      </c>
      <c r="BE24" s="195">
        <v>3</v>
      </c>
      <c r="BF24" s="190">
        <v>0</v>
      </c>
      <c r="BG24" s="191">
        <v>0</v>
      </c>
      <c r="BH24" s="196">
        <v>0</v>
      </c>
      <c r="BI24" s="193">
        <v>0</v>
      </c>
      <c r="BJ24" s="191">
        <v>0</v>
      </c>
      <c r="BK24" s="191">
        <v>1</v>
      </c>
      <c r="BL24" s="191">
        <v>1</v>
      </c>
      <c r="BM24" s="191">
        <v>1</v>
      </c>
      <c r="BN24" s="191">
        <v>0</v>
      </c>
      <c r="BO24" s="194">
        <v>3</v>
      </c>
      <c r="BP24" s="195">
        <v>3</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1</v>
      </c>
      <c r="CI24" s="191">
        <v>3</v>
      </c>
      <c r="CJ24" s="191">
        <v>0</v>
      </c>
      <c r="CK24" s="196">
        <v>4</v>
      </c>
      <c r="CL24" s="195">
        <v>4</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0</v>
      </c>
      <c r="L25" s="194">
        <v>0</v>
      </c>
      <c r="M25" s="195">
        <v>0</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1</v>
      </c>
      <c r="AD25" s="191">
        <v>3</v>
      </c>
      <c r="AE25" s="191">
        <v>0</v>
      </c>
      <c r="AF25" s="191">
        <v>0</v>
      </c>
      <c r="AG25" s="191">
        <v>0</v>
      </c>
      <c r="AH25" s="196">
        <v>4</v>
      </c>
      <c r="AI25" s="195">
        <v>4</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1</v>
      </c>
      <c r="BB25" s="191">
        <v>0</v>
      </c>
      <c r="BC25" s="191">
        <v>0</v>
      </c>
      <c r="BD25" s="196">
        <v>1</v>
      </c>
      <c r="BE25" s="195">
        <v>1</v>
      </c>
      <c r="BF25" s="190">
        <v>0</v>
      </c>
      <c r="BG25" s="191">
        <v>0</v>
      </c>
      <c r="BH25" s="196">
        <v>0</v>
      </c>
      <c r="BI25" s="193">
        <v>0</v>
      </c>
      <c r="BJ25" s="191">
        <v>2</v>
      </c>
      <c r="BK25" s="191">
        <v>2</v>
      </c>
      <c r="BL25" s="191">
        <v>3</v>
      </c>
      <c r="BM25" s="191">
        <v>2</v>
      </c>
      <c r="BN25" s="191">
        <v>0</v>
      </c>
      <c r="BO25" s="194">
        <v>9</v>
      </c>
      <c r="BP25" s="195">
        <v>9</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row>
    <row r="26" spans="2:101" ht="21" customHeight="1" x14ac:dyDescent="0.2">
      <c r="B26" s="106" t="s">
        <v>24</v>
      </c>
      <c r="C26" s="190">
        <v>0</v>
      </c>
      <c r="D26" s="196">
        <v>0</v>
      </c>
      <c r="E26" s="207">
        <v>0</v>
      </c>
      <c r="F26" s="193">
        <v>0</v>
      </c>
      <c r="G26" s="191">
        <v>0</v>
      </c>
      <c r="H26" s="191">
        <v>0</v>
      </c>
      <c r="I26" s="191">
        <v>0</v>
      </c>
      <c r="J26" s="191">
        <v>0</v>
      </c>
      <c r="K26" s="191">
        <v>0</v>
      </c>
      <c r="L26" s="194">
        <v>0</v>
      </c>
      <c r="M26" s="195">
        <v>0</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1</v>
      </c>
      <c r="AD26" s="191">
        <v>1</v>
      </c>
      <c r="AE26" s="191">
        <v>1</v>
      </c>
      <c r="AF26" s="191">
        <v>0</v>
      </c>
      <c r="AG26" s="191">
        <v>0</v>
      </c>
      <c r="AH26" s="196">
        <v>3</v>
      </c>
      <c r="AI26" s="195">
        <v>3</v>
      </c>
      <c r="AJ26" s="190">
        <v>0</v>
      </c>
      <c r="AK26" s="191">
        <v>0</v>
      </c>
      <c r="AL26" s="196">
        <v>0</v>
      </c>
      <c r="AM26" s="193">
        <v>0</v>
      </c>
      <c r="AN26" s="191">
        <v>0</v>
      </c>
      <c r="AO26" s="191">
        <v>0</v>
      </c>
      <c r="AP26" s="191">
        <v>0</v>
      </c>
      <c r="AQ26" s="191">
        <v>0</v>
      </c>
      <c r="AR26" s="191">
        <v>0</v>
      </c>
      <c r="AS26" s="196">
        <v>0</v>
      </c>
      <c r="AT26" s="195">
        <v>0</v>
      </c>
      <c r="AU26" s="190">
        <v>1</v>
      </c>
      <c r="AV26" s="191">
        <v>0</v>
      </c>
      <c r="AW26" s="196">
        <v>1</v>
      </c>
      <c r="AX26" s="193">
        <v>0</v>
      </c>
      <c r="AY26" s="191">
        <v>0</v>
      </c>
      <c r="AZ26" s="191">
        <v>0</v>
      </c>
      <c r="BA26" s="191">
        <v>0</v>
      </c>
      <c r="BB26" s="191">
        <v>0</v>
      </c>
      <c r="BC26" s="191">
        <v>0</v>
      </c>
      <c r="BD26" s="196">
        <v>0</v>
      </c>
      <c r="BE26" s="195">
        <v>1</v>
      </c>
      <c r="BF26" s="190">
        <v>0</v>
      </c>
      <c r="BG26" s="191">
        <v>0</v>
      </c>
      <c r="BH26" s="196">
        <v>0</v>
      </c>
      <c r="BI26" s="193">
        <v>0</v>
      </c>
      <c r="BJ26" s="191">
        <v>0</v>
      </c>
      <c r="BK26" s="191">
        <v>0</v>
      </c>
      <c r="BL26" s="191">
        <v>2</v>
      </c>
      <c r="BM26" s="191">
        <v>0</v>
      </c>
      <c r="BN26" s="191">
        <v>0</v>
      </c>
      <c r="BO26" s="194">
        <v>2</v>
      </c>
      <c r="BP26" s="195">
        <v>2</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6</v>
      </c>
      <c r="AD27" s="191">
        <v>2</v>
      </c>
      <c r="AE27" s="191">
        <v>2</v>
      </c>
      <c r="AF27" s="191">
        <v>0</v>
      </c>
      <c r="AG27" s="191">
        <v>1</v>
      </c>
      <c r="AH27" s="196">
        <v>11</v>
      </c>
      <c r="AI27" s="195">
        <v>11</v>
      </c>
      <c r="AJ27" s="190">
        <v>0</v>
      </c>
      <c r="AK27" s="191">
        <v>0</v>
      </c>
      <c r="AL27" s="196">
        <v>0</v>
      </c>
      <c r="AM27" s="193">
        <v>0</v>
      </c>
      <c r="AN27" s="191">
        <v>0</v>
      </c>
      <c r="AO27" s="191">
        <v>0</v>
      </c>
      <c r="AP27" s="191">
        <v>0</v>
      </c>
      <c r="AQ27" s="191">
        <v>0</v>
      </c>
      <c r="AR27" s="191">
        <v>0</v>
      </c>
      <c r="AS27" s="196">
        <v>0</v>
      </c>
      <c r="AT27" s="195">
        <v>0</v>
      </c>
      <c r="AU27" s="190">
        <v>1</v>
      </c>
      <c r="AV27" s="191">
        <v>0</v>
      </c>
      <c r="AW27" s="196">
        <v>1</v>
      </c>
      <c r="AX27" s="193">
        <v>0</v>
      </c>
      <c r="AY27" s="191">
        <v>0</v>
      </c>
      <c r="AZ27" s="191">
        <v>0</v>
      </c>
      <c r="BA27" s="191">
        <v>0</v>
      </c>
      <c r="BB27" s="191">
        <v>0</v>
      </c>
      <c r="BC27" s="191">
        <v>0</v>
      </c>
      <c r="BD27" s="196">
        <v>0</v>
      </c>
      <c r="BE27" s="195">
        <v>1</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3</v>
      </c>
      <c r="AD28" s="191">
        <v>2</v>
      </c>
      <c r="AE28" s="191">
        <v>2</v>
      </c>
      <c r="AF28" s="191">
        <v>1</v>
      </c>
      <c r="AG28" s="191">
        <v>0</v>
      </c>
      <c r="AH28" s="196">
        <v>8</v>
      </c>
      <c r="AI28" s="195">
        <v>8</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0</v>
      </c>
      <c r="BA28" s="191">
        <v>0</v>
      </c>
      <c r="BB28" s="191">
        <v>0</v>
      </c>
      <c r="BC28" s="191">
        <v>0</v>
      </c>
      <c r="BD28" s="196">
        <v>0</v>
      </c>
      <c r="BE28" s="195">
        <v>0</v>
      </c>
      <c r="BF28" s="190">
        <v>0</v>
      </c>
      <c r="BG28" s="191">
        <v>0</v>
      </c>
      <c r="BH28" s="196">
        <v>0</v>
      </c>
      <c r="BI28" s="193">
        <v>0</v>
      </c>
      <c r="BJ28" s="191">
        <v>0</v>
      </c>
      <c r="BK28" s="191">
        <v>0</v>
      </c>
      <c r="BL28" s="191">
        <v>1</v>
      </c>
      <c r="BM28" s="191">
        <v>1</v>
      </c>
      <c r="BN28" s="191">
        <v>0</v>
      </c>
      <c r="BO28" s="194">
        <v>2</v>
      </c>
      <c r="BP28" s="195">
        <v>2</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0</v>
      </c>
      <c r="AD29" s="191">
        <v>1</v>
      </c>
      <c r="AE29" s="191">
        <v>0</v>
      </c>
      <c r="AF29" s="191">
        <v>0</v>
      </c>
      <c r="AG29" s="191">
        <v>0</v>
      </c>
      <c r="AH29" s="196">
        <v>1</v>
      </c>
      <c r="AI29" s="195">
        <v>1</v>
      </c>
      <c r="AJ29" s="190">
        <v>0</v>
      </c>
      <c r="AK29" s="191">
        <v>0</v>
      </c>
      <c r="AL29" s="196">
        <v>0</v>
      </c>
      <c r="AM29" s="193">
        <v>0</v>
      </c>
      <c r="AN29" s="191">
        <v>0</v>
      </c>
      <c r="AO29" s="191">
        <v>0</v>
      </c>
      <c r="AP29" s="191">
        <v>0</v>
      </c>
      <c r="AQ29" s="191">
        <v>1</v>
      </c>
      <c r="AR29" s="191">
        <v>0</v>
      </c>
      <c r="AS29" s="196">
        <v>1</v>
      </c>
      <c r="AT29" s="195">
        <v>1</v>
      </c>
      <c r="AU29" s="190">
        <v>0</v>
      </c>
      <c r="AV29" s="191">
        <v>0</v>
      </c>
      <c r="AW29" s="196">
        <v>0</v>
      </c>
      <c r="AX29" s="193">
        <v>0</v>
      </c>
      <c r="AY29" s="191">
        <v>2</v>
      </c>
      <c r="AZ29" s="191">
        <v>0</v>
      </c>
      <c r="BA29" s="191">
        <v>0</v>
      </c>
      <c r="BB29" s="191">
        <v>0</v>
      </c>
      <c r="BC29" s="191">
        <v>0</v>
      </c>
      <c r="BD29" s="196">
        <v>2</v>
      </c>
      <c r="BE29" s="195">
        <v>2</v>
      </c>
      <c r="BF29" s="190">
        <v>0</v>
      </c>
      <c r="BG29" s="191">
        <v>0</v>
      </c>
      <c r="BH29" s="196">
        <v>0</v>
      </c>
      <c r="BI29" s="193">
        <v>0</v>
      </c>
      <c r="BJ29" s="191">
        <v>0</v>
      </c>
      <c r="BK29" s="191">
        <v>0</v>
      </c>
      <c r="BL29" s="191">
        <v>1</v>
      </c>
      <c r="BM29" s="191">
        <v>0</v>
      </c>
      <c r="BN29" s="191">
        <v>0</v>
      </c>
      <c r="BO29" s="194">
        <v>1</v>
      </c>
      <c r="BP29" s="195">
        <v>1</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1</v>
      </c>
      <c r="CI29" s="191">
        <v>0</v>
      </c>
      <c r="CJ29" s="191">
        <v>0</v>
      </c>
      <c r="CK29" s="196">
        <v>1</v>
      </c>
      <c r="CL29" s="195">
        <v>1</v>
      </c>
      <c r="CM29" s="190">
        <v>0</v>
      </c>
      <c r="CN29" s="191">
        <v>0</v>
      </c>
      <c r="CO29" s="196">
        <v>0</v>
      </c>
      <c r="CP29" s="193">
        <v>0</v>
      </c>
      <c r="CQ29" s="191">
        <v>0</v>
      </c>
      <c r="CR29" s="191">
        <v>0</v>
      </c>
      <c r="CS29" s="191">
        <v>0</v>
      </c>
      <c r="CT29" s="191">
        <v>0</v>
      </c>
      <c r="CU29" s="191">
        <v>0</v>
      </c>
      <c r="CV29" s="196">
        <v>0</v>
      </c>
      <c r="CW29" s="195">
        <v>0</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6</v>
      </c>
      <c r="AD30" s="191">
        <v>0</v>
      </c>
      <c r="AE30" s="191">
        <v>0</v>
      </c>
      <c r="AF30" s="191">
        <v>0</v>
      </c>
      <c r="AG30" s="191">
        <v>0</v>
      </c>
      <c r="AH30" s="196">
        <v>6</v>
      </c>
      <c r="AI30" s="195">
        <v>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0</v>
      </c>
      <c r="BM30" s="191">
        <v>0</v>
      </c>
      <c r="BN30" s="191">
        <v>1</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0</v>
      </c>
      <c r="H31" s="191">
        <v>0</v>
      </c>
      <c r="I31" s="191">
        <v>1</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0</v>
      </c>
      <c r="AD31" s="191">
        <v>2</v>
      </c>
      <c r="AE31" s="191">
        <v>1</v>
      </c>
      <c r="AF31" s="191">
        <v>0</v>
      </c>
      <c r="AG31" s="191">
        <v>0</v>
      </c>
      <c r="AH31" s="196">
        <v>3</v>
      </c>
      <c r="AI31" s="195">
        <v>3</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0</v>
      </c>
      <c r="AZ31" s="191">
        <v>0</v>
      </c>
      <c r="BA31" s="191">
        <v>0</v>
      </c>
      <c r="BB31" s="191">
        <v>0</v>
      </c>
      <c r="BC31" s="191">
        <v>0</v>
      </c>
      <c r="BD31" s="196">
        <v>0</v>
      </c>
      <c r="BE31" s="195">
        <v>0</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v>
      </c>
      <c r="CI31" s="191">
        <v>1</v>
      </c>
      <c r="CJ31" s="191">
        <v>0</v>
      </c>
      <c r="CK31" s="196">
        <v>2</v>
      </c>
      <c r="CL31" s="195">
        <v>2</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1</v>
      </c>
      <c r="AD32" s="191">
        <v>0</v>
      </c>
      <c r="AE32" s="191">
        <v>0</v>
      </c>
      <c r="AF32" s="191">
        <v>0</v>
      </c>
      <c r="AG32" s="191">
        <v>0</v>
      </c>
      <c r="AH32" s="196">
        <v>1</v>
      </c>
      <c r="AI32" s="195">
        <v>1</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0</v>
      </c>
      <c r="BK32" s="191">
        <v>0</v>
      </c>
      <c r="BL32" s="191">
        <v>0</v>
      </c>
      <c r="BM32" s="191">
        <v>1</v>
      </c>
      <c r="BN32" s="191">
        <v>0</v>
      </c>
      <c r="BO32" s="194">
        <v>1</v>
      </c>
      <c r="BP32" s="195">
        <v>1</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0</v>
      </c>
      <c r="AD33" s="191">
        <v>1</v>
      </c>
      <c r="AE33" s="191">
        <v>0</v>
      </c>
      <c r="AF33" s="191">
        <v>0</v>
      </c>
      <c r="AG33" s="191">
        <v>0</v>
      </c>
      <c r="AH33" s="196">
        <v>1</v>
      </c>
      <c r="AI33" s="195">
        <v>1</v>
      </c>
      <c r="AJ33" s="190">
        <v>0</v>
      </c>
      <c r="AK33" s="191">
        <v>0</v>
      </c>
      <c r="AL33" s="196">
        <v>0</v>
      </c>
      <c r="AM33" s="193">
        <v>0</v>
      </c>
      <c r="AN33" s="191">
        <v>0</v>
      </c>
      <c r="AO33" s="191">
        <v>0</v>
      </c>
      <c r="AP33" s="191">
        <v>0</v>
      </c>
      <c r="AQ33" s="191">
        <v>1</v>
      </c>
      <c r="AR33" s="191">
        <v>0</v>
      </c>
      <c r="AS33" s="196">
        <v>1</v>
      </c>
      <c r="AT33" s="195">
        <v>1</v>
      </c>
      <c r="AU33" s="190">
        <v>0</v>
      </c>
      <c r="AV33" s="191">
        <v>0</v>
      </c>
      <c r="AW33" s="196">
        <v>0</v>
      </c>
      <c r="AX33" s="193">
        <v>0</v>
      </c>
      <c r="AY33" s="191">
        <v>1</v>
      </c>
      <c r="AZ33" s="191">
        <v>0</v>
      </c>
      <c r="BA33" s="191">
        <v>0</v>
      </c>
      <c r="BB33" s="191">
        <v>0</v>
      </c>
      <c r="BC33" s="191">
        <v>0</v>
      </c>
      <c r="BD33" s="196">
        <v>1</v>
      </c>
      <c r="BE33" s="195">
        <v>1</v>
      </c>
      <c r="BF33" s="190">
        <v>0</v>
      </c>
      <c r="BG33" s="191">
        <v>0</v>
      </c>
      <c r="BH33" s="196">
        <v>0</v>
      </c>
      <c r="BI33" s="193">
        <v>0</v>
      </c>
      <c r="BJ33" s="191">
        <v>0</v>
      </c>
      <c r="BK33" s="191">
        <v>1</v>
      </c>
      <c r="BL33" s="191">
        <v>0</v>
      </c>
      <c r="BM33" s="191">
        <v>1</v>
      </c>
      <c r="BN33" s="191">
        <v>1</v>
      </c>
      <c r="BO33" s="194">
        <v>3</v>
      </c>
      <c r="BP33" s="195">
        <v>3</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0</v>
      </c>
      <c r="I34" s="191">
        <v>0</v>
      </c>
      <c r="J34" s="191">
        <v>0</v>
      </c>
      <c r="K34" s="191">
        <v>0</v>
      </c>
      <c r="L34" s="194">
        <v>0</v>
      </c>
      <c r="M34" s="195">
        <v>0</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3</v>
      </c>
      <c r="AD34" s="191">
        <v>5</v>
      </c>
      <c r="AE34" s="191">
        <v>0</v>
      </c>
      <c r="AF34" s="191">
        <v>0</v>
      </c>
      <c r="AG34" s="191">
        <v>1</v>
      </c>
      <c r="AH34" s="196">
        <v>9</v>
      </c>
      <c r="AI34" s="195">
        <v>9</v>
      </c>
      <c r="AJ34" s="190">
        <v>0</v>
      </c>
      <c r="AK34" s="191">
        <v>0</v>
      </c>
      <c r="AL34" s="196">
        <v>0</v>
      </c>
      <c r="AM34" s="193">
        <v>0</v>
      </c>
      <c r="AN34" s="191">
        <v>0</v>
      </c>
      <c r="AO34" s="191">
        <v>0</v>
      </c>
      <c r="AP34" s="191">
        <v>0</v>
      </c>
      <c r="AQ34" s="191">
        <v>0</v>
      </c>
      <c r="AR34" s="191">
        <v>0</v>
      </c>
      <c r="AS34" s="196">
        <v>0</v>
      </c>
      <c r="AT34" s="195">
        <v>0</v>
      </c>
      <c r="AU34" s="190">
        <v>0</v>
      </c>
      <c r="AV34" s="191">
        <v>0</v>
      </c>
      <c r="AW34" s="196">
        <v>0</v>
      </c>
      <c r="AX34" s="193">
        <v>0</v>
      </c>
      <c r="AY34" s="191">
        <v>0</v>
      </c>
      <c r="AZ34" s="191">
        <v>0</v>
      </c>
      <c r="BA34" s="191">
        <v>0</v>
      </c>
      <c r="BB34" s="191">
        <v>0</v>
      </c>
      <c r="BC34" s="191">
        <v>0</v>
      </c>
      <c r="BD34" s="196">
        <v>0</v>
      </c>
      <c r="BE34" s="195">
        <v>0</v>
      </c>
      <c r="BF34" s="190">
        <v>0</v>
      </c>
      <c r="BG34" s="191">
        <v>0</v>
      </c>
      <c r="BH34" s="196">
        <v>0</v>
      </c>
      <c r="BI34" s="193">
        <v>0</v>
      </c>
      <c r="BJ34" s="191">
        <v>0</v>
      </c>
      <c r="BK34" s="191">
        <v>0</v>
      </c>
      <c r="BL34" s="191">
        <v>1</v>
      </c>
      <c r="BM34" s="191">
        <v>0</v>
      </c>
      <c r="BN34" s="191">
        <v>0</v>
      </c>
      <c r="BO34" s="194">
        <v>1</v>
      </c>
      <c r="BP34" s="195">
        <v>1</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1</v>
      </c>
      <c r="CI34" s="191">
        <v>1</v>
      </c>
      <c r="CJ34" s="191">
        <v>0</v>
      </c>
      <c r="CK34" s="196">
        <v>2</v>
      </c>
      <c r="CL34" s="195">
        <v>2</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1</v>
      </c>
      <c r="AD35" s="191">
        <v>0</v>
      </c>
      <c r="AE35" s="191">
        <v>0</v>
      </c>
      <c r="AF35" s="191">
        <v>0</v>
      </c>
      <c r="AG35" s="191">
        <v>0</v>
      </c>
      <c r="AH35" s="196">
        <v>1</v>
      </c>
      <c r="AI35" s="195">
        <v>1</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0</v>
      </c>
      <c r="BM35" s="191">
        <v>0</v>
      </c>
      <c r="BN35" s="191">
        <v>0</v>
      </c>
      <c r="BO35" s="194">
        <v>0</v>
      </c>
      <c r="BP35" s="195">
        <v>0</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1</v>
      </c>
      <c r="CR35" s="191">
        <v>0</v>
      </c>
      <c r="CS35" s="191">
        <v>0</v>
      </c>
      <c r="CT35" s="191">
        <v>0</v>
      </c>
      <c r="CU35" s="191">
        <v>0</v>
      </c>
      <c r="CV35" s="196">
        <v>1</v>
      </c>
      <c r="CW35" s="195">
        <v>1</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v>
      </c>
      <c r="AD36" s="191">
        <v>2</v>
      </c>
      <c r="AE36" s="191">
        <v>0</v>
      </c>
      <c r="AF36" s="191">
        <v>0</v>
      </c>
      <c r="AG36" s="191">
        <v>0</v>
      </c>
      <c r="AH36" s="196">
        <v>3</v>
      </c>
      <c r="AI36" s="195">
        <v>3</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0</v>
      </c>
      <c r="AZ36" s="191">
        <v>1</v>
      </c>
      <c r="BA36" s="191">
        <v>1</v>
      </c>
      <c r="BB36" s="191">
        <v>0</v>
      </c>
      <c r="BC36" s="191">
        <v>0</v>
      </c>
      <c r="BD36" s="196">
        <v>2</v>
      </c>
      <c r="BE36" s="195">
        <v>2</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1</v>
      </c>
      <c r="CT36" s="191">
        <v>0</v>
      </c>
      <c r="CU36" s="191">
        <v>0</v>
      </c>
      <c r="CV36" s="196">
        <v>1</v>
      </c>
      <c r="CW36" s="195">
        <v>1</v>
      </c>
    </row>
    <row r="37" spans="2:101" ht="21" customHeight="1" x14ac:dyDescent="0.2">
      <c r="B37" s="106" t="s">
        <v>35</v>
      </c>
      <c r="C37" s="190">
        <v>0</v>
      </c>
      <c r="D37" s="196">
        <v>0</v>
      </c>
      <c r="E37" s="207">
        <v>0</v>
      </c>
      <c r="F37" s="193">
        <v>0</v>
      </c>
      <c r="G37" s="191">
        <v>0</v>
      </c>
      <c r="H37" s="191">
        <v>0</v>
      </c>
      <c r="I37" s="191">
        <v>1</v>
      </c>
      <c r="J37" s="191">
        <v>0</v>
      </c>
      <c r="K37" s="191">
        <v>0</v>
      </c>
      <c r="L37" s="194">
        <v>1</v>
      </c>
      <c r="M37" s="195">
        <v>1</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0</v>
      </c>
      <c r="AD37" s="191">
        <v>0</v>
      </c>
      <c r="AE37" s="191">
        <v>0</v>
      </c>
      <c r="AF37" s="191">
        <v>0</v>
      </c>
      <c r="AG37" s="191">
        <v>0</v>
      </c>
      <c r="AH37" s="196">
        <v>0</v>
      </c>
      <c r="AI37" s="195">
        <v>0</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0</v>
      </c>
      <c r="AZ37" s="191">
        <v>1</v>
      </c>
      <c r="BA37" s="191">
        <v>0</v>
      </c>
      <c r="BB37" s="191">
        <v>0</v>
      </c>
      <c r="BC37" s="191">
        <v>0</v>
      </c>
      <c r="BD37" s="196">
        <v>1</v>
      </c>
      <c r="BE37" s="195">
        <v>1</v>
      </c>
      <c r="BF37" s="190">
        <v>0</v>
      </c>
      <c r="BG37" s="191">
        <v>0</v>
      </c>
      <c r="BH37" s="196">
        <v>0</v>
      </c>
      <c r="BI37" s="193">
        <v>0</v>
      </c>
      <c r="BJ37" s="191">
        <v>0</v>
      </c>
      <c r="BK37" s="191">
        <v>0</v>
      </c>
      <c r="BL37" s="191">
        <v>0</v>
      </c>
      <c r="BM37" s="191">
        <v>0</v>
      </c>
      <c r="BN37" s="191">
        <v>0</v>
      </c>
      <c r="BO37" s="194">
        <v>0</v>
      </c>
      <c r="BP37" s="195">
        <v>0</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2</v>
      </c>
      <c r="AD38" s="191">
        <v>2</v>
      </c>
      <c r="AE38" s="191">
        <v>0</v>
      </c>
      <c r="AF38" s="191">
        <v>1</v>
      </c>
      <c r="AG38" s="191">
        <v>0</v>
      </c>
      <c r="AH38" s="196">
        <v>5</v>
      </c>
      <c r="AI38" s="195">
        <v>5</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1</v>
      </c>
      <c r="BA38" s="191">
        <v>0</v>
      </c>
      <c r="BB38" s="191">
        <v>0</v>
      </c>
      <c r="BC38" s="191">
        <v>0</v>
      </c>
      <c r="BD38" s="196">
        <v>1</v>
      </c>
      <c r="BE38" s="195">
        <v>1</v>
      </c>
      <c r="BF38" s="190">
        <v>0</v>
      </c>
      <c r="BG38" s="191">
        <v>0</v>
      </c>
      <c r="BH38" s="196">
        <v>0</v>
      </c>
      <c r="BI38" s="193">
        <v>0</v>
      </c>
      <c r="BJ38" s="191">
        <v>0</v>
      </c>
      <c r="BK38" s="191">
        <v>0</v>
      </c>
      <c r="BL38" s="191">
        <v>0</v>
      </c>
      <c r="BM38" s="191">
        <v>1</v>
      </c>
      <c r="BN38" s="191">
        <v>0</v>
      </c>
      <c r="BO38" s="194">
        <v>1</v>
      </c>
      <c r="BP38" s="195">
        <v>1</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6</v>
      </c>
      <c r="L1" s="445">
        <f>IF(K1&lt;3,K1+12-2,K1-2)</f>
        <v>4</v>
      </c>
      <c r="M1" s="445"/>
    </row>
    <row r="2" spans="2:101" s="71" customFormat="1" ht="24" customHeight="1" thickBot="1" x14ac:dyDescent="0.25">
      <c r="B2" s="142" t="s">
        <v>152</v>
      </c>
    </row>
    <row r="3" spans="2:101" ht="21" customHeight="1" thickBot="1" x14ac:dyDescent="0.25">
      <c r="B3" s="466"/>
      <c r="C3" s="463" t="s">
        <v>94</v>
      </c>
      <c r="D3" s="464"/>
      <c r="E3" s="464"/>
      <c r="F3" s="464"/>
      <c r="G3" s="464"/>
      <c r="H3" s="464"/>
      <c r="I3" s="464"/>
      <c r="J3" s="464"/>
      <c r="K3" s="464"/>
      <c r="L3" s="464"/>
      <c r="M3" s="465"/>
      <c r="N3" s="463" t="s">
        <v>88</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17</v>
      </c>
      <c r="H6" s="184">
        <v>34</v>
      </c>
      <c r="I6" s="184">
        <v>26</v>
      </c>
      <c r="J6" s="184">
        <v>22</v>
      </c>
      <c r="K6" s="184">
        <v>21</v>
      </c>
      <c r="L6" s="187">
        <v>120</v>
      </c>
      <c r="M6" s="188">
        <v>120</v>
      </c>
      <c r="N6" s="183">
        <v>0</v>
      </c>
      <c r="O6" s="184">
        <v>0</v>
      </c>
      <c r="P6" s="189">
        <v>0</v>
      </c>
      <c r="Q6" s="186">
        <v>0</v>
      </c>
      <c r="R6" s="184">
        <v>11</v>
      </c>
      <c r="S6" s="184">
        <v>35</v>
      </c>
      <c r="T6" s="184">
        <v>24</v>
      </c>
      <c r="U6" s="184">
        <v>29</v>
      </c>
      <c r="V6" s="184">
        <v>26</v>
      </c>
      <c r="W6" s="189">
        <v>125</v>
      </c>
      <c r="X6" s="188">
        <v>125</v>
      </c>
      <c r="Y6" s="183">
        <v>0</v>
      </c>
      <c r="Z6" s="184">
        <v>0</v>
      </c>
      <c r="AA6" s="189">
        <v>0</v>
      </c>
      <c r="AB6" s="186">
        <v>0</v>
      </c>
      <c r="AC6" s="184">
        <v>817</v>
      </c>
      <c r="AD6" s="184">
        <v>717</v>
      </c>
      <c r="AE6" s="184">
        <v>327</v>
      </c>
      <c r="AF6" s="184">
        <v>130</v>
      </c>
      <c r="AG6" s="184">
        <v>49</v>
      </c>
      <c r="AH6" s="189">
        <v>2040</v>
      </c>
      <c r="AI6" s="188">
        <v>2040</v>
      </c>
      <c r="AJ6" s="183">
        <v>1</v>
      </c>
      <c r="AK6" s="184">
        <v>0</v>
      </c>
      <c r="AL6" s="189">
        <v>1</v>
      </c>
      <c r="AM6" s="186">
        <v>0</v>
      </c>
      <c r="AN6" s="184">
        <v>43</v>
      </c>
      <c r="AO6" s="184">
        <v>57</v>
      </c>
      <c r="AP6" s="184">
        <v>72</v>
      </c>
      <c r="AQ6" s="184">
        <v>20</v>
      </c>
      <c r="AR6" s="184">
        <v>17</v>
      </c>
      <c r="AS6" s="189">
        <v>209</v>
      </c>
      <c r="AT6" s="188">
        <v>210</v>
      </c>
      <c r="AU6" s="183">
        <v>8</v>
      </c>
      <c r="AV6" s="184">
        <v>21</v>
      </c>
      <c r="AW6" s="189">
        <v>29</v>
      </c>
      <c r="AX6" s="186">
        <v>0</v>
      </c>
      <c r="AY6" s="184">
        <v>61</v>
      </c>
      <c r="AZ6" s="184">
        <v>50</v>
      </c>
      <c r="BA6" s="184">
        <v>70</v>
      </c>
      <c r="BB6" s="184">
        <v>38</v>
      </c>
      <c r="BC6" s="184">
        <v>18</v>
      </c>
      <c r="BD6" s="189">
        <v>237</v>
      </c>
      <c r="BE6" s="188">
        <v>266</v>
      </c>
      <c r="BF6" s="183">
        <v>0</v>
      </c>
      <c r="BG6" s="184">
        <v>0</v>
      </c>
      <c r="BH6" s="189">
        <v>0</v>
      </c>
      <c r="BI6" s="186">
        <v>0</v>
      </c>
      <c r="BJ6" s="184">
        <v>66</v>
      </c>
      <c r="BK6" s="184">
        <v>94</v>
      </c>
      <c r="BL6" s="184">
        <v>128</v>
      </c>
      <c r="BM6" s="184">
        <v>84</v>
      </c>
      <c r="BN6" s="184">
        <v>69</v>
      </c>
      <c r="BO6" s="187">
        <v>441</v>
      </c>
      <c r="BP6" s="188">
        <v>441</v>
      </c>
      <c r="BQ6" s="183">
        <v>0</v>
      </c>
      <c r="BR6" s="184">
        <v>0</v>
      </c>
      <c r="BS6" s="189">
        <v>0</v>
      </c>
      <c r="BT6" s="186">
        <v>0</v>
      </c>
      <c r="BU6" s="184">
        <v>1</v>
      </c>
      <c r="BV6" s="184">
        <v>4</v>
      </c>
      <c r="BW6" s="184">
        <v>6</v>
      </c>
      <c r="BX6" s="184">
        <v>5</v>
      </c>
      <c r="BY6" s="184">
        <v>5</v>
      </c>
      <c r="BZ6" s="189">
        <v>21</v>
      </c>
      <c r="CA6" s="188">
        <v>21</v>
      </c>
      <c r="CB6" s="183">
        <v>0</v>
      </c>
      <c r="CC6" s="184">
        <v>0</v>
      </c>
      <c r="CD6" s="189">
        <v>0</v>
      </c>
      <c r="CE6" s="186">
        <v>0</v>
      </c>
      <c r="CF6" s="184">
        <v>0</v>
      </c>
      <c r="CG6" s="184">
        <v>1</v>
      </c>
      <c r="CH6" s="184">
        <v>6</v>
      </c>
      <c r="CI6" s="184">
        <v>21</v>
      </c>
      <c r="CJ6" s="184">
        <v>8</v>
      </c>
      <c r="CK6" s="189">
        <v>36</v>
      </c>
      <c r="CL6" s="188">
        <v>36</v>
      </c>
      <c r="CM6" s="183">
        <v>0</v>
      </c>
      <c r="CN6" s="184">
        <v>0</v>
      </c>
      <c r="CO6" s="189">
        <v>0</v>
      </c>
      <c r="CP6" s="186">
        <v>0</v>
      </c>
      <c r="CQ6" s="184">
        <v>7</v>
      </c>
      <c r="CR6" s="184">
        <v>13</v>
      </c>
      <c r="CS6" s="184">
        <v>15</v>
      </c>
      <c r="CT6" s="184">
        <v>16</v>
      </c>
      <c r="CU6" s="184">
        <v>33</v>
      </c>
      <c r="CV6" s="189">
        <v>84</v>
      </c>
      <c r="CW6" s="188">
        <v>84</v>
      </c>
    </row>
    <row r="7" spans="2:101" ht="21" customHeight="1" x14ac:dyDescent="0.2">
      <c r="B7" s="95" t="s">
        <v>5</v>
      </c>
      <c r="C7" s="190">
        <v>0</v>
      </c>
      <c r="D7" s="196">
        <v>0</v>
      </c>
      <c r="E7" s="207">
        <v>0</v>
      </c>
      <c r="F7" s="193">
        <v>0</v>
      </c>
      <c r="G7" s="191">
        <v>7</v>
      </c>
      <c r="H7" s="191">
        <v>15</v>
      </c>
      <c r="I7" s="191">
        <v>15</v>
      </c>
      <c r="J7" s="191">
        <v>12</v>
      </c>
      <c r="K7" s="191">
        <v>9</v>
      </c>
      <c r="L7" s="194">
        <v>58</v>
      </c>
      <c r="M7" s="195">
        <v>58</v>
      </c>
      <c r="N7" s="190">
        <v>0</v>
      </c>
      <c r="O7" s="191">
        <v>0</v>
      </c>
      <c r="P7" s="196">
        <v>0</v>
      </c>
      <c r="Q7" s="193">
        <v>0</v>
      </c>
      <c r="R7" s="191">
        <v>5</v>
      </c>
      <c r="S7" s="191">
        <v>25</v>
      </c>
      <c r="T7" s="191">
        <v>19</v>
      </c>
      <c r="U7" s="191">
        <v>17</v>
      </c>
      <c r="V7" s="191">
        <v>20</v>
      </c>
      <c r="W7" s="196">
        <v>86</v>
      </c>
      <c r="X7" s="195">
        <v>86</v>
      </c>
      <c r="Y7" s="190">
        <v>0</v>
      </c>
      <c r="Z7" s="191">
        <v>0</v>
      </c>
      <c r="AA7" s="196">
        <v>0</v>
      </c>
      <c r="AB7" s="193">
        <v>0</v>
      </c>
      <c r="AC7" s="191">
        <v>322</v>
      </c>
      <c r="AD7" s="191">
        <v>392</v>
      </c>
      <c r="AE7" s="191">
        <v>171</v>
      </c>
      <c r="AF7" s="191">
        <v>56</v>
      </c>
      <c r="AG7" s="191">
        <v>16</v>
      </c>
      <c r="AH7" s="196">
        <v>957</v>
      </c>
      <c r="AI7" s="195">
        <v>957</v>
      </c>
      <c r="AJ7" s="190">
        <v>1</v>
      </c>
      <c r="AK7" s="191">
        <v>0</v>
      </c>
      <c r="AL7" s="196">
        <v>1</v>
      </c>
      <c r="AM7" s="193">
        <v>0</v>
      </c>
      <c r="AN7" s="191">
        <v>22</v>
      </c>
      <c r="AO7" s="191">
        <v>29</v>
      </c>
      <c r="AP7" s="191">
        <v>37</v>
      </c>
      <c r="AQ7" s="191">
        <v>9</v>
      </c>
      <c r="AR7" s="191">
        <v>14</v>
      </c>
      <c r="AS7" s="196">
        <v>111</v>
      </c>
      <c r="AT7" s="195">
        <v>112</v>
      </c>
      <c r="AU7" s="190">
        <v>5</v>
      </c>
      <c r="AV7" s="191">
        <v>13</v>
      </c>
      <c r="AW7" s="196">
        <v>18</v>
      </c>
      <c r="AX7" s="193">
        <v>0</v>
      </c>
      <c r="AY7" s="191">
        <v>24</v>
      </c>
      <c r="AZ7" s="191">
        <v>22</v>
      </c>
      <c r="BA7" s="191">
        <v>31</v>
      </c>
      <c r="BB7" s="191">
        <v>22</v>
      </c>
      <c r="BC7" s="191">
        <v>7</v>
      </c>
      <c r="BD7" s="196">
        <v>106</v>
      </c>
      <c r="BE7" s="195">
        <v>124</v>
      </c>
      <c r="BF7" s="190">
        <v>0</v>
      </c>
      <c r="BG7" s="191">
        <v>0</v>
      </c>
      <c r="BH7" s="196">
        <v>0</v>
      </c>
      <c r="BI7" s="193">
        <v>0</v>
      </c>
      <c r="BJ7" s="191">
        <v>29</v>
      </c>
      <c r="BK7" s="191">
        <v>30</v>
      </c>
      <c r="BL7" s="191">
        <v>44</v>
      </c>
      <c r="BM7" s="191">
        <v>44</v>
      </c>
      <c r="BN7" s="191">
        <v>29</v>
      </c>
      <c r="BO7" s="194">
        <v>176</v>
      </c>
      <c r="BP7" s="195">
        <v>176</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0</v>
      </c>
      <c r="CG7" s="191">
        <v>0</v>
      </c>
      <c r="CH7" s="191">
        <v>0</v>
      </c>
      <c r="CI7" s="191">
        <v>1</v>
      </c>
      <c r="CJ7" s="191">
        <v>1</v>
      </c>
      <c r="CK7" s="196">
        <v>2</v>
      </c>
      <c r="CL7" s="195">
        <v>2</v>
      </c>
      <c r="CM7" s="190">
        <v>0</v>
      </c>
      <c r="CN7" s="191">
        <v>0</v>
      </c>
      <c r="CO7" s="196">
        <v>0</v>
      </c>
      <c r="CP7" s="193">
        <v>0</v>
      </c>
      <c r="CQ7" s="191">
        <v>1</v>
      </c>
      <c r="CR7" s="191">
        <v>5</v>
      </c>
      <c r="CS7" s="191">
        <v>2</v>
      </c>
      <c r="CT7" s="191">
        <v>6</v>
      </c>
      <c r="CU7" s="191">
        <v>11</v>
      </c>
      <c r="CV7" s="196">
        <v>25</v>
      </c>
      <c r="CW7" s="195">
        <v>25</v>
      </c>
    </row>
    <row r="8" spans="2:101" ht="21" customHeight="1" x14ac:dyDescent="0.2">
      <c r="B8" s="106" t="s">
        <v>6</v>
      </c>
      <c r="C8" s="190">
        <v>0</v>
      </c>
      <c r="D8" s="196">
        <v>0</v>
      </c>
      <c r="E8" s="207">
        <v>0</v>
      </c>
      <c r="F8" s="193">
        <v>0</v>
      </c>
      <c r="G8" s="191">
        <v>4</v>
      </c>
      <c r="H8" s="191">
        <v>6</v>
      </c>
      <c r="I8" s="191">
        <v>8</v>
      </c>
      <c r="J8" s="191">
        <v>6</v>
      </c>
      <c r="K8" s="191">
        <v>6</v>
      </c>
      <c r="L8" s="194">
        <v>30</v>
      </c>
      <c r="M8" s="195">
        <v>30</v>
      </c>
      <c r="N8" s="190">
        <v>0</v>
      </c>
      <c r="O8" s="191">
        <v>0</v>
      </c>
      <c r="P8" s="196">
        <v>0</v>
      </c>
      <c r="Q8" s="193">
        <v>0</v>
      </c>
      <c r="R8" s="191">
        <v>5</v>
      </c>
      <c r="S8" s="191">
        <v>10</v>
      </c>
      <c r="T8" s="191">
        <v>5</v>
      </c>
      <c r="U8" s="191">
        <v>7</v>
      </c>
      <c r="V8" s="191">
        <v>6</v>
      </c>
      <c r="W8" s="196">
        <v>33</v>
      </c>
      <c r="X8" s="195">
        <v>33</v>
      </c>
      <c r="Y8" s="190">
        <v>0</v>
      </c>
      <c r="Z8" s="191">
        <v>0</v>
      </c>
      <c r="AA8" s="196">
        <v>0</v>
      </c>
      <c r="AB8" s="193">
        <v>0</v>
      </c>
      <c r="AC8" s="191">
        <v>138</v>
      </c>
      <c r="AD8" s="191">
        <v>93</v>
      </c>
      <c r="AE8" s="191">
        <v>42</v>
      </c>
      <c r="AF8" s="191">
        <v>22</v>
      </c>
      <c r="AG8" s="191">
        <v>12</v>
      </c>
      <c r="AH8" s="196">
        <v>307</v>
      </c>
      <c r="AI8" s="195">
        <v>307</v>
      </c>
      <c r="AJ8" s="190">
        <v>0</v>
      </c>
      <c r="AK8" s="191">
        <v>0</v>
      </c>
      <c r="AL8" s="196">
        <v>0</v>
      </c>
      <c r="AM8" s="193">
        <v>0</v>
      </c>
      <c r="AN8" s="191">
        <v>10</v>
      </c>
      <c r="AO8" s="191">
        <v>17</v>
      </c>
      <c r="AP8" s="191">
        <v>22</v>
      </c>
      <c r="AQ8" s="191">
        <v>2</v>
      </c>
      <c r="AR8" s="191">
        <v>3</v>
      </c>
      <c r="AS8" s="196">
        <v>54</v>
      </c>
      <c r="AT8" s="195">
        <v>54</v>
      </c>
      <c r="AU8" s="190">
        <v>0</v>
      </c>
      <c r="AV8" s="191">
        <v>5</v>
      </c>
      <c r="AW8" s="196">
        <v>5</v>
      </c>
      <c r="AX8" s="193">
        <v>0</v>
      </c>
      <c r="AY8" s="191">
        <v>9</v>
      </c>
      <c r="AZ8" s="191">
        <v>9</v>
      </c>
      <c r="BA8" s="191">
        <v>11</v>
      </c>
      <c r="BB8" s="191">
        <v>3</v>
      </c>
      <c r="BC8" s="191">
        <v>4</v>
      </c>
      <c r="BD8" s="196">
        <v>36</v>
      </c>
      <c r="BE8" s="195">
        <v>41</v>
      </c>
      <c r="BF8" s="190">
        <v>0</v>
      </c>
      <c r="BG8" s="191">
        <v>0</v>
      </c>
      <c r="BH8" s="196">
        <v>0</v>
      </c>
      <c r="BI8" s="193">
        <v>0</v>
      </c>
      <c r="BJ8" s="191">
        <v>17</v>
      </c>
      <c r="BK8" s="191">
        <v>22</v>
      </c>
      <c r="BL8" s="191">
        <v>29</v>
      </c>
      <c r="BM8" s="191">
        <v>12</v>
      </c>
      <c r="BN8" s="191">
        <v>16</v>
      </c>
      <c r="BO8" s="194">
        <v>96</v>
      </c>
      <c r="BP8" s="195">
        <v>96</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1</v>
      </c>
      <c r="CH8" s="191">
        <v>5</v>
      </c>
      <c r="CI8" s="191">
        <v>6</v>
      </c>
      <c r="CJ8" s="191">
        <v>4</v>
      </c>
      <c r="CK8" s="196">
        <v>16</v>
      </c>
      <c r="CL8" s="195">
        <v>16</v>
      </c>
      <c r="CM8" s="190">
        <v>0</v>
      </c>
      <c r="CN8" s="191">
        <v>0</v>
      </c>
      <c r="CO8" s="196">
        <v>0</v>
      </c>
      <c r="CP8" s="193">
        <v>0</v>
      </c>
      <c r="CQ8" s="191">
        <v>4</v>
      </c>
      <c r="CR8" s="191">
        <v>3</v>
      </c>
      <c r="CS8" s="191">
        <v>6</v>
      </c>
      <c r="CT8" s="191">
        <v>3</v>
      </c>
      <c r="CU8" s="191">
        <v>8</v>
      </c>
      <c r="CV8" s="196">
        <v>24</v>
      </c>
      <c r="CW8" s="195">
        <v>24</v>
      </c>
    </row>
    <row r="9" spans="2:101" ht="21" customHeight="1" x14ac:dyDescent="0.2">
      <c r="B9" s="106" t="s">
        <v>14</v>
      </c>
      <c r="C9" s="190">
        <v>0</v>
      </c>
      <c r="D9" s="196">
        <v>0</v>
      </c>
      <c r="E9" s="207">
        <v>0</v>
      </c>
      <c r="F9" s="193">
        <v>0</v>
      </c>
      <c r="G9" s="191">
        <v>1</v>
      </c>
      <c r="H9" s="191">
        <v>4</v>
      </c>
      <c r="I9" s="191">
        <v>0</v>
      </c>
      <c r="J9" s="191">
        <v>1</v>
      </c>
      <c r="K9" s="191">
        <v>2</v>
      </c>
      <c r="L9" s="194">
        <v>8</v>
      </c>
      <c r="M9" s="195">
        <v>8</v>
      </c>
      <c r="N9" s="190">
        <v>0</v>
      </c>
      <c r="O9" s="191">
        <v>0</v>
      </c>
      <c r="P9" s="196">
        <v>0</v>
      </c>
      <c r="Q9" s="193">
        <v>0</v>
      </c>
      <c r="R9" s="191">
        <v>0</v>
      </c>
      <c r="S9" s="191">
        <v>0</v>
      </c>
      <c r="T9" s="191">
        <v>0</v>
      </c>
      <c r="U9" s="191">
        <v>0</v>
      </c>
      <c r="V9" s="191">
        <v>0</v>
      </c>
      <c r="W9" s="196">
        <v>0</v>
      </c>
      <c r="X9" s="195">
        <v>0</v>
      </c>
      <c r="Y9" s="190">
        <v>0</v>
      </c>
      <c r="Z9" s="191">
        <v>0</v>
      </c>
      <c r="AA9" s="196">
        <v>0</v>
      </c>
      <c r="AB9" s="193">
        <v>0</v>
      </c>
      <c r="AC9" s="191">
        <v>36</v>
      </c>
      <c r="AD9" s="191">
        <v>55</v>
      </c>
      <c r="AE9" s="191">
        <v>20</v>
      </c>
      <c r="AF9" s="191">
        <v>10</v>
      </c>
      <c r="AG9" s="191">
        <v>3</v>
      </c>
      <c r="AH9" s="196">
        <v>124</v>
      </c>
      <c r="AI9" s="195">
        <v>124</v>
      </c>
      <c r="AJ9" s="190">
        <v>0</v>
      </c>
      <c r="AK9" s="191">
        <v>0</v>
      </c>
      <c r="AL9" s="196">
        <v>0</v>
      </c>
      <c r="AM9" s="193">
        <v>0</v>
      </c>
      <c r="AN9" s="191">
        <v>0</v>
      </c>
      <c r="AO9" s="191">
        <v>1</v>
      </c>
      <c r="AP9" s="191">
        <v>0</v>
      </c>
      <c r="AQ9" s="191">
        <v>1</v>
      </c>
      <c r="AR9" s="191">
        <v>0</v>
      </c>
      <c r="AS9" s="196">
        <v>2</v>
      </c>
      <c r="AT9" s="195">
        <v>2</v>
      </c>
      <c r="AU9" s="190">
        <v>2</v>
      </c>
      <c r="AV9" s="191">
        <v>0</v>
      </c>
      <c r="AW9" s="196">
        <v>2</v>
      </c>
      <c r="AX9" s="193">
        <v>0</v>
      </c>
      <c r="AY9" s="191">
        <v>4</v>
      </c>
      <c r="AZ9" s="191">
        <v>4</v>
      </c>
      <c r="BA9" s="191">
        <v>4</v>
      </c>
      <c r="BB9" s="191">
        <v>2</v>
      </c>
      <c r="BC9" s="191">
        <v>2</v>
      </c>
      <c r="BD9" s="196">
        <v>16</v>
      </c>
      <c r="BE9" s="195">
        <v>18</v>
      </c>
      <c r="BF9" s="190">
        <v>0</v>
      </c>
      <c r="BG9" s="191">
        <v>0</v>
      </c>
      <c r="BH9" s="196">
        <v>0</v>
      </c>
      <c r="BI9" s="193">
        <v>0</v>
      </c>
      <c r="BJ9" s="191">
        <v>4</v>
      </c>
      <c r="BK9" s="191">
        <v>7</v>
      </c>
      <c r="BL9" s="191">
        <v>14</v>
      </c>
      <c r="BM9" s="191">
        <v>6</v>
      </c>
      <c r="BN9" s="191">
        <v>5</v>
      </c>
      <c r="BO9" s="194">
        <v>36</v>
      </c>
      <c r="BP9" s="195">
        <v>36</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0</v>
      </c>
      <c r="CI9" s="191">
        <v>3</v>
      </c>
      <c r="CJ9" s="191">
        <v>0</v>
      </c>
      <c r="CK9" s="196">
        <v>3</v>
      </c>
      <c r="CL9" s="195">
        <v>3</v>
      </c>
      <c r="CM9" s="190">
        <v>0</v>
      </c>
      <c r="CN9" s="191">
        <v>0</v>
      </c>
      <c r="CO9" s="196">
        <v>0</v>
      </c>
      <c r="CP9" s="193">
        <v>0</v>
      </c>
      <c r="CQ9" s="191">
        <v>0</v>
      </c>
      <c r="CR9" s="191">
        <v>2</v>
      </c>
      <c r="CS9" s="191">
        <v>2</v>
      </c>
      <c r="CT9" s="191">
        <v>2</v>
      </c>
      <c r="CU9" s="191">
        <v>0</v>
      </c>
      <c r="CV9" s="196">
        <v>6</v>
      </c>
      <c r="CW9" s="195">
        <v>6</v>
      </c>
    </row>
    <row r="10" spans="2:101" ht="21" customHeight="1" x14ac:dyDescent="0.2">
      <c r="B10" s="106" t="s">
        <v>7</v>
      </c>
      <c r="C10" s="190">
        <v>0</v>
      </c>
      <c r="D10" s="196">
        <v>0</v>
      </c>
      <c r="E10" s="207">
        <v>0</v>
      </c>
      <c r="F10" s="193">
        <v>0</v>
      </c>
      <c r="G10" s="191">
        <v>0</v>
      </c>
      <c r="H10" s="191">
        <v>0</v>
      </c>
      <c r="I10" s="191">
        <v>0</v>
      </c>
      <c r="J10" s="191">
        <v>0</v>
      </c>
      <c r="K10" s="191">
        <v>0</v>
      </c>
      <c r="L10" s="194">
        <v>0</v>
      </c>
      <c r="M10" s="195">
        <v>0</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40</v>
      </c>
      <c r="AD10" s="191">
        <v>17</v>
      </c>
      <c r="AE10" s="191">
        <v>10</v>
      </c>
      <c r="AF10" s="191">
        <v>5</v>
      </c>
      <c r="AG10" s="191">
        <v>1</v>
      </c>
      <c r="AH10" s="196">
        <v>73</v>
      </c>
      <c r="AI10" s="195">
        <v>73</v>
      </c>
      <c r="AJ10" s="190">
        <v>0</v>
      </c>
      <c r="AK10" s="191">
        <v>0</v>
      </c>
      <c r="AL10" s="196">
        <v>0</v>
      </c>
      <c r="AM10" s="193">
        <v>0</v>
      </c>
      <c r="AN10" s="191">
        <v>2</v>
      </c>
      <c r="AO10" s="191">
        <v>3</v>
      </c>
      <c r="AP10" s="191">
        <v>5</v>
      </c>
      <c r="AQ10" s="191">
        <v>2</v>
      </c>
      <c r="AR10" s="191">
        <v>0</v>
      </c>
      <c r="AS10" s="196">
        <v>12</v>
      </c>
      <c r="AT10" s="195">
        <v>12</v>
      </c>
      <c r="AU10" s="190">
        <v>0</v>
      </c>
      <c r="AV10" s="191">
        <v>0</v>
      </c>
      <c r="AW10" s="196">
        <v>0</v>
      </c>
      <c r="AX10" s="193">
        <v>0</v>
      </c>
      <c r="AY10" s="191">
        <v>3</v>
      </c>
      <c r="AZ10" s="191">
        <v>0</v>
      </c>
      <c r="BA10" s="191">
        <v>1</v>
      </c>
      <c r="BB10" s="191">
        <v>1</v>
      </c>
      <c r="BC10" s="191">
        <v>1</v>
      </c>
      <c r="BD10" s="196">
        <v>6</v>
      </c>
      <c r="BE10" s="195">
        <v>6</v>
      </c>
      <c r="BF10" s="190">
        <v>0</v>
      </c>
      <c r="BG10" s="191">
        <v>0</v>
      </c>
      <c r="BH10" s="196">
        <v>0</v>
      </c>
      <c r="BI10" s="193">
        <v>0</v>
      </c>
      <c r="BJ10" s="191">
        <v>2</v>
      </c>
      <c r="BK10" s="191">
        <v>3</v>
      </c>
      <c r="BL10" s="191">
        <v>4</v>
      </c>
      <c r="BM10" s="191">
        <v>5</v>
      </c>
      <c r="BN10" s="191">
        <v>2</v>
      </c>
      <c r="BO10" s="194">
        <v>16</v>
      </c>
      <c r="BP10" s="195">
        <v>16</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0</v>
      </c>
      <c r="CR10" s="191">
        <v>0</v>
      </c>
      <c r="CS10" s="191">
        <v>0</v>
      </c>
      <c r="CT10" s="191">
        <v>0</v>
      </c>
      <c r="CU10" s="191">
        <v>1</v>
      </c>
      <c r="CV10" s="196">
        <v>1</v>
      </c>
      <c r="CW10" s="195">
        <v>1</v>
      </c>
    </row>
    <row r="11" spans="2:101" ht="21" customHeight="1" x14ac:dyDescent="0.2">
      <c r="B11" s="106" t="s">
        <v>8</v>
      </c>
      <c r="C11" s="190">
        <v>0</v>
      </c>
      <c r="D11" s="196">
        <v>0</v>
      </c>
      <c r="E11" s="207">
        <v>0</v>
      </c>
      <c r="F11" s="193">
        <v>0</v>
      </c>
      <c r="G11" s="191">
        <v>0</v>
      </c>
      <c r="H11" s="191">
        <v>0</v>
      </c>
      <c r="I11" s="191">
        <v>0</v>
      </c>
      <c r="J11" s="191">
        <v>0</v>
      </c>
      <c r="K11" s="191">
        <v>0</v>
      </c>
      <c r="L11" s="194">
        <v>0</v>
      </c>
      <c r="M11" s="195">
        <v>0</v>
      </c>
      <c r="N11" s="190">
        <v>0</v>
      </c>
      <c r="O11" s="191">
        <v>0</v>
      </c>
      <c r="P11" s="196">
        <v>0</v>
      </c>
      <c r="Q11" s="193">
        <v>0</v>
      </c>
      <c r="R11" s="191">
        <v>0</v>
      </c>
      <c r="S11" s="191">
        <v>0</v>
      </c>
      <c r="T11" s="191">
        <v>0</v>
      </c>
      <c r="U11" s="191">
        <v>1</v>
      </c>
      <c r="V11" s="191">
        <v>0</v>
      </c>
      <c r="W11" s="196">
        <v>1</v>
      </c>
      <c r="X11" s="195">
        <v>1</v>
      </c>
      <c r="Y11" s="190">
        <v>0</v>
      </c>
      <c r="Z11" s="191">
        <v>0</v>
      </c>
      <c r="AA11" s="196">
        <v>0</v>
      </c>
      <c r="AB11" s="193">
        <v>0</v>
      </c>
      <c r="AC11" s="191">
        <v>38</v>
      </c>
      <c r="AD11" s="191">
        <v>20</v>
      </c>
      <c r="AE11" s="191">
        <v>7</v>
      </c>
      <c r="AF11" s="191">
        <v>2</v>
      </c>
      <c r="AG11" s="191">
        <v>2</v>
      </c>
      <c r="AH11" s="196">
        <v>69</v>
      </c>
      <c r="AI11" s="195">
        <v>69</v>
      </c>
      <c r="AJ11" s="190">
        <v>0</v>
      </c>
      <c r="AK11" s="191">
        <v>0</v>
      </c>
      <c r="AL11" s="196">
        <v>0</v>
      </c>
      <c r="AM11" s="193">
        <v>0</v>
      </c>
      <c r="AN11" s="191">
        <v>0</v>
      </c>
      <c r="AO11" s="191">
        <v>0</v>
      </c>
      <c r="AP11" s="191">
        <v>0</v>
      </c>
      <c r="AQ11" s="191">
        <v>1</v>
      </c>
      <c r="AR11" s="191">
        <v>0</v>
      </c>
      <c r="AS11" s="196">
        <v>1</v>
      </c>
      <c r="AT11" s="195">
        <v>1</v>
      </c>
      <c r="AU11" s="190">
        <v>0</v>
      </c>
      <c r="AV11" s="191">
        <v>0</v>
      </c>
      <c r="AW11" s="196">
        <v>0</v>
      </c>
      <c r="AX11" s="193">
        <v>0</v>
      </c>
      <c r="AY11" s="191">
        <v>1</v>
      </c>
      <c r="AZ11" s="191">
        <v>0</v>
      </c>
      <c r="BA11" s="191">
        <v>3</v>
      </c>
      <c r="BB11" s="191">
        <v>2</v>
      </c>
      <c r="BC11" s="191">
        <v>0</v>
      </c>
      <c r="BD11" s="196">
        <v>6</v>
      </c>
      <c r="BE11" s="195">
        <v>6</v>
      </c>
      <c r="BF11" s="190">
        <v>0</v>
      </c>
      <c r="BG11" s="191">
        <v>0</v>
      </c>
      <c r="BH11" s="196">
        <v>0</v>
      </c>
      <c r="BI11" s="193">
        <v>0</v>
      </c>
      <c r="BJ11" s="191">
        <v>1</v>
      </c>
      <c r="BK11" s="191">
        <v>4</v>
      </c>
      <c r="BL11" s="191">
        <v>3</v>
      </c>
      <c r="BM11" s="191">
        <v>2</v>
      </c>
      <c r="BN11" s="191">
        <v>0</v>
      </c>
      <c r="BO11" s="194">
        <v>10</v>
      </c>
      <c r="BP11" s="195">
        <v>10</v>
      </c>
      <c r="BQ11" s="190">
        <v>0</v>
      </c>
      <c r="BR11" s="191">
        <v>0</v>
      </c>
      <c r="BS11" s="196">
        <v>0</v>
      </c>
      <c r="BT11" s="193">
        <v>0</v>
      </c>
      <c r="BU11" s="191">
        <v>0</v>
      </c>
      <c r="BV11" s="191">
        <v>0</v>
      </c>
      <c r="BW11" s="191">
        <v>0</v>
      </c>
      <c r="BX11" s="191">
        <v>2</v>
      </c>
      <c r="BY11" s="191">
        <v>1</v>
      </c>
      <c r="BZ11" s="196">
        <v>3</v>
      </c>
      <c r="CA11" s="195">
        <v>3</v>
      </c>
      <c r="CB11" s="190">
        <v>0</v>
      </c>
      <c r="CC11" s="191">
        <v>0</v>
      </c>
      <c r="CD11" s="196">
        <v>0</v>
      </c>
      <c r="CE11" s="193">
        <v>0</v>
      </c>
      <c r="CF11" s="191">
        <v>0</v>
      </c>
      <c r="CG11" s="191">
        <v>0</v>
      </c>
      <c r="CH11" s="191">
        <v>0</v>
      </c>
      <c r="CI11" s="191">
        <v>2</v>
      </c>
      <c r="CJ11" s="191">
        <v>0</v>
      </c>
      <c r="CK11" s="196">
        <v>2</v>
      </c>
      <c r="CL11" s="195">
        <v>2</v>
      </c>
      <c r="CM11" s="190">
        <v>0</v>
      </c>
      <c r="CN11" s="191">
        <v>0</v>
      </c>
      <c r="CO11" s="196">
        <v>0</v>
      </c>
      <c r="CP11" s="193">
        <v>0</v>
      </c>
      <c r="CQ11" s="191">
        <v>0</v>
      </c>
      <c r="CR11" s="191">
        <v>0</v>
      </c>
      <c r="CS11" s="191">
        <v>0</v>
      </c>
      <c r="CT11" s="191">
        <v>0</v>
      </c>
      <c r="CU11" s="191">
        <v>0</v>
      </c>
      <c r="CV11" s="196">
        <v>0</v>
      </c>
      <c r="CW11" s="195">
        <v>0</v>
      </c>
    </row>
    <row r="12" spans="2:101" ht="21" customHeight="1" x14ac:dyDescent="0.2">
      <c r="B12" s="106" t="s">
        <v>9</v>
      </c>
      <c r="C12" s="190">
        <v>0</v>
      </c>
      <c r="D12" s="196">
        <v>0</v>
      </c>
      <c r="E12" s="207">
        <v>0</v>
      </c>
      <c r="F12" s="193">
        <v>0</v>
      </c>
      <c r="G12" s="191">
        <v>0</v>
      </c>
      <c r="H12" s="191">
        <v>1</v>
      </c>
      <c r="I12" s="191">
        <v>0</v>
      </c>
      <c r="J12" s="191">
        <v>1</v>
      </c>
      <c r="K12" s="191">
        <v>1</v>
      </c>
      <c r="L12" s="194">
        <v>3</v>
      </c>
      <c r="M12" s="195">
        <v>3</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36</v>
      </c>
      <c r="AD12" s="191">
        <v>25</v>
      </c>
      <c r="AE12" s="191">
        <v>19</v>
      </c>
      <c r="AF12" s="191">
        <v>7</v>
      </c>
      <c r="AG12" s="191">
        <v>2</v>
      </c>
      <c r="AH12" s="196">
        <v>89</v>
      </c>
      <c r="AI12" s="195">
        <v>89</v>
      </c>
      <c r="AJ12" s="190">
        <v>0</v>
      </c>
      <c r="AK12" s="191">
        <v>0</v>
      </c>
      <c r="AL12" s="196">
        <v>0</v>
      </c>
      <c r="AM12" s="193">
        <v>0</v>
      </c>
      <c r="AN12" s="191">
        <v>0</v>
      </c>
      <c r="AO12" s="191">
        <v>1</v>
      </c>
      <c r="AP12" s="191">
        <v>0</v>
      </c>
      <c r="AQ12" s="191">
        <v>0</v>
      </c>
      <c r="AR12" s="191">
        <v>0</v>
      </c>
      <c r="AS12" s="196">
        <v>1</v>
      </c>
      <c r="AT12" s="195">
        <v>1</v>
      </c>
      <c r="AU12" s="190">
        <v>1</v>
      </c>
      <c r="AV12" s="191">
        <v>1</v>
      </c>
      <c r="AW12" s="196">
        <v>2</v>
      </c>
      <c r="AX12" s="193">
        <v>0</v>
      </c>
      <c r="AY12" s="191">
        <v>1</v>
      </c>
      <c r="AZ12" s="191">
        <v>0</v>
      </c>
      <c r="BA12" s="191">
        <v>1</v>
      </c>
      <c r="BB12" s="191">
        <v>0</v>
      </c>
      <c r="BC12" s="191">
        <v>1</v>
      </c>
      <c r="BD12" s="196">
        <v>3</v>
      </c>
      <c r="BE12" s="195">
        <v>5</v>
      </c>
      <c r="BF12" s="190">
        <v>0</v>
      </c>
      <c r="BG12" s="191">
        <v>0</v>
      </c>
      <c r="BH12" s="196">
        <v>0</v>
      </c>
      <c r="BI12" s="193">
        <v>0</v>
      </c>
      <c r="BJ12" s="191">
        <v>0</v>
      </c>
      <c r="BK12" s="191">
        <v>2</v>
      </c>
      <c r="BL12" s="191">
        <v>6</v>
      </c>
      <c r="BM12" s="191">
        <v>4</v>
      </c>
      <c r="BN12" s="191">
        <v>0</v>
      </c>
      <c r="BO12" s="194">
        <v>12</v>
      </c>
      <c r="BP12" s="195">
        <v>12</v>
      </c>
      <c r="BQ12" s="190">
        <v>0</v>
      </c>
      <c r="BR12" s="191">
        <v>0</v>
      </c>
      <c r="BS12" s="196">
        <v>0</v>
      </c>
      <c r="BT12" s="193">
        <v>0</v>
      </c>
      <c r="BU12" s="191">
        <v>0</v>
      </c>
      <c r="BV12" s="191">
        <v>0</v>
      </c>
      <c r="BW12" s="191">
        <v>0</v>
      </c>
      <c r="BX12" s="191">
        <v>0</v>
      </c>
      <c r="BY12" s="191">
        <v>0</v>
      </c>
      <c r="BZ12" s="196">
        <v>0</v>
      </c>
      <c r="CA12" s="195">
        <v>0</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1</v>
      </c>
      <c r="CS12" s="191">
        <v>0</v>
      </c>
      <c r="CT12" s="191">
        <v>0</v>
      </c>
      <c r="CU12" s="191">
        <v>3</v>
      </c>
      <c r="CV12" s="196">
        <v>4</v>
      </c>
      <c r="CW12" s="195">
        <v>4</v>
      </c>
    </row>
    <row r="13" spans="2:101" ht="21" customHeight="1" x14ac:dyDescent="0.2">
      <c r="B13" s="106" t="s">
        <v>10</v>
      </c>
      <c r="C13" s="190">
        <v>0</v>
      </c>
      <c r="D13" s="196">
        <v>0</v>
      </c>
      <c r="E13" s="207">
        <v>0</v>
      </c>
      <c r="F13" s="193">
        <v>0</v>
      </c>
      <c r="G13" s="191">
        <v>1</v>
      </c>
      <c r="H13" s="191">
        <v>2</v>
      </c>
      <c r="I13" s="191">
        <v>2</v>
      </c>
      <c r="J13" s="191">
        <v>0</v>
      </c>
      <c r="K13" s="191">
        <v>1</v>
      </c>
      <c r="L13" s="194">
        <v>6</v>
      </c>
      <c r="M13" s="195">
        <v>6</v>
      </c>
      <c r="N13" s="190">
        <v>0</v>
      </c>
      <c r="O13" s="191">
        <v>0</v>
      </c>
      <c r="P13" s="196">
        <v>0</v>
      </c>
      <c r="Q13" s="193">
        <v>0</v>
      </c>
      <c r="R13" s="191">
        <v>0</v>
      </c>
      <c r="S13" s="191">
        <v>0</v>
      </c>
      <c r="T13" s="191">
        <v>0</v>
      </c>
      <c r="U13" s="191">
        <v>1</v>
      </c>
      <c r="V13" s="191">
        <v>0</v>
      </c>
      <c r="W13" s="196">
        <v>1</v>
      </c>
      <c r="X13" s="195">
        <v>1</v>
      </c>
      <c r="Y13" s="190">
        <v>0</v>
      </c>
      <c r="Z13" s="191">
        <v>0</v>
      </c>
      <c r="AA13" s="196">
        <v>0</v>
      </c>
      <c r="AB13" s="193">
        <v>0</v>
      </c>
      <c r="AC13" s="191">
        <v>37</v>
      </c>
      <c r="AD13" s="191">
        <v>15</v>
      </c>
      <c r="AE13" s="191">
        <v>8</v>
      </c>
      <c r="AF13" s="191">
        <v>5</v>
      </c>
      <c r="AG13" s="191">
        <v>0</v>
      </c>
      <c r="AH13" s="196">
        <v>65</v>
      </c>
      <c r="AI13" s="195">
        <v>65</v>
      </c>
      <c r="AJ13" s="190">
        <v>0</v>
      </c>
      <c r="AK13" s="191">
        <v>0</v>
      </c>
      <c r="AL13" s="196">
        <v>0</v>
      </c>
      <c r="AM13" s="193">
        <v>0</v>
      </c>
      <c r="AN13" s="191">
        <v>1</v>
      </c>
      <c r="AO13" s="191">
        <v>0</v>
      </c>
      <c r="AP13" s="191">
        <v>2</v>
      </c>
      <c r="AQ13" s="191">
        <v>2</v>
      </c>
      <c r="AR13" s="191">
        <v>0</v>
      </c>
      <c r="AS13" s="196">
        <v>5</v>
      </c>
      <c r="AT13" s="195">
        <v>5</v>
      </c>
      <c r="AU13" s="190">
        <v>0</v>
      </c>
      <c r="AV13" s="191">
        <v>0</v>
      </c>
      <c r="AW13" s="196">
        <v>0</v>
      </c>
      <c r="AX13" s="193">
        <v>0</v>
      </c>
      <c r="AY13" s="191">
        <v>3</v>
      </c>
      <c r="AZ13" s="191">
        <v>2</v>
      </c>
      <c r="BA13" s="191">
        <v>3</v>
      </c>
      <c r="BB13" s="191">
        <v>2</v>
      </c>
      <c r="BC13" s="191">
        <v>1</v>
      </c>
      <c r="BD13" s="196">
        <v>11</v>
      </c>
      <c r="BE13" s="195">
        <v>11</v>
      </c>
      <c r="BF13" s="190">
        <v>0</v>
      </c>
      <c r="BG13" s="191">
        <v>0</v>
      </c>
      <c r="BH13" s="196">
        <v>0</v>
      </c>
      <c r="BI13" s="193">
        <v>0</v>
      </c>
      <c r="BJ13" s="191">
        <v>3</v>
      </c>
      <c r="BK13" s="191">
        <v>7</v>
      </c>
      <c r="BL13" s="191">
        <v>3</v>
      </c>
      <c r="BM13" s="191">
        <v>5</v>
      </c>
      <c r="BN13" s="191">
        <v>8</v>
      </c>
      <c r="BO13" s="194">
        <v>26</v>
      </c>
      <c r="BP13" s="195">
        <v>26</v>
      </c>
      <c r="BQ13" s="190">
        <v>0</v>
      </c>
      <c r="BR13" s="191">
        <v>0</v>
      </c>
      <c r="BS13" s="196">
        <v>0</v>
      </c>
      <c r="BT13" s="193">
        <v>0</v>
      </c>
      <c r="BU13" s="191">
        <v>1</v>
      </c>
      <c r="BV13" s="191">
        <v>3</v>
      </c>
      <c r="BW13" s="191">
        <v>5</v>
      </c>
      <c r="BX13" s="191">
        <v>2</v>
      </c>
      <c r="BY13" s="191">
        <v>4</v>
      </c>
      <c r="BZ13" s="196">
        <v>15</v>
      </c>
      <c r="CA13" s="195">
        <v>15</v>
      </c>
      <c r="CB13" s="190">
        <v>0</v>
      </c>
      <c r="CC13" s="191">
        <v>0</v>
      </c>
      <c r="CD13" s="196">
        <v>0</v>
      </c>
      <c r="CE13" s="193">
        <v>0</v>
      </c>
      <c r="CF13" s="191">
        <v>0</v>
      </c>
      <c r="CG13" s="191">
        <v>0</v>
      </c>
      <c r="CH13" s="191">
        <v>0</v>
      </c>
      <c r="CI13" s="191">
        <v>2</v>
      </c>
      <c r="CJ13" s="191">
        <v>0</v>
      </c>
      <c r="CK13" s="196">
        <v>2</v>
      </c>
      <c r="CL13" s="195">
        <v>2</v>
      </c>
      <c r="CM13" s="190">
        <v>0</v>
      </c>
      <c r="CN13" s="191">
        <v>0</v>
      </c>
      <c r="CO13" s="196">
        <v>0</v>
      </c>
      <c r="CP13" s="193">
        <v>0</v>
      </c>
      <c r="CQ13" s="191">
        <v>2</v>
      </c>
      <c r="CR13" s="191">
        <v>1</v>
      </c>
      <c r="CS13" s="191">
        <v>1</v>
      </c>
      <c r="CT13" s="191">
        <v>0</v>
      </c>
      <c r="CU13" s="191">
        <v>0</v>
      </c>
      <c r="CV13" s="196">
        <v>4</v>
      </c>
      <c r="CW13" s="195">
        <v>4</v>
      </c>
    </row>
    <row r="14" spans="2:101" ht="21" customHeight="1" x14ac:dyDescent="0.2">
      <c r="B14" s="106" t="s">
        <v>11</v>
      </c>
      <c r="C14" s="190">
        <v>0</v>
      </c>
      <c r="D14" s="196">
        <v>0</v>
      </c>
      <c r="E14" s="207">
        <v>0</v>
      </c>
      <c r="F14" s="193">
        <v>0</v>
      </c>
      <c r="G14" s="191">
        <v>1</v>
      </c>
      <c r="H14" s="191">
        <v>1</v>
      </c>
      <c r="I14" s="191">
        <v>0</v>
      </c>
      <c r="J14" s="191">
        <v>0</v>
      </c>
      <c r="K14" s="191">
        <v>1</v>
      </c>
      <c r="L14" s="194">
        <v>3</v>
      </c>
      <c r="M14" s="195">
        <v>3</v>
      </c>
      <c r="N14" s="190">
        <v>0</v>
      </c>
      <c r="O14" s="191">
        <v>0</v>
      </c>
      <c r="P14" s="196">
        <v>0</v>
      </c>
      <c r="Q14" s="193">
        <v>0</v>
      </c>
      <c r="R14" s="191">
        <v>1</v>
      </c>
      <c r="S14" s="191">
        <v>0</v>
      </c>
      <c r="T14" s="191">
        <v>0</v>
      </c>
      <c r="U14" s="191">
        <v>1</v>
      </c>
      <c r="V14" s="191">
        <v>0</v>
      </c>
      <c r="W14" s="196">
        <v>2</v>
      </c>
      <c r="X14" s="195">
        <v>2</v>
      </c>
      <c r="Y14" s="190">
        <v>0</v>
      </c>
      <c r="Z14" s="191">
        <v>0</v>
      </c>
      <c r="AA14" s="196">
        <v>0</v>
      </c>
      <c r="AB14" s="193">
        <v>0</v>
      </c>
      <c r="AC14" s="191">
        <v>28</v>
      </c>
      <c r="AD14" s="191">
        <v>7</v>
      </c>
      <c r="AE14" s="191">
        <v>2</v>
      </c>
      <c r="AF14" s="191">
        <v>4</v>
      </c>
      <c r="AG14" s="191">
        <v>1</v>
      </c>
      <c r="AH14" s="196">
        <v>42</v>
      </c>
      <c r="AI14" s="195">
        <v>42</v>
      </c>
      <c r="AJ14" s="190">
        <v>0</v>
      </c>
      <c r="AK14" s="191">
        <v>0</v>
      </c>
      <c r="AL14" s="196">
        <v>0</v>
      </c>
      <c r="AM14" s="193">
        <v>0</v>
      </c>
      <c r="AN14" s="191">
        <v>2</v>
      </c>
      <c r="AO14" s="191">
        <v>0</v>
      </c>
      <c r="AP14" s="191">
        <v>0</v>
      </c>
      <c r="AQ14" s="191">
        <v>0</v>
      </c>
      <c r="AR14" s="191">
        <v>0</v>
      </c>
      <c r="AS14" s="196">
        <v>2</v>
      </c>
      <c r="AT14" s="195">
        <v>2</v>
      </c>
      <c r="AU14" s="190">
        <v>0</v>
      </c>
      <c r="AV14" s="191">
        <v>1</v>
      </c>
      <c r="AW14" s="196">
        <v>1</v>
      </c>
      <c r="AX14" s="193">
        <v>0</v>
      </c>
      <c r="AY14" s="191">
        <v>3</v>
      </c>
      <c r="AZ14" s="191">
        <v>2</v>
      </c>
      <c r="BA14" s="191">
        <v>0</v>
      </c>
      <c r="BB14" s="191">
        <v>2</v>
      </c>
      <c r="BC14" s="191">
        <v>0</v>
      </c>
      <c r="BD14" s="196">
        <v>7</v>
      </c>
      <c r="BE14" s="195">
        <v>8</v>
      </c>
      <c r="BF14" s="190">
        <v>0</v>
      </c>
      <c r="BG14" s="191">
        <v>0</v>
      </c>
      <c r="BH14" s="196">
        <v>0</v>
      </c>
      <c r="BI14" s="193">
        <v>0</v>
      </c>
      <c r="BJ14" s="191">
        <v>0</v>
      </c>
      <c r="BK14" s="191">
        <v>2</v>
      </c>
      <c r="BL14" s="191">
        <v>2</v>
      </c>
      <c r="BM14" s="191">
        <v>1</v>
      </c>
      <c r="BN14" s="191">
        <v>0</v>
      </c>
      <c r="BO14" s="194">
        <v>5</v>
      </c>
      <c r="BP14" s="195">
        <v>5</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0</v>
      </c>
      <c r="CR14" s="191">
        <v>0</v>
      </c>
      <c r="CS14" s="191">
        <v>0</v>
      </c>
      <c r="CT14" s="191">
        <v>0</v>
      </c>
      <c r="CU14" s="191">
        <v>0</v>
      </c>
      <c r="CV14" s="196">
        <v>0</v>
      </c>
      <c r="CW14" s="195">
        <v>0</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17</v>
      </c>
      <c r="AD15" s="191">
        <v>14</v>
      </c>
      <c r="AE15" s="191">
        <v>5</v>
      </c>
      <c r="AF15" s="191">
        <v>3</v>
      </c>
      <c r="AG15" s="191">
        <v>4</v>
      </c>
      <c r="AH15" s="196">
        <v>43</v>
      </c>
      <c r="AI15" s="195">
        <v>43</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1</v>
      </c>
      <c r="AZ15" s="191">
        <v>1</v>
      </c>
      <c r="BA15" s="191">
        <v>3</v>
      </c>
      <c r="BB15" s="191">
        <v>2</v>
      </c>
      <c r="BC15" s="191">
        <v>0</v>
      </c>
      <c r="BD15" s="196">
        <v>7</v>
      </c>
      <c r="BE15" s="195">
        <v>7</v>
      </c>
      <c r="BF15" s="190">
        <v>0</v>
      </c>
      <c r="BG15" s="191">
        <v>0</v>
      </c>
      <c r="BH15" s="196">
        <v>0</v>
      </c>
      <c r="BI15" s="193">
        <v>0</v>
      </c>
      <c r="BJ15" s="191">
        <v>1</v>
      </c>
      <c r="BK15" s="191">
        <v>2</v>
      </c>
      <c r="BL15" s="191">
        <v>0</v>
      </c>
      <c r="BM15" s="191">
        <v>0</v>
      </c>
      <c r="BN15" s="191">
        <v>1</v>
      </c>
      <c r="BO15" s="194">
        <v>4</v>
      </c>
      <c r="BP15" s="195">
        <v>4</v>
      </c>
      <c r="BQ15" s="190">
        <v>0</v>
      </c>
      <c r="BR15" s="191">
        <v>0</v>
      </c>
      <c r="BS15" s="196">
        <v>0</v>
      </c>
      <c r="BT15" s="193">
        <v>0</v>
      </c>
      <c r="BU15" s="191">
        <v>0</v>
      </c>
      <c r="BV15" s="191">
        <v>1</v>
      </c>
      <c r="BW15" s="191">
        <v>0</v>
      </c>
      <c r="BX15" s="191">
        <v>1</v>
      </c>
      <c r="BY15" s="191">
        <v>0</v>
      </c>
      <c r="BZ15" s="196">
        <v>2</v>
      </c>
      <c r="CA15" s="195">
        <v>2</v>
      </c>
      <c r="CB15" s="190">
        <v>0</v>
      </c>
      <c r="CC15" s="191">
        <v>0</v>
      </c>
      <c r="CD15" s="196">
        <v>0</v>
      </c>
      <c r="CE15" s="193">
        <v>0</v>
      </c>
      <c r="CF15" s="191">
        <v>0</v>
      </c>
      <c r="CG15" s="191">
        <v>0</v>
      </c>
      <c r="CH15" s="191">
        <v>0</v>
      </c>
      <c r="CI15" s="191">
        <v>1</v>
      </c>
      <c r="CJ15" s="191">
        <v>0</v>
      </c>
      <c r="CK15" s="196">
        <v>1</v>
      </c>
      <c r="CL15" s="195">
        <v>1</v>
      </c>
      <c r="CM15" s="190">
        <v>0</v>
      </c>
      <c r="CN15" s="191">
        <v>0</v>
      </c>
      <c r="CO15" s="196">
        <v>0</v>
      </c>
      <c r="CP15" s="193">
        <v>0</v>
      </c>
      <c r="CQ15" s="191">
        <v>0</v>
      </c>
      <c r="CR15" s="191">
        <v>1</v>
      </c>
      <c r="CS15" s="191">
        <v>2</v>
      </c>
      <c r="CT15" s="191">
        <v>1</v>
      </c>
      <c r="CU15" s="191">
        <v>1</v>
      </c>
      <c r="CV15" s="196">
        <v>5</v>
      </c>
      <c r="CW15" s="195">
        <v>5</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9</v>
      </c>
      <c r="AD16" s="191">
        <v>9</v>
      </c>
      <c r="AE16" s="191">
        <v>8</v>
      </c>
      <c r="AF16" s="191">
        <v>1</v>
      </c>
      <c r="AG16" s="191">
        <v>3</v>
      </c>
      <c r="AH16" s="196">
        <v>30</v>
      </c>
      <c r="AI16" s="195">
        <v>30</v>
      </c>
      <c r="AJ16" s="190">
        <v>0</v>
      </c>
      <c r="AK16" s="191">
        <v>0</v>
      </c>
      <c r="AL16" s="196">
        <v>0</v>
      </c>
      <c r="AM16" s="193">
        <v>0</v>
      </c>
      <c r="AN16" s="191">
        <v>0</v>
      </c>
      <c r="AO16" s="191">
        <v>2</v>
      </c>
      <c r="AP16" s="191">
        <v>0</v>
      </c>
      <c r="AQ16" s="191">
        <v>0</v>
      </c>
      <c r="AR16" s="191">
        <v>0</v>
      </c>
      <c r="AS16" s="196">
        <v>2</v>
      </c>
      <c r="AT16" s="195">
        <v>2</v>
      </c>
      <c r="AU16" s="190">
        <v>0</v>
      </c>
      <c r="AV16" s="191">
        <v>0</v>
      </c>
      <c r="AW16" s="196">
        <v>0</v>
      </c>
      <c r="AX16" s="193">
        <v>0</v>
      </c>
      <c r="AY16" s="191">
        <v>0</v>
      </c>
      <c r="AZ16" s="191">
        <v>0</v>
      </c>
      <c r="BA16" s="191">
        <v>1</v>
      </c>
      <c r="BB16" s="191">
        <v>0</v>
      </c>
      <c r="BC16" s="191">
        <v>0</v>
      </c>
      <c r="BD16" s="196">
        <v>1</v>
      </c>
      <c r="BE16" s="195">
        <v>1</v>
      </c>
      <c r="BF16" s="190">
        <v>0</v>
      </c>
      <c r="BG16" s="191">
        <v>0</v>
      </c>
      <c r="BH16" s="196">
        <v>0</v>
      </c>
      <c r="BI16" s="193">
        <v>0</v>
      </c>
      <c r="BJ16" s="191">
        <v>1</v>
      </c>
      <c r="BK16" s="191">
        <v>0</v>
      </c>
      <c r="BL16" s="191">
        <v>0</v>
      </c>
      <c r="BM16" s="191">
        <v>0</v>
      </c>
      <c r="BN16" s="191">
        <v>0</v>
      </c>
      <c r="BO16" s="194">
        <v>1</v>
      </c>
      <c r="BP16" s="195">
        <v>1</v>
      </c>
      <c r="BQ16" s="190">
        <v>0</v>
      </c>
      <c r="BR16" s="191">
        <v>0</v>
      </c>
      <c r="BS16" s="196">
        <v>0</v>
      </c>
      <c r="BT16" s="193">
        <v>0</v>
      </c>
      <c r="BU16" s="191">
        <v>0</v>
      </c>
      <c r="BV16" s="191">
        <v>0</v>
      </c>
      <c r="BW16" s="191">
        <v>1</v>
      </c>
      <c r="BX16" s="191">
        <v>0</v>
      </c>
      <c r="BY16" s="191">
        <v>0</v>
      </c>
      <c r="BZ16" s="196">
        <v>1</v>
      </c>
      <c r="CA16" s="195">
        <v>1</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0</v>
      </c>
      <c r="H17" s="191">
        <v>0</v>
      </c>
      <c r="I17" s="191">
        <v>0</v>
      </c>
      <c r="J17" s="191">
        <v>1</v>
      </c>
      <c r="K17" s="191">
        <v>0</v>
      </c>
      <c r="L17" s="194">
        <v>1</v>
      </c>
      <c r="M17" s="195">
        <v>1</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6</v>
      </c>
      <c r="AD17" s="191">
        <v>7</v>
      </c>
      <c r="AE17" s="191">
        <v>1</v>
      </c>
      <c r="AF17" s="191">
        <v>3</v>
      </c>
      <c r="AG17" s="191">
        <v>2</v>
      </c>
      <c r="AH17" s="196">
        <v>19</v>
      </c>
      <c r="AI17" s="195">
        <v>19</v>
      </c>
      <c r="AJ17" s="190">
        <v>0</v>
      </c>
      <c r="AK17" s="191">
        <v>0</v>
      </c>
      <c r="AL17" s="196">
        <v>0</v>
      </c>
      <c r="AM17" s="193">
        <v>0</v>
      </c>
      <c r="AN17" s="191">
        <v>0</v>
      </c>
      <c r="AO17" s="191">
        <v>0</v>
      </c>
      <c r="AP17" s="191">
        <v>0</v>
      </c>
      <c r="AQ17" s="191">
        <v>0</v>
      </c>
      <c r="AR17" s="191">
        <v>0</v>
      </c>
      <c r="AS17" s="196">
        <v>0</v>
      </c>
      <c r="AT17" s="195">
        <v>0</v>
      </c>
      <c r="AU17" s="190">
        <v>0</v>
      </c>
      <c r="AV17" s="191">
        <v>0</v>
      </c>
      <c r="AW17" s="196">
        <v>0</v>
      </c>
      <c r="AX17" s="193">
        <v>0</v>
      </c>
      <c r="AY17" s="191">
        <v>0</v>
      </c>
      <c r="AZ17" s="191">
        <v>0</v>
      </c>
      <c r="BA17" s="191">
        <v>0</v>
      </c>
      <c r="BB17" s="191">
        <v>0</v>
      </c>
      <c r="BC17" s="191">
        <v>0</v>
      </c>
      <c r="BD17" s="196">
        <v>0</v>
      </c>
      <c r="BE17" s="195">
        <v>0</v>
      </c>
      <c r="BF17" s="190">
        <v>0</v>
      </c>
      <c r="BG17" s="191">
        <v>0</v>
      </c>
      <c r="BH17" s="196">
        <v>0</v>
      </c>
      <c r="BI17" s="193">
        <v>0</v>
      </c>
      <c r="BJ17" s="191">
        <v>0</v>
      </c>
      <c r="BK17" s="191">
        <v>0</v>
      </c>
      <c r="BL17" s="191">
        <v>0</v>
      </c>
      <c r="BM17" s="191">
        <v>1</v>
      </c>
      <c r="BN17" s="191">
        <v>0</v>
      </c>
      <c r="BO17" s="194">
        <v>1</v>
      </c>
      <c r="BP17" s="195">
        <v>1</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0</v>
      </c>
      <c r="CT17" s="191">
        <v>0</v>
      </c>
      <c r="CU17" s="191">
        <v>0</v>
      </c>
      <c r="CV17" s="196">
        <v>0</v>
      </c>
      <c r="CW17" s="195">
        <v>0</v>
      </c>
    </row>
    <row r="18" spans="2:101" ht="21" customHeight="1" x14ac:dyDescent="0.2">
      <c r="B18" s="106" t="s">
        <v>16</v>
      </c>
      <c r="C18" s="190">
        <v>0</v>
      </c>
      <c r="D18" s="196">
        <v>0</v>
      </c>
      <c r="E18" s="207">
        <v>0</v>
      </c>
      <c r="F18" s="193">
        <v>0</v>
      </c>
      <c r="G18" s="191">
        <v>0</v>
      </c>
      <c r="H18" s="191">
        <v>0</v>
      </c>
      <c r="I18" s="191">
        <v>0</v>
      </c>
      <c r="J18" s="191">
        <v>0</v>
      </c>
      <c r="K18" s="191">
        <v>0</v>
      </c>
      <c r="L18" s="194">
        <v>0</v>
      </c>
      <c r="M18" s="195">
        <v>0</v>
      </c>
      <c r="N18" s="190">
        <v>0</v>
      </c>
      <c r="O18" s="191">
        <v>0</v>
      </c>
      <c r="P18" s="196">
        <v>0</v>
      </c>
      <c r="Q18" s="193">
        <v>0</v>
      </c>
      <c r="R18" s="191">
        <v>0</v>
      </c>
      <c r="S18" s="191">
        <v>0</v>
      </c>
      <c r="T18" s="191">
        <v>0</v>
      </c>
      <c r="U18" s="191">
        <v>1</v>
      </c>
      <c r="V18" s="191">
        <v>0</v>
      </c>
      <c r="W18" s="196">
        <v>1</v>
      </c>
      <c r="X18" s="195">
        <v>1</v>
      </c>
      <c r="Y18" s="190">
        <v>0</v>
      </c>
      <c r="Z18" s="191">
        <v>0</v>
      </c>
      <c r="AA18" s="196">
        <v>0</v>
      </c>
      <c r="AB18" s="193">
        <v>0</v>
      </c>
      <c r="AC18" s="191">
        <v>8</v>
      </c>
      <c r="AD18" s="191">
        <v>7</v>
      </c>
      <c r="AE18" s="191">
        <v>5</v>
      </c>
      <c r="AF18" s="191">
        <v>1</v>
      </c>
      <c r="AG18" s="191">
        <v>0</v>
      </c>
      <c r="AH18" s="196">
        <v>21</v>
      </c>
      <c r="AI18" s="195">
        <v>21</v>
      </c>
      <c r="AJ18" s="190">
        <v>0</v>
      </c>
      <c r="AK18" s="191">
        <v>0</v>
      </c>
      <c r="AL18" s="196">
        <v>0</v>
      </c>
      <c r="AM18" s="193">
        <v>0</v>
      </c>
      <c r="AN18" s="191">
        <v>1</v>
      </c>
      <c r="AO18" s="191">
        <v>1</v>
      </c>
      <c r="AP18" s="191">
        <v>1</v>
      </c>
      <c r="AQ18" s="191">
        <v>0</v>
      </c>
      <c r="AR18" s="191">
        <v>0</v>
      </c>
      <c r="AS18" s="196">
        <v>3</v>
      </c>
      <c r="AT18" s="195">
        <v>3</v>
      </c>
      <c r="AU18" s="190">
        <v>0</v>
      </c>
      <c r="AV18" s="191">
        <v>1</v>
      </c>
      <c r="AW18" s="196">
        <v>1</v>
      </c>
      <c r="AX18" s="193">
        <v>0</v>
      </c>
      <c r="AY18" s="191">
        <v>2</v>
      </c>
      <c r="AZ18" s="191">
        <v>1</v>
      </c>
      <c r="BA18" s="191">
        <v>0</v>
      </c>
      <c r="BB18" s="191">
        <v>0</v>
      </c>
      <c r="BC18" s="191">
        <v>1</v>
      </c>
      <c r="BD18" s="196">
        <v>4</v>
      </c>
      <c r="BE18" s="195">
        <v>5</v>
      </c>
      <c r="BF18" s="190">
        <v>0</v>
      </c>
      <c r="BG18" s="191">
        <v>0</v>
      </c>
      <c r="BH18" s="196">
        <v>0</v>
      </c>
      <c r="BI18" s="193">
        <v>0</v>
      </c>
      <c r="BJ18" s="191">
        <v>1</v>
      </c>
      <c r="BK18" s="191">
        <v>1</v>
      </c>
      <c r="BL18" s="191">
        <v>1</v>
      </c>
      <c r="BM18" s="191">
        <v>0</v>
      </c>
      <c r="BN18" s="191">
        <v>0</v>
      </c>
      <c r="BO18" s="194">
        <v>3</v>
      </c>
      <c r="BP18" s="195">
        <v>3</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0</v>
      </c>
      <c r="CS18" s="191">
        <v>0</v>
      </c>
      <c r="CT18" s="191">
        <v>0</v>
      </c>
      <c r="CU18" s="191">
        <v>0</v>
      </c>
      <c r="CV18" s="196">
        <v>0</v>
      </c>
      <c r="CW18" s="195">
        <v>0</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3</v>
      </c>
      <c r="AD19" s="191">
        <v>16</v>
      </c>
      <c r="AE19" s="191">
        <v>12</v>
      </c>
      <c r="AF19" s="191">
        <v>2</v>
      </c>
      <c r="AG19" s="191">
        <v>1</v>
      </c>
      <c r="AH19" s="196">
        <v>54</v>
      </c>
      <c r="AI19" s="195">
        <v>54</v>
      </c>
      <c r="AJ19" s="190">
        <v>0</v>
      </c>
      <c r="AK19" s="191">
        <v>0</v>
      </c>
      <c r="AL19" s="196">
        <v>0</v>
      </c>
      <c r="AM19" s="193">
        <v>0</v>
      </c>
      <c r="AN19" s="191">
        <v>2</v>
      </c>
      <c r="AO19" s="191">
        <v>0</v>
      </c>
      <c r="AP19" s="191">
        <v>0</v>
      </c>
      <c r="AQ19" s="191">
        <v>0</v>
      </c>
      <c r="AR19" s="191">
        <v>0</v>
      </c>
      <c r="AS19" s="196">
        <v>2</v>
      </c>
      <c r="AT19" s="195">
        <v>2</v>
      </c>
      <c r="AU19" s="190">
        <v>0</v>
      </c>
      <c r="AV19" s="191">
        <v>0</v>
      </c>
      <c r="AW19" s="196">
        <v>0</v>
      </c>
      <c r="AX19" s="193">
        <v>0</v>
      </c>
      <c r="AY19" s="191">
        <v>1</v>
      </c>
      <c r="AZ19" s="191">
        <v>1</v>
      </c>
      <c r="BA19" s="191">
        <v>2</v>
      </c>
      <c r="BB19" s="191">
        <v>1</v>
      </c>
      <c r="BC19" s="191">
        <v>0</v>
      </c>
      <c r="BD19" s="196">
        <v>5</v>
      </c>
      <c r="BE19" s="195">
        <v>5</v>
      </c>
      <c r="BF19" s="190">
        <v>0</v>
      </c>
      <c r="BG19" s="191">
        <v>0</v>
      </c>
      <c r="BH19" s="196">
        <v>0</v>
      </c>
      <c r="BI19" s="193">
        <v>0</v>
      </c>
      <c r="BJ19" s="191">
        <v>1</v>
      </c>
      <c r="BK19" s="191">
        <v>3</v>
      </c>
      <c r="BL19" s="191">
        <v>3</v>
      </c>
      <c r="BM19" s="191">
        <v>0</v>
      </c>
      <c r="BN19" s="191">
        <v>3</v>
      </c>
      <c r="BO19" s="194">
        <v>10</v>
      </c>
      <c r="BP19" s="195">
        <v>10</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1</v>
      </c>
      <c r="CI19" s="191">
        <v>4</v>
      </c>
      <c r="CJ19" s="191">
        <v>2</v>
      </c>
      <c r="CK19" s="196">
        <v>7</v>
      </c>
      <c r="CL19" s="195">
        <v>7</v>
      </c>
      <c r="CM19" s="190">
        <v>0</v>
      </c>
      <c r="CN19" s="191">
        <v>0</v>
      </c>
      <c r="CO19" s="196">
        <v>0</v>
      </c>
      <c r="CP19" s="193">
        <v>0</v>
      </c>
      <c r="CQ19" s="191">
        <v>0</v>
      </c>
      <c r="CR19" s="191">
        <v>0</v>
      </c>
      <c r="CS19" s="191">
        <v>0</v>
      </c>
      <c r="CT19" s="191">
        <v>1</v>
      </c>
      <c r="CU19" s="191">
        <v>0</v>
      </c>
      <c r="CV19" s="196">
        <v>1</v>
      </c>
      <c r="CW19" s="195">
        <v>1</v>
      </c>
    </row>
    <row r="20" spans="2:101" ht="21" customHeight="1" x14ac:dyDescent="0.2">
      <c r="B20" s="106" t="s">
        <v>18</v>
      </c>
      <c r="C20" s="190">
        <v>0</v>
      </c>
      <c r="D20" s="196">
        <v>0</v>
      </c>
      <c r="E20" s="207">
        <v>0</v>
      </c>
      <c r="F20" s="193">
        <v>0</v>
      </c>
      <c r="G20" s="191">
        <v>1</v>
      </c>
      <c r="H20" s="191">
        <v>0</v>
      </c>
      <c r="I20" s="191">
        <v>0</v>
      </c>
      <c r="J20" s="191">
        <v>0</v>
      </c>
      <c r="K20" s="191">
        <v>0</v>
      </c>
      <c r="L20" s="194">
        <v>1</v>
      </c>
      <c r="M20" s="195">
        <v>1</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18</v>
      </c>
      <c r="AD20" s="191">
        <v>7</v>
      </c>
      <c r="AE20" s="191">
        <v>8</v>
      </c>
      <c r="AF20" s="191">
        <v>2</v>
      </c>
      <c r="AG20" s="191">
        <v>0</v>
      </c>
      <c r="AH20" s="196">
        <v>35</v>
      </c>
      <c r="AI20" s="195">
        <v>35</v>
      </c>
      <c r="AJ20" s="190">
        <v>0</v>
      </c>
      <c r="AK20" s="191">
        <v>0</v>
      </c>
      <c r="AL20" s="196">
        <v>0</v>
      </c>
      <c r="AM20" s="193">
        <v>0</v>
      </c>
      <c r="AN20" s="191">
        <v>0</v>
      </c>
      <c r="AO20" s="191">
        <v>0</v>
      </c>
      <c r="AP20" s="191">
        <v>1</v>
      </c>
      <c r="AQ20" s="191">
        <v>2</v>
      </c>
      <c r="AR20" s="191">
        <v>0</v>
      </c>
      <c r="AS20" s="196">
        <v>3</v>
      </c>
      <c r="AT20" s="195">
        <v>3</v>
      </c>
      <c r="AU20" s="190">
        <v>0</v>
      </c>
      <c r="AV20" s="191">
        <v>0</v>
      </c>
      <c r="AW20" s="196">
        <v>0</v>
      </c>
      <c r="AX20" s="193">
        <v>0</v>
      </c>
      <c r="AY20" s="191">
        <v>1</v>
      </c>
      <c r="AZ20" s="191">
        <v>1</v>
      </c>
      <c r="BA20" s="191">
        <v>3</v>
      </c>
      <c r="BB20" s="191">
        <v>0</v>
      </c>
      <c r="BC20" s="191">
        <v>0</v>
      </c>
      <c r="BD20" s="196">
        <v>5</v>
      </c>
      <c r="BE20" s="195">
        <v>5</v>
      </c>
      <c r="BF20" s="190">
        <v>0</v>
      </c>
      <c r="BG20" s="191">
        <v>0</v>
      </c>
      <c r="BH20" s="196">
        <v>0</v>
      </c>
      <c r="BI20" s="193">
        <v>0</v>
      </c>
      <c r="BJ20" s="191">
        <v>2</v>
      </c>
      <c r="BK20" s="191">
        <v>5</v>
      </c>
      <c r="BL20" s="191">
        <v>6</v>
      </c>
      <c r="BM20" s="191">
        <v>0</v>
      </c>
      <c r="BN20" s="191">
        <v>1</v>
      </c>
      <c r="BO20" s="194">
        <v>14</v>
      </c>
      <c r="BP20" s="195">
        <v>14</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0</v>
      </c>
      <c r="CI20" s="191">
        <v>1</v>
      </c>
      <c r="CJ20" s="191">
        <v>1</v>
      </c>
      <c r="CK20" s="196">
        <v>2</v>
      </c>
      <c r="CL20" s="195">
        <v>2</v>
      </c>
      <c r="CM20" s="190">
        <v>0</v>
      </c>
      <c r="CN20" s="191">
        <v>0</v>
      </c>
      <c r="CO20" s="196">
        <v>0</v>
      </c>
      <c r="CP20" s="193">
        <v>0</v>
      </c>
      <c r="CQ20" s="191">
        <v>0</v>
      </c>
      <c r="CR20" s="191">
        <v>0</v>
      </c>
      <c r="CS20" s="191">
        <v>2</v>
      </c>
      <c r="CT20" s="191">
        <v>3</v>
      </c>
      <c r="CU20" s="191">
        <v>4</v>
      </c>
      <c r="CV20" s="196">
        <v>9</v>
      </c>
      <c r="CW20" s="195">
        <v>9</v>
      </c>
    </row>
    <row r="21" spans="2:101" ht="21" customHeight="1" x14ac:dyDescent="0.2">
      <c r="B21" s="106" t="s">
        <v>19</v>
      </c>
      <c r="C21" s="190">
        <v>0</v>
      </c>
      <c r="D21" s="196">
        <v>0</v>
      </c>
      <c r="E21" s="207">
        <v>0</v>
      </c>
      <c r="F21" s="193">
        <v>0</v>
      </c>
      <c r="G21" s="191">
        <v>0</v>
      </c>
      <c r="H21" s="191">
        <v>2</v>
      </c>
      <c r="I21" s="191">
        <v>0</v>
      </c>
      <c r="J21" s="191">
        <v>0</v>
      </c>
      <c r="K21" s="191">
        <v>0</v>
      </c>
      <c r="L21" s="194">
        <v>2</v>
      </c>
      <c r="M21" s="195">
        <v>2</v>
      </c>
      <c r="N21" s="190">
        <v>0</v>
      </c>
      <c r="O21" s="191">
        <v>0</v>
      </c>
      <c r="P21" s="196">
        <v>0</v>
      </c>
      <c r="Q21" s="193">
        <v>0</v>
      </c>
      <c r="R21" s="191">
        <v>0</v>
      </c>
      <c r="S21" s="191">
        <v>0</v>
      </c>
      <c r="T21" s="191">
        <v>0</v>
      </c>
      <c r="U21" s="191">
        <v>1</v>
      </c>
      <c r="V21" s="191">
        <v>0</v>
      </c>
      <c r="W21" s="196">
        <v>1</v>
      </c>
      <c r="X21" s="195">
        <v>1</v>
      </c>
      <c r="Y21" s="190">
        <v>0</v>
      </c>
      <c r="Z21" s="191">
        <v>0</v>
      </c>
      <c r="AA21" s="196">
        <v>0</v>
      </c>
      <c r="AB21" s="193">
        <v>0</v>
      </c>
      <c r="AC21" s="191">
        <v>7</v>
      </c>
      <c r="AD21" s="191">
        <v>5</v>
      </c>
      <c r="AE21" s="191">
        <v>2</v>
      </c>
      <c r="AF21" s="191">
        <v>1</v>
      </c>
      <c r="AG21" s="191">
        <v>0</v>
      </c>
      <c r="AH21" s="196">
        <v>15</v>
      </c>
      <c r="AI21" s="195">
        <v>15</v>
      </c>
      <c r="AJ21" s="190">
        <v>0</v>
      </c>
      <c r="AK21" s="191">
        <v>0</v>
      </c>
      <c r="AL21" s="196">
        <v>0</v>
      </c>
      <c r="AM21" s="193">
        <v>0</v>
      </c>
      <c r="AN21" s="191">
        <v>2</v>
      </c>
      <c r="AO21" s="191">
        <v>1</v>
      </c>
      <c r="AP21" s="191">
        <v>1</v>
      </c>
      <c r="AQ21" s="191">
        <v>1</v>
      </c>
      <c r="AR21" s="191">
        <v>0</v>
      </c>
      <c r="AS21" s="196">
        <v>5</v>
      </c>
      <c r="AT21" s="195">
        <v>5</v>
      </c>
      <c r="AU21" s="190">
        <v>0</v>
      </c>
      <c r="AV21" s="191">
        <v>0</v>
      </c>
      <c r="AW21" s="196">
        <v>0</v>
      </c>
      <c r="AX21" s="193">
        <v>0</v>
      </c>
      <c r="AY21" s="191">
        <v>1</v>
      </c>
      <c r="AZ21" s="191">
        <v>0</v>
      </c>
      <c r="BA21" s="191">
        <v>1</v>
      </c>
      <c r="BB21" s="191">
        <v>0</v>
      </c>
      <c r="BC21" s="191">
        <v>0</v>
      </c>
      <c r="BD21" s="196">
        <v>2</v>
      </c>
      <c r="BE21" s="195">
        <v>2</v>
      </c>
      <c r="BF21" s="190">
        <v>0</v>
      </c>
      <c r="BG21" s="191">
        <v>0</v>
      </c>
      <c r="BH21" s="196">
        <v>0</v>
      </c>
      <c r="BI21" s="193">
        <v>0</v>
      </c>
      <c r="BJ21" s="191">
        <v>0</v>
      </c>
      <c r="BK21" s="191">
        <v>0</v>
      </c>
      <c r="BL21" s="191">
        <v>1</v>
      </c>
      <c r="BM21" s="191">
        <v>0</v>
      </c>
      <c r="BN21" s="191">
        <v>2</v>
      </c>
      <c r="BO21" s="194">
        <v>3</v>
      </c>
      <c r="BP21" s="195">
        <v>3</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3</v>
      </c>
      <c r="CV21" s="196">
        <v>3</v>
      </c>
      <c r="CW21" s="195">
        <v>3</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7</v>
      </c>
      <c r="AD22" s="191">
        <v>6</v>
      </c>
      <c r="AE22" s="191">
        <v>2</v>
      </c>
      <c r="AF22" s="191">
        <v>0</v>
      </c>
      <c r="AG22" s="191">
        <v>0</v>
      </c>
      <c r="AH22" s="196">
        <v>15</v>
      </c>
      <c r="AI22" s="195">
        <v>15</v>
      </c>
      <c r="AJ22" s="190">
        <v>0</v>
      </c>
      <c r="AK22" s="191">
        <v>0</v>
      </c>
      <c r="AL22" s="196">
        <v>0</v>
      </c>
      <c r="AM22" s="193">
        <v>0</v>
      </c>
      <c r="AN22" s="191">
        <v>0</v>
      </c>
      <c r="AO22" s="191">
        <v>0</v>
      </c>
      <c r="AP22" s="191">
        <v>1</v>
      </c>
      <c r="AQ22" s="191">
        <v>0</v>
      </c>
      <c r="AR22" s="191">
        <v>0</v>
      </c>
      <c r="AS22" s="196">
        <v>1</v>
      </c>
      <c r="AT22" s="195">
        <v>1</v>
      </c>
      <c r="AU22" s="190">
        <v>0</v>
      </c>
      <c r="AV22" s="191">
        <v>0</v>
      </c>
      <c r="AW22" s="196">
        <v>0</v>
      </c>
      <c r="AX22" s="193">
        <v>0</v>
      </c>
      <c r="AY22" s="191">
        <v>0</v>
      </c>
      <c r="AZ22" s="191">
        <v>0</v>
      </c>
      <c r="BA22" s="191">
        <v>1</v>
      </c>
      <c r="BB22" s="191">
        <v>0</v>
      </c>
      <c r="BC22" s="191">
        <v>1</v>
      </c>
      <c r="BD22" s="196">
        <v>2</v>
      </c>
      <c r="BE22" s="195">
        <v>2</v>
      </c>
      <c r="BF22" s="190">
        <v>0</v>
      </c>
      <c r="BG22" s="191">
        <v>0</v>
      </c>
      <c r="BH22" s="196">
        <v>0</v>
      </c>
      <c r="BI22" s="193">
        <v>0</v>
      </c>
      <c r="BJ22" s="191">
        <v>1</v>
      </c>
      <c r="BK22" s="191">
        <v>0</v>
      </c>
      <c r="BL22" s="191">
        <v>2</v>
      </c>
      <c r="BM22" s="191">
        <v>0</v>
      </c>
      <c r="BN22" s="191">
        <v>0</v>
      </c>
      <c r="BO22" s="194">
        <v>3</v>
      </c>
      <c r="BP22" s="195">
        <v>3</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1</v>
      </c>
      <c r="H23" s="191">
        <v>0</v>
      </c>
      <c r="I23" s="191">
        <v>0</v>
      </c>
      <c r="J23" s="191">
        <v>0</v>
      </c>
      <c r="K23" s="191">
        <v>0</v>
      </c>
      <c r="L23" s="194">
        <v>1</v>
      </c>
      <c r="M23" s="195">
        <v>1</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1</v>
      </c>
      <c r="AD23" s="191">
        <v>3</v>
      </c>
      <c r="AE23" s="191">
        <v>1</v>
      </c>
      <c r="AF23" s="191">
        <v>1</v>
      </c>
      <c r="AG23" s="191">
        <v>0</v>
      </c>
      <c r="AH23" s="196">
        <v>16</v>
      </c>
      <c r="AI23" s="195">
        <v>16</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1</v>
      </c>
      <c r="AZ23" s="191">
        <v>0</v>
      </c>
      <c r="BA23" s="191">
        <v>2</v>
      </c>
      <c r="BB23" s="191">
        <v>0</v>
      </c>
      <c r="BC23" s="191">
        <v>0</v>
      </c>
      <c r="BD23" s="196">
        <v>3</v>
      </c>
      <c r="BE23" s="195">
        <v>3</v>
      </c>
      <c r="BF23" s="190">
        <v>0</v>
      </c>
      <c r="BG23" s="191">
        <v>0</v>
      </c>
      <c r="BH23" s="196">
        <v>0</v>
      </c>
      <c r="BI23" s="193">
        <v>0</v>
      </c>
      <c r="BJ23" s="191">
        <v>0</v>
      </c>
      <c r="BK23" s="191">
        <v>1</v>
      </c>
      <c r="BL23" s="191">
        <v>0</v>
      </c>
      <c r="BM23" s="191">
        <v>3</v>
      </c>
      <c r="BN23" s="191">
        <v>0</v>
      </c>
      <c r="BO23" s="194">
        <v>4</v>
      </c>
      <c r="BP23" s="195">
        <v>4</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1</v>
      </c>
      <c r="CV23" s="196">
        <v>1</v>
      </c>
      <c r="CW23" s="195">
        <v>1</v>
      </c>
    </row>
    <row r="24" spans="2:101" ht="21" customHeight="1" x14ac:dyDescent="0.2">
      <c r="B24" s="106" t="s">
        <v>22</v>
      </c>
      <c r="C24" s="190">
        <v>0</v>
      </c>
      <c r="D24" s="196">
        <v>0</v>
      </c>
      <c r="E24" s="207">
        <v>0</v>
      </c>
      <c r="F24" s="193">
        <v>0</v>
      </c>
      <c r="G24" s="191">
        <v>0</v>
      </c>
      <c r="H24" s="191">
        <v>0</v>
      </c>
      <c r="I24" s="191">
        <v>1</v>
      </c>
      <c r="J24" s="191">
        <v>1</v>
      </c>
      <c r="K24" s="191">
        <v>0</v>
      </c>
      <c r="L24" s="194">
        <v>2</v>
      </c>
      <c r="M24" s="195">
        <v>2</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9</v>
      </c>
      <c r="AD24" s="191">
        <v>6</v>
      </c>
      <c r="AE24" s="191">
        <v>0</v>
      </c>
      <c r="AF24" s="191">
        <v>1</v>
      </c>
      <c r="AG24" s="191">
        <v>0</v>
      </c>
      <c r="AH24" s="196">
        <v>16</v>
      </c>
      <c r="AI24" s="195">
        <v>16</v>
      </c>
      <c r="AJ24" s="190">
        <v>0</v>
      </c>
      <c r="AK24" s="191">
        <v>0</v>
      </c>
      <c r="AL24" s="196">
        <v>0</v>
      </c>
      <c r="AM24" s="193">
        <v>0</v>
      </c>
      <c r="AN24" s="191">
        <v>0</v>
      </c>
      <c r="AO24" s="191">
        <v>0</v>
      </c>
      <c r="AP24" s="191">
        <v>0</v>
      </c>
      <c r="AQ24" s="191">
        <v>0</v>
      </c>
      <c r="AR24" s="191">
        <v>0</v>
      </c>
      <c r="AS24" s="196">
        <v>0</v>
      </c>
      <c r="AT24" s="195">
        <v>0</v>
      </c>
      <c r="AU24" s="190">
        <v>0</v>
      </c>
      <c r="AV24" s="191">
        <v>0</v>
      </c>
      <c r="AW24" s="196">
        <v>0</v>
      </c>
      <c r="AX24" s="193">
        <v>0</v>
      </c>
      <c r="AY24" s="191">
        <v>0</v>
      </c>
      <c r="AZ24" s="191">
        <v>3</v>
      </c>
      <c r="BA24" s="191">
        <v>0</v>
      </c>
      <c r="BB24" s="191">
        <v>0</v>
      </c>
      <c r="BC24" s="191">
        <v>0</v>
      </c>
      <c r="BD24" s="196">
        <v>3</v>
      </c>
      <c r="BE24" s="195">
        <v>3</v>
      </c>
      <c r="BF24" s="190">
        <v>0</v>
      </c>
      <c r="BG24" s="191">
        <v>0</v>
      </c>
      <c r="BH24" s="196">
        <v>0</v>
      </c>
      <c r="BI24" s="193">
        <v>0</v>
      </c>
      <c r="BJ24" s="191">
        <v>0</v>
      </c>
      <c r="BK24" s="191">
        <v>0</v>
      </c>
      <c r="BL24" s="191">
        <v>0</v>
      </c>
      <c r="BM24" s="191">
        <v>0</v>
      </c>
      <c r="BN24" s="191">
        <v>0</v>
      </c>
      <c r="BO24" s="194">
        <v>0</v>
      </c>
      <c r="BP24" s="195">
        <v>0</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0</v>
      </c>
      <c r="CI24" s="191">
        <v>0</v>
      </c>
      <c r="CJ24" s="191">
        <v>0</v>
      </c>
      <c r="CK24" s="196">
        <v>0</v>
      </c>
      <c r="CL24" s="195">
        <v>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1</v>
      </c>
      <c r="L25" s="194">
        <v>1</v>
      </c>
      <c r="M25" s="195">
        <v>1</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1</v>
      </c>
      <c r="AD25" s="191">
        <v>2</v>
      </c>
      <c r="AE25" s="191">
        <v>0</v>
      </c>
      <c r="AF25" s="191">
        <v>0</v>
      </c>
      <c r="AG25" s="191">
        <v>0</v>
      </c>
      <c r="AH25" s="196">
        <v>3</v>
      </c>
      <c r="AI25" s="195">
        <v>3</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0</v>
      </c>
      <c r="BB25" s="191">
        <v>0</v>
      </c>
      <c r="BC25" s="191">
        <v>0</v>
      </c>
      <c r="BD25" s="196">
        <v>0</v>
      </c>
      <c r="BE25" s="195">
        <v>0</v>
      </c>
      <c r="BF25" s="190">
        <v>0</v>
      </c>
      <c r="BG25" s="191">
        <v>0</v>
      </c>
      <c r="BH25" s="196">
        <v>0</v>
      </c>
      <c r="BI25" s="193">
        <v>0</v>
      </c>
      <c r="BJ25" s="191">
        <v>1</v>
      </c>
      <c r="BK25" s="191">
        <v>1</v>
      </c>
      <c r="BL25" s="191">
        <v>4</v>
      </c>
      <c r="BM25" s="191">
        <v>0</v>
      </c>
      <c r="BN25" s="191">
        <v>0</v>
      </c>
      <c r="BO25" s="194">
        <v>6</v>
      </c>
      <c r="BP25" s="195">
        <v>6</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row>
    <row r="26" spans="2:101" ht="21" customHeight="1" x14ac:dyDescent="0.2">
      <c r="B26" s="106" t="s">
        <v>24</v>
      </c>
      <c r="C26" s="190">
        <v>0</v>
      </c>
      <c r="D26" s="196">
        <v>0</v>
      </c>
      <c r="E26" s="207">
        <v>0</v>
      </c>
      <c r="F26" s="193">
        <v>0</v>
      </c>
      <c r="G26" s="191">
        <v>0</v>
      </c>
      <c r="H26" s="191">
        <v>0</v>
      </c>
      <c r="I26" s="191">
        <v>0</v>
      </c>
      <c r="J26" s="191">
        <v>0</v>
      </c>
      <c r="K26" s="191">
        <v>0</v>
      </c>
      <c r="L26" s="194">
        <v>0</v>
      </c>
      <c r="M26" s="195">
        <v>0</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0</v>
      </c>
      <c r="AD26" s="191">
        <v>1</v>
      </c>
      <c r="AE26" s="191">
        <v>0</v>
      </c>
      <c r="AF26" s="191">
        <v>1</v>
      </c>
      <c r="AG26" s="191">
        <v>0</v>
      </c>
      <c r="AH26" s="196">
        <v>2</v>
      </c>
      <c r="AI26" s="195">
        <v>2</v>
      </c>
      <c r="AJ26" s="190">
        <v>0</v>
      </c>
      <c r="AK26" s="191">
        <v>0</v>
      </c>
      <c r="AL26" s="196">
        <v>0</v>
      </c>
      <c r="AM26" s="193">
        <v>0</v>
      </c>
      <c r="AN26" s="191">
        <v>0</v>
      </c>
      <c r="AO26" s="191">
        <v>0</v>
      </c>
      <c r="AP26" s="191">
        <v>0</v>
      </c>
      <c r="AQ26" s="191">
        <v>0</v>
      </c>
      <c r="AR26" s="191">
        <v>0</v>
      </c>
      <c r="AS26" s="196">
        <v>0</v>
      </c>
      <c r="AT26" s="195">
        <v>0</v>
      </c>
      <c r="AU26" s="190">
        <v>0</v>
      </c>
      <c r="AV26" s="191">
        <v>0</v>
      </c>
      <c r="AW26" s="196">
        <v>0</v>
      </c>
      <c r="AX26" s="193">
        <v>0</v>
      </c>
      <c r="AY26" s="191">
        <v>2</v>
      </c>
      <c r="AZ26" s="191">
        <v>1</v>
      </c>
      <c r="BA26" s="191">
        <v>0</v>
      </c>
      <c r="BB26" s="191">
        <v>1</v>
      </c>
      <c r="BC26" s="191">
        <v>0</v>
      </c>
      <c r="BD26" s="196">
        <v>4</v>
      </c>
      <c r="BE26" s="195">
        <v>4</v>
      </c>
      <c r="BF26" s="190">
        <v>0</v>
      </c>
      <c r="BG26" s="191">
        <v>0</v>
      </c>
      <c r="BH26" s="196">
        <v>0</v>
      </c>
      <c r="BI26" s="193">
        <v>0</v>
      </c>
      <c r="BJ26" s="191">
        <v>0</v>
      </c>
      <c r="BK26" s="191">
        <v>1</v>
      </c>
      <c r="BL26" s="191">
        <v>0</v>
      </c>
      <c r="BM26" s="191">
        <v>0</v>
      </c>
      <c r="BN26" s="191">
        <v>1</v>
      </c>
      <c r="BO26" s="194">
        <v>2</v>
      </c>
      <c r="BP26" s="195">
        <v>2</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4</v>
      </c>
      <c r="AD27" s="191">
        <v>2</v>
      </c>
      <c r="AE27" s="191">
        <v>0</v>
      </c>
      <c r="AF27" s="191">
        <v>0</v>
      </c>
      <c r="AG27" s="191">
        <v>0</v>
      </c>
      <c r="AH27" s="196">
        <v>6</v>
      </c>
      <c r="AI27" s="195">
        <v>6</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0</v>
      </c>
      <c r="AZ27" s="191">
        <v>0</v>
      </c>
      <c r="BA27" s="191">
        <v>0</v>
      </c>
      <c r="BB27" s="191">
        <v>0</v>
      </c>
      <c r="BC27" s="191">
        <v>0</v>
      </c>
      <c r="BD27" s="196">
        <v>0</v>
      </c>
      <c r="BE27" s="195">
        <v>0</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2</v>
      </c>
      <c r="AD28" s="191">
        <v>2</v>
      </c>
      <c r="AE28" s="191">
        <v>1</v>
      </c>
      <c r="AF28" s="191">
        <v>0</v>
      </c>
      <c r="AG28" s="191">
        <v>1</v>
      </c>
      <c r="AH28" s="196">
        <v>6</v>
      </c>
      <c r="AI28" s="195">
        <v>6</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1</v>
      </c>
      <c r="BA28" s="191">
        <v>0</v>
      </c>
      <c r="BB28" s="191">
        <v>0</v>
      </c>
      <c r="BC28" s="191">
        <v>0</v>
      </c>
      <c r="BD28" s="196">
        <v>1</v>
      </c>
      <c r="BE28" s="195">
        <v>1</v>
      </c>
      <c r="BF28" s="190">
        <v>0</v>
      </c>
      <c r="BG28" s="191">
        <v>0</v>
      </c>
      <c r="BH28" s="196">
        <v>0</v>
      </c>
      <c r="BI28" s="193">
        <v>0</v>
      </c>
      <c r="BJ28" s="191">
        <v>0</v>
      </c>
      <c r="BK28" s="191">
        <v>1</v>
      </c>
      <c r="BL28" s="191">
        <v>3</v>
      </c>
      <c r="BM28" s="191">
        <v>1</v>
      </c>
      <c r="BN28" s="191">
        <v>0</v>
      </c>
      <c r="BO28" s="194">
        <v>5</v>
      </c>
      <c r="BP28" s="195">
        <v>5</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0</v>
      </c>
      <c r="J29" s="191">
        <v>0</v>
      </c>
      <c r="K29" s="191">
        <v>0</v>
      </c>
      <c r="L29" s="194">
        <v>0</v>
      </c>
      <c r="M29" s="195">
        <v>0</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4</v>
      </c>
      <c r="AD29" s="191">
        <v>2</v>
      </c>
      <c r="AE29" s="191">
        <v>1</v>
      </c>
      <c r="AF29" s="191">
        <v>0</v>
      </c>
      <c r="AG29" s="191">
        <v>0</v>
      </c>
      <c r="AH29" s="196">
        <v>7</v>
      </c>
      <c r="AI29" s="195">
        <v>7</v>
      </c>
      <c r="AJ29" s="190">
        <v>0</v>
      </c>
      <c r="AK29" s="191">
        <v>0</v>
      </c>
      <c r="AL29" s="196">
        <v>0</v>
      </c>
      <c r="AM29" s="193">
        <v>0</v>
      </c>
      <c r="AN29" s="191">
        <v>0</v>
      </c>
      <c r="AO29" s="191">
        <v>1</v>
      </c>
      <c r="AP29" s="191">
        <v>1</v>
      </c>
      <c r="AQ29" s="191">
        <v>0</v>
      </c>
      <c r="AR29" s="191">
        <v>0</v>
      </c>
      <c r="AS29" s="196">
        <v>2</v>
      </c>
      <c r="AT29" s="195">
        <v>2</v>
      </c>
      <c r="AU29" s="190">
        <v>0</v>
      </c>
      <c r="AV29" s="191">
        <v>0</v>
      </c>
      <c r="AW29" s="196">
        <v>0</v>
      </c>
      <c r="AX29" s="193">
        <v>0</v>
      </c>
      <c r="AY29" s="191">
        <v>0</v>
      </c>
      <c r="AZ29" s="191">
        <v>0</v>
      </c>
      <c r="BA29" s="191">
        <v>0</v>
      </c>
      <c r="BB29" s="191">
        <v>0</v>
      </c>
      <c r="BC29" s="191">
        <v>0</v>
      </c>
      <c r="BD29" s="196">
        <v>0</v>
      </c>
      <c r="BE29" s="195">
        <v>0</v>
      </c>
      <c r="BF29" s="190">
        <v>0</v>
      </c>
      <c r="BG29" s="191">
        <v>0</v>
      </c>
      <c r="BH29" s="196">
        <v>0</v>
      </c>
      <c r="BI29" s="193">
        <v>0</v>
      </c>
      <c r="BJ29" s="191">
        <v>0</v>
      </c>
      <c r="BK29" s="191">
        <v>0</v>
      </c>
      <c r="BL29" s="191">
        <v>0</v>
      </c>
      <c r="BM29" s="191">
        <v>0</v>
      </c>
      <c r="BN29" s="191">
        <v>0</v>
      </c>
      <c r="BO29" s="194">
        <v>0</v>
      </c>
      <c r="BP29" s="195">
        <v>0</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0</v>
      </c>
      <c r="CT29" s="191">
        <v>0</v>
      </c>
      <c r="CU29" s="191">
        <v>0</v>
      </c>
      <c r="CV29" s="196">
        <v>0</v>
      </c>
      <c r="CW29" s="195">
        <v>0</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6</v>
      </c>
      <c r="AD30" s="191">
        <v>1</v>
      </c>
      <c r="AE30" s="191">
        <v>0</v>
      </c>
      <c r="AF30" s="191">
        <v>0</v>
      </c>
      <c r="AG30" s="191">
        <v>0</v>
      </c>
      <c r="AH30" s="196">
        <v>7</v>
      </c>
      <c r="AI30" s="195">
        <v>7</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1</v>
      </c>
      <c r="BM30" s="191">
        <v>0</v>
      </c>
      <c r="BN30" s="191">
        <v>0</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1</v>
      </c>
      <c r="H31" s="191">
        <v>0</v>
      </c>
      <c r="I31" s="191">
        <v>0</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v>
      </c>
      <c r="AD31" s="191">
        <v>0</v>
      </c>
      <c r="AE31" s="191">
        <v>1</v>
      </c>
      <c r="AF31" s="191">
        <v>1</v>
      </c>
      <c r="AG31" s="191">
        <v>0</v>
      </c>
      <c r="AH31" s="196">
        <v>3</v>
      </c>
      <c r="AI31" s="195">
        <v>3</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2</v>
      </c>
      <c r="AZ31" s="191">
        <v>2</v>
      </c>
      <c r="BA31" s="191">
        <v>0</v>
      </c>
      <c r="BB31" s="191">
        <v>0</v>
      </c>
      <c r="BC31" s="191">
        <v>0</v>
      </c>
      <c r="BD31" s="196">
        <v>4</v>
      </c>
      <c r="BE31" s="195">
        <v>4</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1</v>
      </c>
      <c r="CJ31" s="191">
        <v>0</v>
      </c>
      <c r="CK31" s="196">
        <v>1</v>
      </c>
      <c r="CL31" s="195">
        <v>1</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0</v>
      </c>
      <c r="AD32" s="191">
        <v>0</v>
      </c>
      <c r="AE32" s="191">
        <v>0</v>
      </c>
      <c r="AF32" s="191">
        <v>1</v>
      </c>
      <c r="AG32" s="191">
        <v>0</v>
      </c>
      <c r="AH32" s="196">
        <v>1</v>
      </c>
      <c r="AI32" s="195">
        <v>1</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0</v>
      </c>
      <c r="BK32" s="191">
        <v>0</v>
      </c>
      <c r="BL32" s="191">
        <v>0</v>
      </c>
      <c r="BM32" s="191">
        <v>0</v>
      </c>
      <c r="BN32" s="191">
        <v>0</v>
      </c>
      <c r="BO32" s="194">
        <v>0</v>
      </c>
      <c r="BP32" s="195">
        <v>0</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1</v>
      </c>
      <c r="I33" s="191">
        <v>0</v>
      </c>
      <c r="J33" s="191">
        <v>0</v>
      </c>
      <c r="K33" s="191">
        <v>0</v>
      </c>
      <c r="L33" s="194">
        <v>1</v>
      </c>
      <c r="M33" s="195">
        <v>1</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v>
      </c>
      <c r="AD33" s="191">
        <v>1</v>
      </c>
      <c r="AE33" s="191">
        <v>0</v>
      </c>
      <c r="AF33" s="191">
        <v>0</v>
      </c>
      <c r="AG33" s="191">
        <v>0</v>
      </c>
      <c r="AH33" s="196">
        <v>3</v>
      </c>
      <c r="AI33" s="195">
        <v>3</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1</v>
      </c>
      <c r="BB33" s="191">
        <v>0</v>
      </c>
      <c r="BC33" s="191">
        <v>0</v>
      </c>
      <c r="BD33" s="196">
        <v>1</v>
      </c>
      <c r="BE33" s="195">
        <v>1</v>
      </c>
      <c r="BF33" s="190">
        <v>0</v>
      </c>
      <c r="BG33" s="191">
        <v>0</v>
      </c>
      <c r="BH33" s="196">
        <v>0</v>
      </c>
      <c r="BI33" s="193">
        <v>0</v>
      </c>
      <c r="BJ33" s="191">
        <v>0</v>
      </c>
      <c r="BK33" s="191">
        <v>0</v>
      </c>
      <c r="BL33" s="191">
        <v>0</v>
      </c>
      <c r="BM33" s="191">
        <v>0</v>
      </c>
      <c r="BN33" s="191">
        <v>0</v>
      </c>
      <c r="BO33" s="194">
        <v>0</v>
      </c>
      <c r="BP33" s="195">
        <v>0</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2</v>
      </c>
      <c r="I34" s="191">
        <v>0</v>
      </c>
      <c r="J34" s="191">
        <v>0</v>
      </c>
      <c r="K34" s="191">
        <v>0</v>
      </c>
      <c r="L34" s="194">
        <v>2</v>
      </c>
      <c r="M34" s="195">
        <v>2</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v>
      </c>
      <c r="AD34" s="191">
        <v>1</v>
      </c>
      <c r="AE34" s="191">
        <v>0</v>
      </c>
      <c r="AF34" s="191">
        <v>0</v>
      </c>
      <c r="AG34" s="191">
        <v>0</v>
      </c>
      <c r="AH34" s="196">
        <v>5</v>
      </c>
      <c r="AI34" s="195">
        <v>5</v>
      </c>
      <c r="AJ34" s="190">
        <v>0</v>
      </c>
      <c r="AK34" s="191">
        <v>0</v>
      </c>
      <c r="AL34" s="196">
        <v>0</v>
      </c>
      <c r="AM34" s="193">
        <v>0</v>
      </c>
      <c r="AN34" s="191">
        <v>1</v>
      </c>
      <c r="AO34" s="191">
        <v>0</v>
      </c>
      <c r="AP34" s="191">
        <v>1</v>
      </c>
      <c r="AQ34" s="191">
        <v>0</v>
      </c>
      <c r="AR34" s="191">
        <v>0</v>
      </c>
      <c r="AS34" s="196">
        <v>2</v>
      </c>
      <c r="AT34" s="195">
        <v>2</v>
      </c>
      <c r="AU34" s="190">
        <v>0</v>
      </c>
      <c r="AV34" s="191">
        <v>0</v>
      </c>
      <c r="AW34" s="196">
        <v>0</v>
      </c>
      <c r="AX34" s="193">
        <v>0</v>
      </c>
      <c r="AY34" s="191">
        <v>0</v>
      </c>
      <c r="AZ34" s="191">
        <v>0</v>
      </c>
      <c r="BA34" s="191">
        <v>1</v>
      </c>
      <c r="BB34" s="191">
        <v>0</v>
      </c>
      <c r="BC34" s="191">
        <v>0</v>
      </c>
      <c r="BD34" s="196">
        <v>1</v>
      </c>
      <c r="BE34" s="195">
        <v>1</v>
      </c>
      <c r="BF34" s="190">
        <v>0</v>
      </c>
      <c r="BG34" s="191">
        <v>0</v>
      </c>
      <c r="BH34" s="196">
        <v>0</v>
      </c>
      <c r="BI34" s="193">
        <v>0</v>
      </c>
      <c r="BJ34" s="191">
        <v>0</v>
      </c>
      <c r="BK34" s="191">
        <v>0</v>
      </c>
      <c r="BL34" s="191">
        <v>0</v>
      </c>
      <c r="BM34" s="191">
        <v>0</v>
      </c>
      <c r="BN34" s="191">
        <v>0</v>
      </c>
      <c r="BO34" s="194">
        <v>0</v>
      </c>
      <c r="BP34" s="195">
        <v>0</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0</v>
      </c>
      <c r="AD35" s="191">
        <v>0</v>
      </c>
      <c r="AE35" s="191">
        <v>1</v>
      </c>
      <c r="AF35" s="191">
        <v>1</v>
      </c>
      <c r="AG35" s="191">
        <v>0</v>
      </c>
      <c r="AH35" s="196">
        <v>2</v>
      </c>
      <c r="AI35" s="195">
        <v>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1</v>
      </c>
      <c r="BM35" s="191">
        <v>0</v>
      </c>
      <c r="BN35" s="191">
        <v>0</v>
      </c>
      <c r="BO35" s="194">
        <v>1</v>
      </c>
      <c r="BP35" s="195">
        <v>1</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1</v>
      </c>
      <c r="CV35" s="196">
        <v>1</v>
      </c>
      <c r="CW35" s="195">
        <v>1</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0</v>
      </c>
      <c r="AD36" s="191">
        <v>0</v>
      </c>
      <c r="AE36" s="191">
        <v>0</v>
      </c>
      <c r="AF36" s="191">
        <v>0</v>
      </c>
      <c r="AG36" s="191">
        <v>0</v>
      </c>
      <c r="AH36" s="196">
        <v>0</v>
      </c>
      <c r="AI36" s="195">
        <v>0</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1</v>
      </c>
      <c r="AZ36" s="191">
        <v>0</v>
      </c>
      <c r="BA36" s="191">
        <v>0</v>
      </c>
      <c r="BB36" s="191">
        <v>0</v>
      </c>
      <c r="BC36" s="191">
        <v>0</v>
      </c>
      <c r="BD36" s="196">
        <v>1</v>
      </c>
      <c r="BE36" s="195">
        <v>1</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0</v>
      </c>
      <c r="J37" s="191">
        <v>0</v>
      </c>
      <c r="K37" s="191">
        <v>0</v>
      </c>
      <c r="L37" s="194">
        <v>0</v>
      </c>
      <c r="M37" s="195">
        <v>0</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v>
      </c>
      <c r="AD37" s="191">
        <v>0</v>
      </c>
      <c r="AE37" s="191">
        <v>0</v>
      </c>
      <c r="AF37" s="191">
        <v>0</v>
      </c>
      <c r="AG37" s="191">
        <v>0</v>
      </c>
      <c r="AH37" s="196">
        <v>1</v>
      </c>
      <c r="AI37" s="195">
        <v>1</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1</v>
      </c>
      <c r="AZ37" s="191">
        <v>0</v>
      </c>
      <c r="BA37" s="191">
        <v>0</v>
      </c>
      <c r="BB37" s="191">
        <v>0</v>
      </c>
      <c r="BC37" s="191">
        <v>0</v>
      </c>
      <c r="BD37" s="196">
        <v>1</v>
      </c>
      <c r="BE37" s="195">
        <v>1</v>
      </c>
      <c r="BF37" s="190">
        <v>0</v>
      </c>
      <c r="BG37" s="191">
        <v>0</v>
      </c>
      <c r="BH37" s="196">
        <v>0</v>
      </c>
      <c r="BI37" s="193">
        <v>0</v>
      </c>
      <c r="BJ37" s="191">
        <v>1</v>
      </c>
      <c r="BK37" s="191">
        <v>0</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2</v>
      </c>
      <c r="AD38" s="191">
        <v>1</v>
      </c>
      <c r="AE38" s="191">
        <v>0</v>
      </c>
      <c r="AF38" s="191">
        <v>0</v>
      </c>
      <c r="AG38" s="191">
        <v>0</v>
      </c>
      <c r="AH38" s="196">
        <v>3</v>
      </c>
      <c r="AI38" s="195">
        <v>3</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0</v>
      </c>
      <c r="BA38" s="191">
        <v>1</v>
      </c>
      <c r="BB38" s="191">
        <v>0</v>
      </c>
      <c r="BC38" s="191">
        <v>0</v>
      </c>
      <c r="BD38" s="196">
        <v>1</v>
      </c>
      <c r="BE38" s="195">
        <v>1</v>
      </c>
      <c r="BF38" s="190">
        <v>0</v>
      </c>
      <c r="BG38" s="191">
        <v>0</v>
      </c>
      <c r="BH38" s="196">
        <v>0</v>
      </c>
      <c r="BI38" s="193">
        <v>0</v>
      </c>
      <c r="BJ38" s="191">
        <v>0</v>
      </c>
      <c r="BK38" s="191">
        <v>1</v>
      </c>
      <c r="BL38" s="191">
        <v>1</v>
      </c>
      <c r="BM38" s="191">
        <v>0</v>
      </c>
      <c r="BN38" s="191">
        <v>1</v>
      </c>
      <c r="BO38" s="194">
        <v>3</v>
      </c>
      <c r="BP38" s="195">
        <v>3</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1</v>
      </c>
      <c r="AH39" s="203">
        <v>1</v>
      </c>
      <c r="AI39" s="202">
        <v>1</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8" style="175" customWidth="1"/>
    <col min="18" max="16384" width="9" style="175"/>
  </cols>
  <sheetData>
    <row r="1" spans="2:24" ht="24" customHeight="1" x14ac:dyDescent="0.2">
      <c r="B1" s="142" t="s">
        <v>123</v>
      </c>
      <c r="H1" s="441">
        <f>第１表!F2</f>
        <v>6</v>
      </c>
      <c r="I1" s="441"/>
      <c r="J1" s="18">
        <f>第１表!G2</f>
        <v>6</v>
      </c>
      <c r="K1" s="445">
        <f>IF(J1&lt;3,J1+12-2,J1-2)</f>
        <v>4</v>
      </c>
      <c r="L1" s="445"/>
    </row>
    <row r="2" spans="2:24" ht="24" customHeight="1" thickBot="1" x14ac:dyDescent="0.25">
      <c r="B2" s="142" t="s">
        <v>130</v>
      </c>
    </row>
    <row r="3" spans="2:24" ht="21" customHeight="1" x14ac:dyDescent="0.2">
      <c r="B3" s="471"/>
      <c r="C3" s="472" t="s">
        <v>140</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1</v>
      </c>
      <c r="E6" s="189">
        <v>1</v>
      </c>
      <c r="F6" s="186">
        <v>0</v>
      </c>
      <c r="G6" s="184">
        <v>101070</v>
      </c>
      <c r="H6" s="184">
        <v>104467</v>
      </c>
      <c r="I6" s="184">
        <v>60555</v>
      </c>
      <c r="J6" s="184">
        <v>30069</v>
      </c>
      <c r="K6" s="184">
        <v>13427</v>
      </c>
      <c r="L6" s="189">
        <v>309588</v>
      </c>
      <c r="M6" s="188">
        <v>309589</v>
      </c>
      <c r="N6" s="184">
        <v>26</v>
      </c>
      <c r="O6" s="184">
        <v>46</v>
      </c>
      <c r="P6" s="189">
        <v>72</v>
      </c>
      <c r="Q6" s="186">
        <v>0</v>
      </c>
      <c r="R6" s="184">
        <v>6387</v>
      </c>
      <c r="S6" s="184">
        <v>9299</v>
      </c>
      <c r="T6" s="184">
        <v>11878</v>
      </c>
      <c r="U6" s="184">
        <v>6783</v>
      </c>
      <c r="V6" s="184">
        <v>4771</v>
      </c>
      <c r="W6" s="189">
        <v>39118</v>
      </c>
      <c r="X6" s="188">
        <v>39190</v>
      </c>
    </row>
    <row r="7" spans="2:24" ht="21" customHeight="1" x14ac:dyDescent="0.2">
      <c r="B7" s="95" t="s">
        <v>5</v>
      </c>
      <c r="C7" s="191">
        <v>0</v>
      </c>
      <c r="D7" s="191">
        <v>0</v>
      </c>
      <c r="E7" s="196">
        <v>0</v>
      </c>
      <c r="F7" s="193">
        <v>0</v>
      </c>
      <c r="G7" s="191">
        <v>35612</v>
      </c>
      <c r="H7" s="191">
        <v>50690</v>
      </c>
      <c r="I7" s="191">
        <v>29009</v>
      </c>
      <c r="J7" s="191">
        <v>14101</v>
      </c>
      <c r="K7" s="191">
        <v>6404</v>
      </c>
      <c r="L7" s="196">
        <v>135816</v>
      </c>
      <c r="M7" s="195">
        <v>135816</v>
      </c>
      <c r="N7" s="191">
        <v>14</v>
      </c>
      <c r="O7" s="191">
        <v>7</v>
      </c>
      <c r="P7" s="196">
        <v>21</v>
      </c>
      <c r="Q7" s="193">
        <v>0</v>
      </c>
      <c r="R7" s="191">
        <v>3123</v>
      </c>
      <c r="S7" s="191">
        <v>4661</v>
      </c>
      <c r="T7" s="191">
        <v>6061</v>
      </c>
      <c r="U7" s="191">
        <v>3752</v>
      </c>
      <c r="V7" s="191">
        <v>2576</v>
      </c>
      <c r="W7" s="196">
        <v>20173</v>
      </c>
      <c r="X7" s="195">
        <v>20194</v>
      </c>
    </row>
    <row r="8" spans="2:24" ht="21" customHeight="1" x14ac:dyDescent="0.2">
      <c r="B8" s="106" t="s">
        <v>6</v>
      </c>
      <c r="C8" s="191">
        <v>0</v>
      </c>
      <c r="D8" s="191">
        <v>0</v>
      </c>
      <c r="E8" s="196">
        <v>0</v>
      </c>
      <c r="F8" s="193">
        <v>0</v>
      </c>
      <c r="G8" s="191">
        <v>14781</v>
      </c>
      <c r="H8" s="191">
        <v>11683</v>
      </c>
      <c r="I8" s="191">
        <v>7223</v>
      </c>
      <c r="J8" s="191">
        <v>4193</v>
      </c>
      <c r="K8" s="191">
        <v>1971</v>
      </c>
      <c r="L8" s="196">
        <v>39851</v>
      </c>
      <c r="M8" s="195">
        <v>39851</v>
      </c>
      <c r="N8" s="191">
        <v>4</v>
      </c>
      <c r="O8" s="191">
        <v>0</v>
      </c>
      <c r="P8" s="196">
        <v>4</v>
      </c>
      <c r="Q8" s="193">
        <v>0</v>
      </c>
      <c r="R8" s="191">
        <v>1296</v>
      </c>
      <c r="S8" s="191">
        <v>2368</v>
      </c>
      <c r="T8" s="191">
        <v>2770</v>
      </c>
      <c r="U8" s="191">
        <v>1405</v>
      </c>
      <c r="V8" s="191">
        <v>1131</v>
      </c>
      <c r="W8" s="196">
        <v>8970</v>
      </c>
      <c r="X8" s="195">
        <v>8974</v>
      </c>
    </row>
    <row r="9" spans="2:24" ht="21" customHeight="1" x14ac:dyDescent="0.2">
      <c r="B9" s="106" t="s">
        <v>14</v>
      </c>
      <c r="C9" s="191">
        <v>0</v>
      </c>
      <c r="D9" s="191">
        <v>0</v>
      </c>
      <c r="E9" s="196">
        <v>0</v>
      </c>
      <c r="F9" s="193">
        <v>0</v>
      </c>
      <c r="G9" s="191">
        <v>7936</v>
      </c>
      <c r="H9" s="191">
        <v>9246</v>
      </c>
      <c r="I9" s="191">
        <v>5458</v>
      </c>
      <c r="J9" s="191">
        <v>2580</v>
      </c>
      <c r="K9" s="191">
        <v>1061</v>
      </c>
      <c r="L9" s="196">
        <v>26281</v>
      </c>
      <c r="M9" s="195">
        <v>26281</v>
      </c>
      <c r="N9" s="191">
        <v>0</v>
      </c>
      <c r="O9" s="191">
        <v>0</v>
      </c>
      <c r="P9" s="196">
        <v>0</v>
      </c>
      <c r="Q9" s="193">
        <v>0</v>
      </c>
      <c r="R9" s="191">
        <v>121</v>
      </c>
      <c r="S9" s="191">
        <v>196</v>
      </c>
      <c r="T9" s="191">
        <v>398</v>
      </c>
      <c r="U9" s="191">
        <v>155</v>
      </c>
      <c r="V9" s="191">
        <v>220</v>
      </c>
      <c r="W9" s="196">
        <v>1090</v>
      </c>
      <c r="X9" s="195">
        <v>1090</v>
      </c>
    </row>
    <row r="10" spans="2:24" ht="21" customHeight="1" x14ac:dyDescent="0.2">
      <c r="B10" s="106" t="s">
        <v>7</v>
      </c>
      <c r="C10" s="191">
        <v>0</v>
      </c>
      <c r="D10" s="191">
        <v>0</v>
      </c>
      <c r="E10" s="196">
        <v>0</v>
      </c>
      <c r="F10" s="193">
        <v>0</v>
      </c>
      <c r="G10" s="191">
        <v>8645</v>
      </c>
      <c r="H10" s="191">
        <v>5602</v>
      </c>
      <c r="I10" s="191">
        <v>2701</v>
      </c>
      <c r="J10" s="191">
        <v>1070</v>
      </c>
      <c r="K10" s="191">
        <v>553</v>
      </c>
      <c r="L10" s="196">
        <v>18571</v>
      </c>
      <c r="M10" s="195">
        <v>18571</v>
      </c>
      <c r="N10" s="191">
        <v>0</v>
      </c>
      <c r="O10" s="191">
        <v>4</v>
      </c>
      <c r="P10" s="196">
        <v>4</v>
      </c>
      <c r="Q10" s="193">
        <v>0</v>
      </c>
      <c r="R10" s="191">
        <v>790</v>
      </c>
      <c r="S10" s="191">
        <v>875</v>
      </c>
      <c r="T10" s="191">
        <v>934</v>
      </c>
      <c r="U10" s="191">
        <v>452</v>
      </c>
      <c r="V10" s="191">
        <v>279</v>
      </c>
      <c r="W10" s="196">
        <v>3330</v>
      </c>
      <c r="X10" s="195">
        <v>3334</v>
      </c>
    </row>
    <row r="11" spans="2:24" ht="21" customHeight="1" x14ac:dyDescent="0.2">
      <c r="B11" s="106" t="s">
        <v>8</v>
      </c>
      <c r="C11" s="191">
        <v>0</v>
      </c>
      <c r="D11" s="191">
        <v>0</v>
      </c>
      <c r="E11" s="196">
        <v>0</v>
      </c>
      <c r="F11" s="193">
        <v>0</v>
      </c>
      <c r="G11" s="191">
        <v>4033</v>
      </c>
      <c r="H11" s="191">
        <v>3923</v>
      </c>
      <c r="I11" s="191">
        <v>1742</v>
      </c>
      <c r="J11" s="191">
        <v>812</v>
      </c>
      <c r="K11" s="191">
        <v>429</v>
      </c>
      <c r="L11" s="196">
        <v>10939</v>
      </c>
      <c r="M11" s="195">
        <v>10939</v>
      </c>
      <c r="N11" s="191">
        <v>0</v>
      </c>
      <c r="O11" s="191">
        <v>0</v>
      </c>
      <c r="P11" s="196">
        <v>0</v>
      </c>
      <c r="Q11" s="193">
        <v>0</v>
      </c>
      <c r="R11" s="191">
        <v>42</v>
      </c>
      <c r="S11" s="191">
        <v>88</v>
      </c>
      <c r="T11" s="191">
        <v>46</v>
      </c>
      <c r="U11" s="191">
        <v>134</v>
      </c>
      <c r="V11" s="191">
        <v>84</v>
      </c>
      <c r="W11" s="196">
        <v>394</v>
      </c>
      <c r="X11" s="195">
        <v>394</v>
      </c>
    </row>
    <row r="12" spans="2:24" ht="21" customHeight="1" x14ac:dyDescent="0.2">
      <c r="B12" s="106" t="s">
        <v>9</v>
      </c>
      <c r="C12" s="191">
        <v>0</v>
      </c>
      <c r="D12" s="191">
        <v>0</v>
      </c>
      <c r="E12" s="196">
        <v>0</v>
      </c>
      <c r="F12" s="193">
        <v>0</v>
      </c>
      <c r="G12" s="191">
        <v>2782</v>
      </c>
      <c r="H12" s="191">
        <v>2041</v>
      </c>
      <c r="I12" s="191">
        <v>1408</v>
      </c>
      <c r="J12" s="191">
        <v>916</v>
      </c>
      <c r="K12" s="191">
        <v>262</v>
      </c>
      <c r="L12" s="196">
        <v>7409</v>
      </c>
      <c r="M12" s="195">
        <v>7409</v>
      </c>
      <c r="N12" s="191">
        <v>0</v>
      </c>
      <c r="O12" s="191">
        <v>0</v>
      </c>
      <c r="P12" s="196">
        <v>0</v>
      </c>
      <c r="Q12" s="193">
        <v>0</v>
      </c>
      <c r="R12" s="191">
        <v>43</v>
      </c>
      <c r="S12" s="191">
        <v>61</v>
      </c>
      <c r="T12" s="191">
        <v>105</v>
      </c>
      <c r="U12" s="191">
        <v>0</v>
      </c>
      <c r="V12" s="191">
        <v>49</v>
      </c>
      <c r="W12" s="196">
        <v>258</v>
      </c>
      <c r="X12" s="195">
        <v>258</v>
      </c>
    </row>
    <row r="13" spans="2:24" ht="21" customHeight="1" x14ac:dyDescent="0.2">
      <c r="B13" s="106" t="s">
        <v>10</v>
      </c>
      <c r="C13" s="191">
        <v>0</v>
      </c>
      <c r="D13" s="191">
        <v>0</v>
      </c>
      <c r="E13" s="196">
        <v>0</v>
      </c>
      <c r="F13" s="193">
        <v>0</v>
      </c>
      <c r="G13" s="191">
        <v>4097</v>
      </c>
      <c r="H13" s="191">
        <v>1969</v>
      </c>
      <c r="I13" s="191">
        <v>1258</v>
      </c>
      <c r="J13" s="191">
        <v>686</v>
      </c>
      <c r="K13" s="191">
        <v>257</v>
      </c>
      <c r="L13" s="196">
        <v>8267</v>
      </c>
      <c r="M13" s="195">
        <v>8267</v>
      </c>
      <c r="N13" s="191">
        <v>0</v>
      </c>
      <c r="O13" s="191">
        <v>4</v>
      </c>
      <c r="P13" s="196">
        <v>4</v>
      </c>
      <c r="Q13" s="193">
        <v>0</v>
      </c>
      <c r="R13" s="191">
        <v>101</v>
      </c>
      <c r="S13" s="191">
        <v>68</v>
      </c>
      <c r="T13" s="191">
        <v>239</v>
      </c>
      <c r="U13" s="191">
        <v>149</v>
      </c>
      <c r="V13" s="191">
        <v>109</v>
      </c>
      <c r="W13" s="196">
        <v>666</v>
      </c>
      <c r="X13" s="195">
        <v>670</v>
      </c>
    </row>
    <row r="14" spans="2:24" ht="21" customHeight="1" x14ac:dyDescent="0.2">
      <c r="B14" s="106" t="s">
        <v>11</v>
      </c>
      <c r="C14" s="191">
        <v>0</v>
      </c>
      <c r="D14" s="191">
        <v>0</v>
      </c>
      <c r="E14" s="196">
        <v>0</v>
      </c>
      <c r="F14" s="193">
        <v>0</v>
      </c>
      <c r="G14" s="191">
        <v>4070</v>
      </c>
      <c r="H14" s="191">
        <v>2428</v>
      </c>
      <c r="I14" s="191">
        <v>1721</v>
      </c>
      <c r="J14" s="191">
        <v>873</v>
      </c>
      <c r="K14" s="191">
        <v>438</v>
      </c>
      <c r="L14" s="196">
        <v>9530</v>
      </c>
      <c r="M14" s="195">
        <v>9530</v>
      </c>
      <c r="N14" s="191">
        <v>0</v>
      </c>
      <c r="O14" s="191">
        <v>0</v>
      </c>
      <c r="P14" s="196">
        <v>0</v>
      </c>
      <c r="Q14" s="193">
        <v>0</v>
      </c>
      <c r="R14" s="191">
        <v>184</v>
      </c>
      <c r="S14" s="191">
        <v>151</v>
      </c>
      <c r="T14" s="191">
        <v>166</v>
      </c>
      <c r="U14" s="191">
        <v>13</v>
      </c>
      <c r="V14" s="191">
        <v>11</v>
      </c>
      <c r="W14" s="196">
        <v>525</v>
      </c>
      <c r="X14" s="195">
        <v>525</v>
      </c>
    </row>
    <row r="15" spans="2:24" ht="21" customHeight="1" x14ac:dyDescent="0.2">
      <c r="B15" s="106" t="s">
        <v>12</v>
      </c>
      <c r="C15" s="191">
        <v>0</v>
      </c>
      <c r="D15" s="191">
        <v>0</v>
      </c>
      <c r="E15" s="196">
        <v>0</v>
      </c>
      <c r="F15" s="193">
        <v>0</v>
      </c>
      <c r="G15" s="191">
        <v>2968</v>
      </c>
      <c r="H15" s="191">
        <v>2016</v>
      </c>
      <c r="I15" s="191">
        <v>1186</v>
      </c>
      <c r="J15" s="191">
        <v>535</v>
      </c>
      <c r="K15" s="191">
        <v>214</v>
      </c>
      <c r="L15" s="196">
        <v>6919</v>
      </c>
      <c r="M15" s="195">
        <v>6919</v>
      </c>
      <c r="N15" s="191">
        <v>0</v>
      </c>
      <c r="O15" s="191">
        <v>0</v>
      </c>
      <c r="P15" s="196">
        <v>0</v>
      </c>
      <c r="Q15" s="193">
        <v>0</v>
      </c>
      <c r="R15" s="191">
        <v>42</v>
      </c>
      <c r="S15" s="191">
        <v>13</v>
      </c>
      <c r="T15" s="191">
        <v>3</v>
      </c>
      <c r="U15" s="191">
        <v>8</v>
      </c>
      <c r="V15" s="191">
        <v>15</v>
      </c>
      <c r="W15" s="196">
        <v>81</v>
      </c>
      <c r="X15" s="195">
        <v>81</v>
      </c>
    </row>
    <row r="16" spans="2:24" ht="21" customHeight="1" x14ac:dyDescent="0.2">
      <c r="B16" s="106" t="s">
        <v>13</v>
      </c>
      <c r="C16" s="191">
        <v>0</v>
      </c>
      <c r="D16" s="191">
        <v>0</v>
      </c>
      <c r="E16" s="196">
        <v>0</v>
      </c>
      <c r="F16" s="193">
        <v>0</v>
      </c>
      <c r="G16" s="191">
        <v>971</v>
      </c>
      <c r="H16" s="191">
        <v>1149</v>
      </c>
      <c r="I16" s="191">
        <v>624</v>
      </c>
      <c r="J16" s="191">
        <v>339</v>
      </c>
      <c r="K16" s="191">
        <v>146</v>
      </c>
      <c r="L16" s="196">
        <v>3229</v>
      </c>
      <c r="M16" s="195">
        <v>3229</v>
      </c>
      <c r="N16" s="191">
        <v>0</v>
      </c>
      <c r="O16" s="191">
        <v>0</v>
      </c>
      <c r="P16" s="196">
        <v>0</v>
      </c>
      <c r="Q16" s="193">
        <v>0</v>
      </c>
      <c r="R16" s="191">
        <v>12</v>
      </c>
      <c r="S16" s="191">
        <v>45</v>
      </c>
      <c r="T16" s="191">
        <v>111</v>
      </c>
      <c r="U16" s="191">
        <v>54</v>
      </c>
      <c r="V16" s="191">
        <v>51</v>
      </c>
      <c r="W16" s="196">
        <v>273</v>
      </c>
      <c r="X16" s="195">
        <v>273</v>
      </c>
    </row>
    <row r="17" spans="2:24" ht="21" customHeight="1" x14ac:dyDescent="0.2">
      <c r="B17" s="106" t="s">
        <v>15</v>
      </c>
      <c r="C17" s="191">
        <v>0</v>
      </c>
      <c r="D17" s="191">
        <v>0</v>
      </c>
      <c r="E17" s="196">
        <v>0</v>
      </c>
      <c r="F17" s="193">
        <v>0</v>
      </c>
      <c r="G17" s="191">
        <v>1225</v>
      </c>
      <c r="H17" s="191">
        <v>1364</v>
      </c>
      <c r="I17" s="191">
        <v>674</v>
      </c>
      <c r="J17" s="191">
        <v>315</v>
      </c>
      <c r="K17" s="191">
        <v>135</v>
      </c>
      <c r="L17" s="196">
        <v>3713</v>
      </c>
      <c r="M17" s="195">
        <v>3713</v>
      </c>
      <c r="N17" s="191">
        <v>0</v>
      </c>
      <c r="O17" s="191">
        <v>10</v>
      </c>
      <c r="P17" s="196">
        <v>10</v>
      </c>
      <c r="Q17" s="193">
        <v>0</v>
      </c>
      <c r="R17" s="191">
        <v>8</v>
      </c>
      <c r="S17" s="191">
        <v>15</v>
      </c>
      <c r="T17" s="191">
        <v>78</v>
      </c>
      <c r="U17" s="191">
        <v>24</v>
      </c>
      <c r="V17" s="191">
        <v>24</v>
      </c>
      <c r="W17" s="196">
        <v>149</v>
      </c>
      <c r="X17" s="195">
        <v>159</v>
      </c>
    </row>
    <row r="18" spans="2:24" ht="21" customHeight="1" x14ac:dyDescent="0.2">
      <c r="B18" s="106" t="s">
        <v>16</v>
      </c>
      <c r="C18" s="191">
        <v>0</v>
      </c>
      <c r="D18" s="191">
        <v>0</v>
      </c>
      <c r="E18" s="196">
        <v>0</v>
      </c>
      <c r="F18" s="193">
        <v>0</v>
      </c>
      <c r="G18" s="191">
        <v>1047</v>
      </c>
      <c r="H18" s="191">
        <v>1336</v>
      </c>
      <c r="I18" s="191">
        <v>807</v>
      </c>
      <c r="J18" s="191">
        <v>336</v>
      </c>
      <c r="K18" s="191">
        <v>129</v>
      </c>
      <c r="L18" s="196">
        <v>3655</v>
      </c>
      <c r="M18" s="195">
        <v>3655</v>
      </c>
      <c r="N18" s="191">
        <v>0</v>
      </c>
      <c r="O18" s="191">
        <v>0</v>
      </c>
      <c r="P18" s="196">
        <v>0</v>
      </c>
      <c r="Q18" s="193">
        <v>0</v>
      </c>
      <c r="R18" s="191">
        <v>51</v>
      </c>
      <c r="S18" s="191">
        <v>69</v>
      </c>
      <c r="T18" s="191">
        <v>64</v>
      </c>
      <c r="U18" s="191">
        <v>53</v>
      </c>
      <c r="V18" s="191">
        <v>35</v>
      </c>
      <c r="W18" s="196">
        <v>272</v>
      </c>
      <c r="X18" s="195">
        <v>272</v>
      </c>
    </row>
    <row r="19" spans="2:24" ht="21" customHeight="1" x14ac:dyDescent="0.2">
      <c r="B19" s="106" t="s">
        <v>17</v>
      </c>
      <c r="C19" s="191">
        <v>0</v>
      </c>
      <c r="D19" s="191">
        <v>1</v>
      </c>
      <c r="E19" s="196">
        <v>1</v>
      </c>
      <c r="F19" s="193">
        <v>0</v>
      </c>
      <c r="G19" s="191">
        <v>2185</v>
      </c>
      <c r="H19" s="191">
        <v>2770</v>
      </c>
      <c r="I19" s="191">
        <v>1578</v>
      </c>
      <c r="J19" s="191">
        <v>1119</v>
      </c>
      <c r="K19" s="191">
        <v>391</v>
      </c>
      <c r="L19" s="196">
        <v>8043</v>
      </c>
      <c r="M19" s="195">
        <v>8044</v>
      </c>
      <c r="N19" s="191">
        <v>8</v>
      </c>
      <c r="O19" s="191">
        <v>21</v>
      </c>
      <c r="P19" s="196">
        <v>29</v>
      </c>
      <c r="Q19" s="193">
        <v>0</v>
      </c>
      <c r="R19" s="191">
        <v>246</v>
      </c>
      <c r="S19" s="191">
        <v>324</v>
      </c>
      <c r="T19" s="191">
        <v>238</v>
      </c>
      <c r="U19" s="191">
        <v>192</v>
      </c>
      <c r="V19" s="191">
        <v>43</v>
      </c>
      <c r="W19" s="196">
        <v>1043</v>
      </c>
      <c r="X19" s="195">
        <v>1072</v>
      </c>
    </row>
    <row r="20" spans="2:24" ht="21" customHeight="1" x14ac:dyDescent="0.2">
      <c r="B20" s="106" t="s">
        <v>18</v>
      </c>
      <c r="C20" s="191">
        <v>0</v>
      </c>
      <c r="D20" s="191">
        <v>0</v>
      </c>
      <c r="E20" s="196">
        <v>0</v>
      </c>
      <c r="F20" s="193">
        <v>0</v>
      </c>
      <c r="G20" s="191">
        <v>2180</v>
      </c>
      <c r="H20" s="191">
        <v>1648</v>
      </c>
      <c r="I20" s="191">
        <v>1025</v>
      </c>
      <c r="J20" s="191">
        <v>393</v>
      </c>
      <c r="K20" s="191">
        <v>205</v>
      </c>
      <c r="L20" s="196">
        <v>5451</v>
      </c>
      <c r="M20" s="195">
        <v>5451</v>
      </c>
      <c r="N20" s="191">
        <v>0</v>
      </c>
      <c r="O20" s="191">
        <v>0</v>
      </c>
      <c r="P20" s="196">
        <v>0</v>
      </c>
      <c r="Q20" s="193">
        <v>0</v>
      </c>
      <c r="R20" s="191">
        <v>100</v>
      </c>
      <c r="S20" s="191">
        <v>98</v>
      </c>
      <c r="T20" s="191">
        <v>254</v>
      </c>
      <c r="U20" s="191">
        <v>166</v>
      </c>
      <c r="V20" s="191">
        <v>45</v>
      </c>
      <c r="W20" s="196">
        <v>663</v>
      </c>
      <c r="X20" s="195">
        <v>663</v>
      </c>
    </row>
    <row r="21" spans="2:24" ht="21" customHeight="1" x14ac:dyDescent="0.2">
      <c r="B21" s="106" t="s">
        <v>19</v>
      </c>
      <c r="C21" s="191">
        <v>0</v>
      </c>
      <c r="D21" s="191">
        <v>0</v>
      </c>
      <c r="E21" s="196">
        <v>0</v>
      </c>
      <c r="F21" s="193">
        <v>0</v>
      </c>
      <c r="G21" s="191">
        <v>968</v>
      </c>
      <c r="H21" s="191">
        <v>830</v>
      </c>
      <c r="I21" s="191">
        <v>434</v>
      </c>
      <c r="J21" s="191">
        <v>220</v>
      </c>
      <c r="K21" s="191">
        <v>103</v>
      </c>
      <c r="L21" s="196">
        <v>2555</v>
      </c>
      <c r="M21" s="195">
        <v>2555</v>
      </c>
      <c r="N21" s="191">
        <v>0</v>
      </c>
      <c r="O21" s="191">
        <v>0</v>
      </c>
      <c r="P21" s="196">
        <v>0</v>
      </c>
      <c r="Q21" s="193">
        <v>0</v>
      </c>
      <c r="R21" s="191">
        <v>98</v>
      </c>
      <c r="S21" s="191">
        <v>178</v>
      </c>
      <c r="T21" s="191">
        <v>193</v>
      </c>
      <c r="U21" s="191">
        <v>33</v>
      </c>
      <c r="V21" s="191">
        <v>57</v>
      </c>
      <c r="W21" s="196">
        <v>559</v>
      </c>
      <c r="X21" s="195">
        <v>559</v>
      </c>
    </row>
    <row r="22" spans="2:24" ht="21" customHeight="1" x14ac:dyDescent="0.2">
      <c r="B22" s="106" t="s">
        <v>20</v>
      </c>
      <c r="C22" s="191">
        <v>0</v>
      </c>
      <c r="D22" s="191">
        <v>0</v>
      </c>
      <c r="E22" s="196">
        <v>0</v>
      </c>
      <c r="F22" s="193">
        <v>0</v>
      </c>
      <c r="G22" s="191">
        <v>1178</v>
      </c>
      <c r="H22" s="191">
        <v>822</v>
      </c>
      <c r="I22" s="191">
        <v>492</v>
      </c>
      <c r="J22" s="191">
        <v>178</v>
      </c>
      <c r="K22" s="191">
        <v>65</v>
      </c>
      <c r="L22" s="196">
        <v>2735</v>
      </c>
      <c r="M22" s="195">
        <v>2735</v>
      </c>
      <c r="N22" s="191">
        <v>0</v>
      </c>
      <c r="O22" s="191">
        <v>0</v>
      </c>
      <c r="P22" s="196">
        <v>0</v>
      </c>
      <c r="Q22" s="193">
        <v>0</v>
      </c>
      <c r="R22" s="191">
        <v>15</v>
      </c>
      <c r="S22" s="191">
        <v>8</v>
      </c>
      <c r="T22" s="191">
        <v>60</v>
      </c>
      <c r="U22" s="191">
        <v>20</v>
      </c>
      <c r="V22" s="191">
        <v>5</v>
      </c>
      <c r="W22" s="196">
        <v>108</v>
      </c>
      <c r="X22" s="195">
        <v>108</v>
      </c>
    </row>
    <row r="23" spans="2:24" ht="21" customHeight="1" x14ac:dyDescent="0.2">
      <c r="B23" s="106" t="s">
        <v>21</v>
      </c>
      <c r="C23" s="191">
        <v>0</v>
      </c>
      <c r="D23" s="191">
        <v>0</v>
      </c>
      <c r="E23" s="196">
        <v>0</v>
      </c>
      <c r="F23" s="193">
        <v>0</v>
      </c>
      <c r="G23" s="191">
        <v>1445</v>
      </c>
      <c r="H23" s="191">
        <v>1187</v>
      </c>
      <c r="I23" s="191">
        <v>754</v>
      </c>
      <c r="J23" s="191">
        <v>258</v>
      </c>
      <c r="K23" s="191">
        <v>143</v>
      </c>
      <c r="L23" s="196">
        <v>3787</v>
      </c>
      <c r="M23" s="195">
        <v>3787</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951</v>
      </c>
      <c r="H24" s="191">
        <v>989</v>
      </c>
      <c r="I24" s="191">
        <v>548</v>
      </c>
      <c r="J24" s="191">
        <v>306</v>
      </c>
      <c r="K24" s="191">
        <v>77</v>
      </c>
      <c r="L24" s="196">
        <v>2871</v>
      </c>
      <c r="M24" s="195">
        <v>2871</v>
      </c>
      <c r="N24" s="191">
        <v>0</v>
      </c>
      <c r="O24" s="191">
        <v>0</v>
      </c>
      <c r="P24" s="196">
        <v>0</v>
      </c>
      <c r="Q24" s="193">
        <v>0</v>
      </c>
      <c r="R24" s="191">
        <v>0</v>
      </c>
      <c r="S24" s="191">
        <v>6</v>
      </c>
      <c r="T24" s="191">
        <v>60</v>
      </c>
      <c r="U24" s="191">
        <v>28</v>
      </c>
      <c r="V24" s="191">
        <v>15</v>
      </c>
      <c r="W24" s="196">
        <v>109</v>
      </c>
      <c r="X24" s="195">
        <v>109</v>
      </c>
    </row>
    <row r="25" spans="2:24" ht="21" customHeight="1" x14ac:dyDescent="0.2">
      <c r="B25" s="106" t="s">
        <v>23</v>
      </c>
      <c r="C25" s="191">
        <v>0</v>
      </c>
      <c r="D25" s="191">
        <v>0</v>
      </c>
      <c r="E25" s="196">
        <v>0</v>
      </c>
      <c r="F25" s="193">
        <v>0</v>
      </c>
      <c r="G25" s="191">
        <v>320</v>
      </c>
      <c r="H25" s="191">
        <v>366</v>
      </c>
      <c r="I25" s="191">
        <v>276</v>
      </c>
      <c r="J25" s="191">
        <v>211</v>
      </c>
      <c r="K25" s="191">
        <v>46</v>
      </c>
      <c r="L25" s="196">
        <v>1219</v>
      </c>
      <c r="M25" s="195">
        <v>1219</v>
      </c>
      <c r="N25" s="191">
        <v>0</v>
      </c>
      <c r="O25" s="191">
        <v>0</v>
      </c>
      <c r="P25" s="196">
        <v>0</v>
      </c>
      <c r="Q25" s="193">
        <v>0</v>
      </c>
      <c r="R25" s="191">
        <v>0</v>
      </c>
      <c r="S25" s="191">
        <v>0</v>
      </c>
      <c r="T25" s="191">
        <v>29</v>
      </c>
      <c r="U25" s="191">
        <v>22</v>
      </c>
      <c r="V25" s="191">
        <v>0</v>
      </c>
      <c r="W25" s="196">
        <v>51</v>
      </c>
      <c r="X25" s="195">
        <v>51</v>
      </c>
    </row>
    <row r="26" spans="2:24" ht="21" customHeight="1" x14ac:dyDescent="0.2">
      <c r="B26" s="106" t="s">
        <v>24</v>
      </c>
      <c r="C26" s="191">
        <v>0</v>
      </c>
      <c r="D26" s="191">
        <v>0</v>
      </c>
      <c r="E26" s="196">
        <v>0</v>
      </c>
      <c r="F26" s="193">
        <v>0</v>
      </c>
      <c r="G26" s="191">
        <v>175</v>
      </c>
      <c r="H26" s="191">
        <v>99</v>
      </c>
      <c r="I26" s="191">
        <v>109</v>
      </c>
      <c r="J26" s="191">
        <v>37</v>
      </c>
      <c r="K26" s="191">
        <v>11</v>
      </c>
      <c r="L26" s="196">
        <v>431</v>
      </c>
      <c r="M26" s="195">
        <v>431</v>
      </c>
      <c r="N26" s="191">
        <v>0</v>
      </c>
      <c r="O26" s="191">
        <v>0</v>
      </c>
      <c r="P26" s="196">
        <v>0</v>
      </c>
      <c r="Q26" s="193">
        <v>0</v>
      </c>
      <c r="R26" s="191">
        <v>0</v>
      </c>
      <c r="S26" s="191">
        <v>0</v>
      </c>
      <c r="T26" s="191">
        <v>9</v>
      </c>
      <c r="U26" s="191">
        <v>0</v>
      </c>
      <c r="V26" s="191">
        <v>0</v>
      </c>
      <c r="W26" s="196">
        <v>9</v>
      </c>
      <c r="X26" s="195">
        <v>9</v>
      </c>
    </row>
    <row r="27" spans="2:24" ht="21" customHeight="1" x14ac:dyDescent="0.2">
      <c r="B27" s="106" t="s">
        <v>25</v>
      </c>
      <c r="C27" s="191">
        <v>0</v>
      </c>
      <c r="D27" s="191">
        <v>0</v>
      </c>
      <c r="E27" s="196">
        <v>0</v>
      </c>
      <c r="F27" s="193">
        <v>0</v>
      </c>
      <c r="G27" s="191">
        <v>649</v>
      </c>
      <c r="H27" s="191">
        <v>355</v>
      </c>
      <c r="I27" s="191">
        <v>175</v>
      </c>
      <c r="J27" s="191">
        <v>44</v>
      </c>
      <c r="K27" s="191">
        <v>8</v>
      </c>
      <c r="L27" s="196">
        <v>1231</v>
      </c>
      <c r="M27" s="195">
        <v>1231</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381</v>
      </c>
      <c r="H28" s="191">
        <v>380</v>
      </c>
      <c r="I28" s="191">
        <v>304</v>
      </c>
      <c r="J28" s="191">
        <v>101</v>
      </c>
      <c r="K28" s="191">
        <v>52</v>
      </c>
      <c r="L28" s="196">
        <v>1218</v>
      </c>
      <c r="M28" s="195">
        <v>1218</v>
      </c>
      <c r="N28" s="191">
        <v>0</v>
      </c>
      <c r="O28" s="191">
        <v>0</v>
      </c>
      <c r="P28" s="196">
        <v>0</v>
      </c>
      <c r="Q28" s="193">
        <v>0</v>
      </c>
      <c r="R28" s="191">
        <v>0</v>
      </c>
      <c r="S28" s="191">
        <v>0</v>
      </c>
      <c r="T28" s="191">
        <v>0</v>
      </c>
      <c r="U28" s="191">
        <v>61</v>
      </c>
      <c r="V28" s="191">
        <v>0</v>
      </c>
      <c r="W28" s="196">
        <v>61</v>
      </c>
      <c r="X28" s="195">
        <v>61</v>
      </c>
    </row>
    <row r="29" spans="2:24" ht="21" customHeight="1" x14ac:dyDescent="0.2">
      <c r="B29" s="106" t="s">
        <v>27</v>
      </c>
      <c r="C29" s="191">
        <v>0</v>
      </c>
      <c r="D29" s="191">
        <v>0</v>
      </c>
      <c r="E29" s="196">
        <v>0</v>
      </c>
      <c r="F29" s="193">
        <v>0</v>
      </c>
      <c r="G29" s="191">
        <v>289</v>
      </c>
      <c r="H29" s="191">
        <v>111</v>
      </c>
      <c r="I29" s="191">
        <v>79</v>
      </c>
      <c r="J29" s="191">
        <v>17</v>
      </c>
      <c r="K29" s="191">
        <v>0</v>
      </c>
      <c r="L29" s="196">
        <v>496</v>
      </c>
      <c r="M29" s="195">
        <v>496</v>
      </c>
      <c r="N29" s="191">
        <v>0</v>
      </c>
      <c r="O29" s="191">
        <v>0</v>
      </c>
      <c r="P29" s="196">
        <v>0</v>
      </c>
      <c r="Q29" s="193">
        <v>0</v>
      </c>
      <c r="R29" s="191">
        <v>12</v>
      </c>
      <c r="S29" s="191">
        <v>4</v>
      </c>
      <c r="T29" s="191">
        <v>25</v>
      </c>
      <c r="U29" s="191">
        <v>22</v>
      </c>
      <c r="V29" s="191">
        <v>0</v>
      </c>
      <c r="W29" s="196">
        <v>63</v>
      </c>
      <c r="X29" s="195">
        <v>63</v>
      </c>
    </row>
    <row r="30" spans="2:24" ht="21" customHeight="1" x14ac:dyDescent="0.2">
      <c r="B30" s="106" t="s">
        <v>28</v>
      </c>
      <c r="C30" s="191">
        <v>0</v>
      </c>
      <c r="D30" s="191">
        <v>0</v>
      </c>
      <c r="E30" s="196">
        <v>0</v>
      </c>
      <c r="F30" s="193">
        <v>0</v>
      </c>
      <c r="G30" s="191">
        <v>234</v>
      </c>
      <c r="H30" s="191">
        <v>80</v>
      </c>
      <c r="I30" s="191">
        <v>46</v>
      </c>
      <c r="J30" s="191">
        <v>27</v>
      </c>
      <c r="K30" s="191">
        <v>4</v>
      </c>
      <c r="L30" s="196">
        <v>391</v>
      </c>
      <c r="M30" s="195">
        <v>391</v>
      </c>
      <c r="N30" s="191">
        <v>0</v>
      </c>
      <c r="O30" s="191">
        <v>0</v>
      </c>
      <c r="P30" s="196">
        <v>0</v>
      </c>
      <c r="Q30" s="193">
        <v>0</v>
      </c>
      <c r="R30" s="191">
        <v>32</v>
      </c>
      <c r="S30" s="191">
        <v>17</v>
      </c>
      <c r="T30" s="191">
        <v>8</v>
      </c>
      <c r="U30" s="191">
        <v>23</v>
      </c>
      <c r="V30" s="191">
        <v>0</v>
      </c>
      <c r="W30" s="196">
        <v>80</v>
      </c>
      <c r="X30" s="195">
        <v>80</v>
      </c>
    </row>
    <row r="31" spans="2:24" ht="21" customHeight="1" x14ac:dyDescent="0.2">
      <c r="B31" s="106" t="s">
        <v>29</v>
      </c>
      <c r="C31" s="191">
        <v>0</v>
      </c>
      <c r="D31" s="191">
        <v>0</v>
      </c>
      <c r="E31" s="196">
        <v>0</v>
      </c>
      <c r="F31" s="193">
        <v>0</v>
      </c>
      <c r="G31" s="191">
        <v>115</v>
      </c>
      <c r="H31" s="191">
        <v>153</v>
      </c>
      <c r="I31" s="191">
        <v>90</v>
      </c>
      <c r="J31" s="191">
        <v>19</v>
      </c>
      <c r="K31" s="191">
        <v>0</v>
      </c>
      <c r="L31" s="196">
        <v>377</v>
      </c>
      <c r="M31" s="195">
        <v>377</v>
      </c>
      <c r="N31" s="191">
        <v>0</v>
      </c>
      <c r="O31" s="191">
        <v>0</v>
      </c>
      <c r="P31" s="196">
        <v>0</v>
      </c>
      <c r="Q31" s="193">
        <v>0</v>
      </c>
      <c r="R31" s="191">
        <v>9</v>
      </c>
      <c r="S31" s="191">
        <v>9</v>
      </c>
      <c r="T31" s="191">
        <v>18</v>
      </c>
      <c r="U31" s="191">
        <v>0</v>
      </c>
      <c r="V31" s="191">
        <v>0</v>
      </c>
      <c r="W31" s="196">
        <v>36</v>
      </c>
      <c r="X31" s="195">
        <v>36</v>
      </c>
    </row>
    <row r="32" spans="2:24" ht="21" customHeight="1" x14ac:dyDescent="0.2">
      <c r="B32" s="106" t="s">
        <v>30</v>
      </c>
      <c r="C32" s="191">
        <v>0</v>
      </c>
      <c r="D32" s="191">
        <v>0</v>
      </c>
      <c r="E32" s="196">
        <v>0</v>
      </c>
      <c r="F32" s="193">
        <v>0</v>
      </c>
      <c r="G32" s="191">
        <v>171</v>
      </c>
      <c r="H32" s="191">
        <v>106</v>
      </c>
      <c r="I32" s="191">
        <v>56</v>
      </c>
      <c r="J32" s="191">
        <v>61</v>
      </c>
      <c r="K32" s="191">
        <v>6</v>
      </c>
      <c r="L32" s="196">
        <v>400</v>
      </c>
      <c r="M32" s="195">
        <v>400</v>
      </c>
      <c r="N32" s="191">
        <v>0</v>
      </c>
      <c r="O32" s="191">
        <v>0</v>
      </c>
      <c r="P32" s="196">
        <v>0</v>
      </c>
      <c r="Q32" s="193">
        <v>0</v>
      </c>
      <c r="R32" s="191">
        <v>5</v>
      </c>
      <c r="S32" s="191">
        <v>29</v>
      </c>
      <c r="T32" s="191">
        <v>0</v>
      </c>
      <c r="U32" s="191">
        <v>0</v>
      </c>
      <c r="V32" s="191">
        <v>0</v>
      </c>
      <c r="W32" s="196">
        <v>34</v>
      </c>
      <c r="X32" s="195">
        <v>34</v>
      </c>
    </row>
    <row r="33" spans="2:24" ht="21" customHeight="1" x14ac:dyDescent="0.2">
      <c r="B33" s="106" t="s">
        <v>31</v>
      </c>
      <c r="C33" s="191">
        <v>0</v>
      </c>
      <c r="D33" s="191">
        <v>0</v>
      </c>
      <c r="E33" s="196">
        <v>0</v>
      </c>
      <c r="F33" s="193">
        <v>0</v>
      </c>
      <c r="G33" s="191">
        <v>180</v>
      </c>
      <c r="H33" s="191">
        <v>125</v>
      </c>
      <c r="I33" s="191">
        <v>62</v>
      </c>
      <c r="J33" s="191">
        <v>3</v>
      </c>
      <c r="K33" s="191">
        <v>0</v>
      </c>
      <c r="L33" s="196">
        <v>370</v>
      </c>
      <c r="M33" s="195">
        <v>370</v>
      </c>
      <c r="N33" s="191">
        <v>0</v>
      </c>
      <c r="O33" s="191">
        <v>0</v>
      </c>
      <c r="P33" s="196">
        <v>0</v>
      </c>
      <c r="Q33" s="193">
        <v>0</v>
      </c>
      <c r="R33" s="191">
        <v>0</v>
      </c>
      <c r="S33" s="191">
        <v>8</v>
      </c>
      <c r="T33" s="191">
        <v>5</v>
      </c>
      <c r="U33" s="191">
        <v>17</v>
      </c>
      <c r="V33" s="191">
        <v>0</v>
      </c>
      <c r="W33" s="196">
        <v>30</v>
      </c>
      <c r="X33" s="195">
        <v>30</v>
      </c>
    </row>
    <row r="34" spans="2:24" ht="21" customHeight="1" x14ac:dyDescent="0.2">
      <c r="B34" s="106" t="s">
        <v>32</v>
      </c>
      <c r="C34" s="191">
        <v>0</v>
      </c>
      <c r="D34" s="191">
        <v>0</v>
      </c>
      <c r="E34" s="196">
        <v>0</v>
      </c>
      <c r="F34" s="193">
        <v>0</v>
      </c>
      <c r="G34" s="191">
        <v>368</v>
      </c>
      <c r="H34" s="191">
        <v>276</v>
      </c>
      <c r="I34" s="191">
        <v>33</v>
      </c>
      <c r="J34" s="191">
        <v>31</v>
      </c>
      <c r="K34" s="191">
        <v>13</v>
      </c>
      <c r="L34" s="196">
        <v>721</v>
      </c>
      <c r="M34" s="195">
        <v>721</v>
      </c>
      <c r="N34" s="191">
        <v>0</v>
      </c>
      <c r="O34" s="191">
        <v>0</v>
      </c>
      <c r="P34" s="196">
        <v>0</v>
      </c>
      <c r="Q34" s="193">
        <v>0</v>
      </c>
      <c r="R34" s="191">
        <v>53</v>
      </c>
      <c r="S34" s="191">
        <v>8</v>
      </c>
      <c r="T34" s="191">
        <v>4</v>
      </c>
      <c r="U34" s="191">
        <v>0</v>
      </c>
      <c r="V34" s="191">
        <v>13</v>
      </c>
      <c r="W34" s="196">
        <v>78</v>
      </c>
      <c r="X34" s="195">
        <v>78</v>
      </c>
    </row>
    <row r="35" spans="2:24" ht="21" customHeight="1" x14ac:dyDescent="0.2">
      <c r="B35" s="106" t="s">
        <v>33</v>
      </c>
      <c r="C35" s="191">
        <v>0</v>
      </c>
      <c r="D35" s="191">
        <v>0</v>
      </c>
      <c r="E35" s="196">
        <v>0</v>
      </c>
      <c r="F35" s="193">
        <v>0</v>
      </c>
      <c r="G35" s="191">
        <v>158</v>
      </c>
      <c r="H35" s="191">
        <v>108</v>
      </c>
      <c r="I35" s="191">
        <v>46</v>
      </c>
      <c r="J35" s="191">
        <v>47</v>
      </c>
      <c r="K35" s="191">
        <v>9</v>
      </c>
      <c r="L35" s="196">
        <v>368</v>
      </c>
      <c r="M35" s="195">
        <v>368</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86</v>
      </c>
      <c r="H36" s="191">
        <v>44</v>
      </c>
      <c r="I36" s="191">
        <v>22</v>
      </c>
      <c r="J36" s="191">
        <v>14</v>
      </c>
      <c r="K36" s="191">
        <v>0</v>
      </c>
      <c r="L36" s="196">
        <v>166</v>
      </c>
      <c r="M36" s="195">
        <v>166</v>
      </c>
      <c r="N36" s="191">
        <v>0</v>
      </c>
      <c r="O36" s="191">
        <v>0</v>
      </c>
      <c r="P36" s="196">
        <v>0</v>
      </c>
      <c r="Q36" s="193">
        <v>0</v>
      </c>
      <c r="R36" s="191">
        <v>0</v>
      </c>
      <c r="S36" s="191">
        <v>0</v>
      </c>
      <c r="T36" s="191">
        <v>0</v>
      </c>
      <c r="U36" s="191">
        <v>0</v>
      </c>
      <c r="V36" s="191">
        <v>9</v>
      </c>
      <c r="W36" s="196">
        <v>9</v>
      </c>
      <c r="X36" s="195">
        <v>9</v>
      </c>
    </row>
    <row r="37" spans="2:24" ht="21" customHeight="1" x14ac:dyDescent="0.2">
      <c r="B37" s="106" t="s">
        <v>35</v>
      </c>
      <c r="C37" s="191">
        <v>0</v>
      </c>
      <c r="D37" s="191">
        <v>0</v>
      </c>
      <c r="E37" s="196">
        <v>0</v>
      </c>
      <c r="F37" s="193">
        <v>0</v>
      </c>
      <c r="G37" s="191">
        <v>171</v>
      </c>
      <c r="H37" s="191">
        <v>147</v>
      </c>
      <c r="I37" s="191">
        <v>122</v>
      </c>
      <c r="J37" s="191">
        <v>35</v>
      </c>
      <c r="K37" s="191">
        <v>21</v>
      </c>
      <c r="L37" s="196">
        <v>496</v>
      </c>
      <c r="M37" s="195">
        <v>496</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580</v>
      </c>
      <c r="H38" s="191">
        <v>357</v>
      </c>
      <c r="I38" s="191">
        <v>428</v>
      </c>
      <c r="J38" s="191">
        <v>180</v>
      </c>
      <c r="K38" s="191">
        <v>247</v>
      </c>
      <c r="L38" s="196">
        <v>1792</v>
      </c>
      <c r="M38" s="195">
        <v>1792</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119</v>
      </c>
      <c r="H39" s="198">
        <v>67</v>
      </c>
      <c r="I39" s="198">
        <v>65</v>
      </c>
      <c r="J39" s="198">
        <v>12</v>
      </c>
      <c r="K39" s="198">
        <v>27</v>
      </c>
      <c r="L39" s="203">
        <v>290</v>
      </c>
      <c r="M39" s="202">
        <v>290</v>
      </c>
      <c r="N39" s="198">
        <v>0</v>
      </c>
      <c r="O39" s="198">
        <v>0</v>
      </c>
      <c r="P39" s="203">
        <v>0</v>
      </c>
      <c r="Q39" s="200">
        <v>0</v>
      </c>
      <c r="R39" s="198">
        <v>4</v>
      </c>
      <c r="S39" s="198">
        <v>0</v>
      </c>
      <c r="T39" s="198">
        <v>0</v>
      </c>
      <c r="U39" s="198">
        <v>0</v>
      </c>
      <c r="V39" s="198">
        <v>0</v>
      </c>
      <c r="W39" s="203">
        <v>4</v>
      </c>
      <c r="X39" s="202">
        <v>4</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1">
        <f>第１表!F2</f>
        <v>6</v>
      </c>
      <c r="I1" s="441"/>
      <c r="J1" s="18">
        <f>第１表!G2</f>
        <v>6</v>
      </c>
      <c r="K1" s="445">
        <f>IF(J1&lt;3,J1+12-2,J1-2)</f>
        <v>4</v>
      </c>
      <c r="L1" s="445"/>
    </row>
    <row r="2" spans="2:24" ht="24" customHeight="1" thickBot="1" x14ac:dyDescent="0.25">
      <c r="B2" s="142" t="s">
        <v>132</v>
      </c>
    </row>
    <row r="3" spans="2:24" ht="21" customHeight="1" x14ac:dyDescent="0.2">
      <c r="B3" s="471"/>
      <c r="C3" s="472" t="s">
        <v>140</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1</v>
      </c>
      <c r="E6" s="189">
        <v>1</v>
      </c>
      <c r="F6" s="186">
        <v>0</v>
      </c>
      <c r="G6" s="184">
        <v>6360</v>
      </c>
      <c r="H6" s="184">
        <v>6502</v>
      </c>
      <c r="I6" s="184">
        <v>3068</v>
      </c>
      <c r="J6" s="184">
        <v>1460</v>
      </c>
      <c r="K6" s="184">
        <v>604</v>
      </c>
      <c r="L6" s="189">
        <v>17994</v>
      </c>
      <c r="M6" s="188">
        <v>17995</v>
      </c>
      <c r="N6" s="184">
        <v>4</v>
      </c>
      <c r="O6" s="184">
        <v>10</v>
      </c>
      <c r="P6" s="189">
        <v>14</v>
      </c>
      <c r="Q6" s="186">
        <v>0</v>
      </c>
      <c r="R6" s="184">
        <v>452</v>
      </c>
      <c r="S6" s="184">
        <v>659</v>
      </c>
      <c r="T6" s="184">
        <v>805</v>
      </c>
      <c r="U6" s="184">
        <v>434</v>
      </c>
      <c r="V6" s="184">
        <v>167</v>
      </c>
      <c r="W6" s="189">
        <v>2517</v>
      </c>
      <c r="X6" s="188">
        <v>2531</v>
      </c>
    </row>
    <row r="7" spans="2:24" ht="21" customHeight="1" x14ac:dyDescent="0.2">
      <c r="B7" s="95" t="s">
        <v>5</v>
      </c>
      <c r="C7" s="191">
        <v>0</v>
      </c>
      <c r="D7" s="191">
        <v>0</v>
      </c>
      <c r="E7" s="196">
        <v>0</v>
      </c>
      <c r="F7" s="193">
        <v>0</v>
      </c>
      <c r="G7" s="191">
        <v>2522</v>
      </c>
      <c r="H7" s="191">
        <v>3177</v>
      </c>
      <c r="I7" s="191">
        <v>1537</v>
      </c>
      <c r="J7" s="191">
        <v>757</v>
      </c>
      <c r="K7" s="191">
        <v>307</v>
      </c>
      <c r="L7" s="196">
        <v>8300</v>
      </c>
      <c r="M7" s="195">
        <v>8300</v>
      </c>
      <c r="N7" s="191">
        <v>0</v>
      </c>
      <c r="O7" s="191">
        <v>0</v>
      </c>
      <c r="P7" s="196">
        <v>0</v>
      </c>
      <c r="Q7" s="193">
        <v>0</v>
      </c>
      <c r="R7" s="191">
        <v>222</v>
      </c>
      <c r="S7" s="191">
        <v>382</v>
      </c>
      <c r="T7" s="191">
        <v>351</v>
      </c>
      <c r="U7" s="191">
        <v>162</v>
      </c>
      <c r="V7" s="191">
        <v>87</v>
      </c>
      <c r="W7" s="196">
        <v>1204</v>
      </c>
      <c r="X7" s="195">
        <v>1204</v>
      </c>
    </row>
    <row r="8" spans="2:24" ht="21" customHeight="1" x14ac:dyDescent="0.2">
      <c r="B8" s="106" t="s">
        <v>6</v>
      </c>
      <c r="C8" s="191">
        <v>0</v>
      </c>
      <c r="D8" s="191">
        <v>0</v>
      </c>
      <c r="E8" s="196">
        <v>0</v>
      </c>
      <c r="F8" s="193">
        <v>0</v>
      </c>
      <c r="G8" s="191">
        <v>754</v>
      </c>
      <c r="H8" s="191">
        <v>653</v>
      </c>
      <c r="I8" s="191">
        <v>326</v>
      </c>
      <c r="J8" s="191">
        <v>156</v>
      </c>
      <c r="K8" s="191">
        <v>93</v>
      </c>
      <c r="L8" s="196">
        <v>1982</v>
      </c>
      <c r="M8" s="195">
        <v>1982</v>
      </c>
      <c r="N8" s="191">
        <v>0</v>
      </c>
      <c r="O8" s="191">
        <v>0</v>
      </c>
      <c r="P8" s="196">
        <v>0</v>
      </c>
      <c r="Q8" s="193">
        <v>0</v>
      </c>
      <c r="R8" s="191">
        <v>92</v>
      </c>
      <c r="S8" s="191">
        <v>174</v>
      </c>
      <c r="T8" s="191">
        <v>217</v>
      </c>
      <c r="U8" s="191">
        <v>93</v>
      </c>
      <c r="V8" s="191">
        <v>47</v>
      </c>
      <c r="W8" s="196">
        <v>623</v>
      </c>
      <c r="X8" s="195">
        <v>623</v>
      </c>
    </row>
    <row r="9" spans="2:24" ht="21" customHeight="1" x14ac:dyDescent="0.2">
      <c r="B9" s="106" t="s">
        <v>14</v>
      </c>
      <c r="C9" s="191">
        <v>0</v>
      </c>
      <c r="D9" s="191">
        <v>0</v>
      </c>
      <c r="E9" s="196">
        <v>0</v>
      </c>
      <c r="F9" s="193">
        <v>0</v>
      </c>
      <c r="G9" s="191">
        <v>538</v>
      </c>
      <c r="H9" s="191">
        <v>616</v>
      </c>
      <c r="I9" s="191">
        <v>359</v>
      </c>
      <c r="J9" s="191">
        <v>147</v>
      </c>
      <c r="K9" s="191">
        <v>41</v>
      </c>
      <c r="L9" s="196">
        <v>1701</v>
      </c>
      <c r="M9" s="195">
        <v>1701</v>
      </c>
      <c r="N9" s="191">
        <v>0</v>
      </c>
      <c r="O9" s="191">
        <v>0</v>
      </c>
      <c r="P9" s="196">
        <v>0</v>
      </c>
      <c r="Q9" s="193">
        <v>0</v>
      </c>
      <c r="R9" s="191">
        <v>13</v>
      </c>
      <c r="S9" s="191">
        <v>23</v>
      </c>
      <c r="T9" s="191">
        <v>9</v>
      </c>
      <c r="U9" s="191">
        <v>0</v>
      </c>
      <c r="V9" s="191">
        <v>0</v>
      </c>
      <c r="W9" s="196">
        <v>45</v>
      </c>
      <c r="X9" s="195">
        <v>45</v>
      </c>
    </row>
    <row r="10" spans="2:24" ht="21" customHeight="1" x14ac:dyDescent="0.2">
      <c r="B10" s="106" t="s">
        <v>7</v>
      </c>
      <c r="C10" s="191">
        <v>0</v>
      </c>
      <c r="D10" s="191">
        <v>0</v>
      </c>
      <c r="E10" s="196">
        <v>0</v>
      </c>
      <c r="F10" s="193">
        <v>0</v>
      </c>
      <c r="G10" s="191">
        <v>503</v>
      </c>
      <c r="H10" s="191">
        <v>436</v>
      </c>
      <c r="I10" s="191">
        <v>184</v>
      </c>
      <c r="J10" s="191">
        <v>67</v>
      </c>
      <c r="K10" s="191">
        <v>14</v>
      </c>
      <c r="L10" s="196">
        <v>1204</v>
      </c>
      <c r="M10" s="195">
        <v>1204</v>
      </c>
      <c r="N10" s="191">
        <v>0</v>
      </c>
      <c r="O10" s="191">
        <v>0</v>
      </c>
      <c r="P10" s="196">
        <v>0</v>
      </c>
      <c r="Q10" s="193">
        <v>0</v>
      </c>
      <c r="R10" s="191">
        <v>49</v>
      </c>
      <c r="S10" s="191">
        <v>31</v>
      </c>
      <c r="T10" s="191">
        <v>38</v>
      </c>
      <c r="U10" s="191">
        <v>84</v>
      </c>
      <c r="V10" s="191">
        <v>13</v>
      </c>
      <c r="W10" s="196">
        <v>215</v>
      </c>
      <c r="X10" s="195">
        <v>215</v>
      </c>
    </row>
    <row r="11" spans="2:24" ht="21" customHeight="1" x14ac:dyDescent="0.2">
      <c r="B11" s="106" t="s">
        <v>8</v>
      </c>
      <c r="C11" s="191">
        <v>0</v>
      </c>
      <c r="D11" s="191">
        <v>0</v>
      </c>
      <c r="E11" s="196">
        <v>0</v>
      </c>
      <c r="F11" s="193">
        <v>0</v>
      </c>
      <c r="G11" s="191">
        <v>153</v>
      </c>
      <c r="H11" s="191">
        <v>244</v>
      </c>
      <c r="I11" s="191">
        <v>80</v>
      </c>
      <c r="J11" s="191">
        <v>53</v>
      </c>
      <c r="K11" s="191">
        <v>12</v>
      </c>
      <c r="L11" s="196">
        <v>542</v>
      </c>
      <c r="M11" s="195">
        <v>542</v>
      </c>
      <c r="N11" s="191">
        <v>0</v>
      </c>
      <c r="O11" s="191">
        <v>0</v>
      </c>
      <c r="P11" s="196">
        <v>0</v>
      </c>
      <c r="Q11" s="193">
        <v>0</v>
      </c>
      <c r="R11" s="191">
        <v>0</v>
      </c>
      <c r="S11" s="191">
        <v>0</v>
      </c>
      <c r="T11" s="191">
        <v>0</v>
      </c>
      <c r="U11" s="191">
        <v>8</v>
      </c>
      <c r="V11" s="191">
        <v>0</v>
      </c>
      <c r="W11" s="196">
        <v>8</v>
      </c>
      <c r="X11" s="195">
        <v>8</v>
      </c>
    </row>
    <row r="12" spans="2:24" ht="21" customHeight="1" x14ac:dyDescent="0.2">
      <c r="B12" s="106" t="s">
        <v>9</v>
      </c>
      <c r="C12" s="191">
        <v>0</v>
      </c>
      <c r="D12" s="191">
        <v>0</v>
      </c>
      <c r="E12" s="196">
        <v>0</v>
      </c>
      <c r="F12" s="193">
        <v>0</v>
      </c>
      <c r="G12" s="191">
        <v>234</v>
      </c>
      <c r="H12" s="191">
        <v>162</v>
      </c>
      <c r="I12" s="191">
        <v>107</v>
      </c>
      <c r="J12" s="191">
        <v>46</v>
      </c>
      <c r="K12" s="191">
        <v>25</v>
      </c>
      <c r="L12" s="196">
        <v>574</v>
      </c>
      <c r="M12" s="195">
        <v>574</v>
      </c>
      <c r="N12" s="191">
        <v>0</v>
      </c>
      <c r="O12" s="191">
        <v>0</v>
      </c>
      <c r="P12" s="196">
        <v>0</v>
      </c>
      <c r="Q12" s="193">
        <v>0</v>
      </c>
      <c r="R12" s="191">
        <v>0</v>
      </c>
      <c r="S12" s="191">
        <v>0</v>
      </c>
      <c r="T12" s="191">
        <v>0</v>
      </c>
      <c r="U12" s="191">
        <v>0</v>
      </c>
      <c r="V12" s="191">
        <v>13</v>
      </c>
      <c r="W12" s="196">
        <v>13</v>
      </c>
      <c r="X12" s="195">
        <v>13</v>
      </c>
    </row>
    <row r="13" spans="2:24" ht="21" customHeight="1" x14ac:dyDescent="0.2">
      <c r="B13" s="106" t="s">
        <v>10</v>
      </c>
      <c r="C13" s="191">
        <v>0</v>
      </c>
      <c r="D13" s="191">
        <v>0</v>
      </c>
      <c r="E13" s="196">
        <v>0</v>
      </c>
      <c r="F13" s="193">
        <v>0</v>
      </c>
      <c r="G13" s="191">
        <v>276</v>
      </c>
      <c r="H13" s="191">
        <v>126</v>
      </c>
      <c r="I13" s="191">
        <v>76</v>
      </c>
      <c r="J13" s="191">
        <v>53</v>
      </c>
      <c r="K13" s="191">
        <v>25</v>
      </c>
      <c r="L13" s="196">
        <v>556</v>
      </c>
      <c r="M13" s="195">
        <v>556</v>
      </c>
      <c r="N13" s="191">
        <v>0</v>
      </c>
      <c r="O13" s="191">
        <v>0</v>
      </c>
      <c r="P13" s="196">
        <v>0</v>
      </c>
      <c r="Q13" s="193">
        <v>0</v>
      </c>
      <c r="R13" s="191">
        <v>31</v>
      </c>
      <c r="S13" s="191">
        <v>0</v>
      </c>
      <c r="T13" s="191">
        <v>10</v>
      </c>
      <c r="U13" s="191">
        <v>0</v>
      </c>
      <c r="V13" s="191">
        <v>0</v>
      </c>
      <c r="W13" s="196">
        <v>41</v>
      </c>
      <c r="X13" s="195">
        <v>41</v>
      </c>
    </row>
    <row r="14" spans="2:24" ht="21" customHeight="1" x14ac:dyDescent="0.2">
      <c r="B14" s="106" t="s">
        <v>11</v>
      </c>
      <c r="C14" s="191">
        <v>0</v>
      </c>
      <c r="D14" s="191">
        <v>0</v>
      </c>
      <c r="E14" s="196">
        <v>0</v>
      </c>
      <c r="F14" s="193">
        <v>0</v>
      </c>
      <c r="G14" s="191">
        <v>132</v>
      </c>
      <c r="H14" s="191">
        <v>45</v>
      </c>
      <c r="I14" s="191">
        <v>33</v>
      </c>
      <c r="J14" s="191">
        <v>38</v>
      </c>
      <c r="K14" s="191">
        <v>13</v>
      </c>
      <c r="L14" s="196">
        <v>261</v>
      </c>
      <c r="M14" s="195">
        <v>261</v>
      </c>
      <c r="N14" s="191">
        <v>0</v>
      </c>
      <c r="O14" s="191">
        <v>0</v>
      </c>
      <c r="P14" s="196">
        <v>0</v>
      </c>
      <c r="Q14" s="193">
        <v>0</v>
      </c>
      <c r="R14" s="191">
        <v>18</v>
      </c>
      <c r="S14" s="191">
        <v>6</v>
      </c>
      <c r="T14" s="191">
        <v>40</v>
      </c>
      <c r="U14" s="191">
        <v>0</v>
      </c>
      <c r="V14" s="191">
        <v>0</v>
      </c>
      <c r="W14" s="196">
        <v>64</v>
      </c>
      <c r="X14" s="195">
        <v>64</v>
      </c>
    </row>
    <row r="15" spans="2:24" ht="21" customHeight="1" x14ac:dyDescent="0.2">
      <c r="B15" s="106" t="s">
        <v>12</v>
      </c>
      <c r="C15" s="191">
        <v>0</v>
      </c>
      <c r="D15" s="191">
        <v>0</v>
      </c>
      <c r="E15" s="196">
        <v>0</v>
      </c>
      <c r="F15" s="193">
        <v>0</v>
      </c>
      <c r="G15" s="191">
        <v>164</v>
      </c>
      <c r="H15" s="191">
        <v>134</v>
      </c>
      <c r="I15" s="191">
        <v>44</v>
      </c>
      <c r="J15" s="191">
        <v>22</v>
      </c>
      <c r="K15" s="191">
        <v>29</v>
      </c>
      <c r="L15" s="196">
        <v>393</v>
      </c>
      <c r="M15" s="195">
        <v>393</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126</v>
      </c>
      <c r="H16" s="191">
        <v>116</v>
      </c>
      <c r="I16" s="191">
        <v>35</v>
      </c>
      <c r="J16" s="191">
        <v>30</v>
      </c>
      <c r="K16" s="191">
        <v>0</v>
      </c>
      <c r="L16" s="196">
        <v>307</v>
      </c>
      <c r="M16" s="195">
        <v>307</v>
      </c>
      <c r="N16" s="191">
        <v>0</v>
      </c>
      <c r="O16" s="191">
        <v>0</v>
      </c>
      <c r="P16" s="196">
        <v>0</v>
      </c>
      <c r="Q16" s="193">
        <v>0</v>
      </c>
      <c r="R16" s="191">
        <v>0</v>
      </c>
      <c r="S16" s="191">
        <v>6</v>
      </c>
      <c r="T16" s="191">
        <v>26</v>
      </c>
      <c r="U16" s="191">
        <v>0</v>
      </c>
      <c r="V16" s="191">
        <v>7</v>
      </c>
      <c r="W16" s="196">
        <v>39</v>
      </c>
      <c r="X16" s="195">
        <v>39</v>
      </c>
    </row>
    <row r="17" spans="2:24" ht="21" customHeight="1" x14ac:dyDescent="0.2">
      <c r="B17" s="106" t="s">
        <v>15</v>
      </c>
      <c r="C17" s="191">
        <v>0</v>
      </c>
      <c r="D17" s="191">
        <v>0</v>
      </c>
      <c r="E17" s="196">
        <v>0</v>
      </c>
      <c r="F17" s="193">
        <v>0</v>
      </c>
      <c r="G17" s="191">
        <v>73</v>
      </c>
      <c r="H17" s="191">
        <v>52</v>
      </c>
      <c r="I17" s="191">
        <v>6</v>
      </c>
      <c r="J17" s="191">
        <v>12</v>
      </c>
      <c r="K17" s="191">
        <v>0</v>
      </c>
      <c r="L17" s="196">
        <v>143</v>
      </c>
      <c r="M17" s="195">
        <v>143</v>
      </c>
      <c r="N17" s="191">
        <v>0</v>
      </c>
      <c r="O17" s="191">
        <v>10</v>
      </c>
      <c r="P17" s="196">
        <v>10</v>
      </c>
      <c r="Q17" s="193">
        <v>0</v>
      </c>
      <c r="R17" s="191">
        <v>0</v>
      </c>
      <c r="S17" s="191">
        <v>0</v>
      </c>
      <c r="T17" s="191">
        <v>0</v>
      </c>
      <c r="U17" s="191">
        <v>8</v>
      </c>
      <c r="V17" s="191">
        <v>0</v>
      </c>
      <c r="W17" s="196">
        <v>8</v>
      </c>
      <c r="X17" s="195">
        <v>18</v>
      </c>
    </row>
    <row r="18" spans="2:24" ht="21" customHeight="1" x14ac:dyDescent="0.2">
      <c r="B18" s="106" t="s">
        <v>16</v>
      </c>
      <c r="C18" s="191">
        <v>0</v>
      </c>
      <c r="D18" s="191">
        <v>0</v>
      </c>
      <c r="E18" s="196">
        <v>0</v>
      </c>
      <c r="F18" s="193">
        <v>0</v>
      </c>
      <c r="G18" s="191">
        <v>41</v>
      </c>
      <c r="H18" s="191">
        <v>90</v>
      </c>
      <c r="I18" s="191">
        <v>58</v>
      </c>
      <c r="J18" s="191">
        <v>8</v>
      </c>
      <c r="K18" s="191">
        <v>0</v>
      </c>
      <c r="L18" s="196">
        <v>197</v>
      </c>
      <c r="M18" s="195">
        <v>197</v>
      </c>
      <c r="N18" s="191">
        <v>0</v>
      </c>
      <c r="O18" s="191">
        <v>0</v>
      </c>
      <c r="P18" s="196">
        <v>0</v>
      </c>
      <c r="Q18" s="193">
        <v>0</v>
      </c>
      <c r="R18" s="191">
        <v>0</v>
      </c>
      <c r="S18" s="191">
        <v>0</v>
      </c>
      <c r="T18" s="191">
        <v>18</v>
      </c>
      <c r="U18" s="191">
        <v>18</v>
      </c>
      <c r="V18" s="191">
        <v>0</v>
      </c>
      <c r="W18" s="196">
        <v>36</v>
      </c>
      <c r="X18" s="195">
        <v>36</v>
      </c>
    </row>
    <row r="19" spans="2:24" ht="21" customHeight="1" x14ac:dyDescent="0.2">
      <c r="B19" s="106" t="s">
        <v>17</v>
      </c>
      <c r="C19" s="191">
        <v>0</v>
      </c>
      <c r="D19" s="191">
        <v>1</v>
      </c>
      <c r="E19" s="196">
        <v>1</v>
      </c>
      <c r="F19" s="193">
        <v>0</v>
      </c>
      <c r="G19" s="191">
        <v>205</v>
      </c>
      <c r="H19" s="191">
        <v>189</v>
      </c>
      <c r="I19" s="191">
        <v>78</v>
      </c>
      <c r="J19" s="191">
        <v>23</v>
      </c>
      <c r="K19" s="191">
        <v>0</v>
      </c>
      <c r="L19" s="196">
        <v>495</v>
      </c>
      <c r="M19" s="195">
        <v>496</v>
      </c>
      <c r="N19" s="191">
        <v>4</v>
      </c>
      <c r="O19" s="191">
        <v>0</v>
      </c>
      <c r="P19" s="196">
        <v>4</v>
      </c>
      <c r="Q19" s="193">
        <v>0</v>
      </c>
      <c r="R19" s="191">
        <v>15</v>
      </c>
      <c r="S19" s="191">
        <v>24</v>
      </c>
      <c r="T19" s="191">
        <v>4</v>
      </c>
      <c r="U19" s="191">
        <v>0</v>
      </c>
      <c r="V19" s="191">
        <v>0</v>
      </c>
      <c r="W19" s="196">
        <v>43</v>
      </c>
      <c r="X19" s="195">
        <v>47</v>
      </c>
    </row>
    <row r="20" spans="2:24" ht="21" customHeight="1" x14ac:dyDescent="0.2">
      <c r="B20" s="106" t="s">
        <v>18</v>
      </c>
      <c r="C20" s="191">
        <v>0</v>
      </c>
      <c r="D20" s="191">
        <v>0</v>
      </c>
      <c r="E20" s="196">
        <v>0</v>
      </c>
      <c r="F20" s="193">
        <v>0</v>
      </c>
      <c r="G20" s="191">
        <v>140</v>
      </c>
      <c r="H20" s="191">
        <v>101</v>
      </c>
      <c r="I20" s="191">
        <v>30</v>
      </c>
      <c r="J20" s="191">
        <v>0</v>
      </c>
      <c r="K20" s="191">
        <v>13</v>
      </c>
      <c r="L20" s="196">
        <v>284</v>
      </c>
      <c r="M20" s="195">
        <v>284</v>
      </c>
      <c r="N20" s="191">
        <v>0</v>
      </c>
      <c r="O20" s="191">
        <v>0</v>
      </c>
      <c r="P20" s="196">
        <v>0</v>
      </c>
      <c r="Q20" s="193">
        <v>0</v>
      </c>
      <c r="R20" s="191">
        <v>0</v>
      </c>
      <c r="S20" s="191">
        <v>3</v>
      </c>
      <c r="T20" s="191">
        <v>49</v>
      </c>
      <c r="U20" s="191">
        <v>22</v>
      </c>
      <c r="V20" s="191">
        <v>0</v>
      </c>
      <c r="W20" s="196">
        <v>74</v>
      </c>
      <c r="X20" s="195">
        <v>74</v>
      </c>
    </row>
    <row r="21" spans="2:24" ht="21" customHeight="1" x14ac:dyDescent="0.2">
      <c r="B21" s="106" t="s">
        <v>19</v>
      </c>
      <c r="C21" s="191">
        <v>0</v>
      </c>
      <c r="D21" s="191">
        <v>0</v>
      </c>
      <c r="E21" s="196">
        <v>0</v>
      </c>
      <c r="F21" s="193">
        <v>0</v>
      </c>
      <c r="G21" s="191">
        <v>50</v>
      </c>
      <c r="H21" s="191">
        <v>42</v>
      </c>
      <c r="I21" s="191">
        <v>19</v>
      </c>
      <c r="J21" s="191">
        <v>0</v>
      </c>
      <c r="K21" s="191">
        <v>0</v>
      </c>
      <c r="L21" s="196">
        <v>111</v>
      </c>
      <c r="M21" s="195">
        <v>111</v>
      </c>
      <c r="N21" s="191">
        <v>0</v>
      </c>
      <c r="O21" s="191">
        <v>0</v>
      </c>
      <c r="P21" s="196">
        <v>0</v>
      </c>
      <c r="Q21" s="193">
        <v>0</v>
      </c>
      <c r="R21" s="191">
        <v>12</v>
      </c>
      <c r="S21" s="191">
        <v>10</v>
      </c>
      <c r="T21" s="191">
        <v>31</v>
      </c>
      <c r="U21" s="191">
        <v>0</v>
      </c>
      <c r="V21" s="191">
        <v>0</v>
      </c>
      <c r="W21" s="196">
        <v>53</v>
      </c>
      <c r="X21" s="195">
        <v>53</v>
      </c>
    </row>
    <row r="22" spans="2:24" ht="21" customHeight="1" x14ac:dyDescent="0.2">
      <c r="B22" s="106" t="s">
        <v>20</v>
      </c>
      <c r="C22" s="191">
        <v>0</v>
      </c>
      <c r="D22" s="191">
        <v>0</v>
      </c>
      <c r="E22" s="196">
        <v>0</v>
      </c>
      <c r="F22" s="193">
        <v>0</v>
      </c>
      <c r="G22" s="191">
        <v>99</v>
      </c>
      <c r="H22" s="191">
        <v>114</v>
      </c>
      <c r="I22" s="191">
        <v>35</v>
      </c>
      <c r="J22" s="191">
        <v>10</v>
      </c>
      <c r="K22" s="191">
        <v>22</v>
      </c>
      <c r="L22" s="196">
        <v>280</v>
      </c>
      <c r="M22" s="195">
        <v>280</v>
      </c>
      <c r="N22" s="191">
        <v>0</v>
      </c>
      <c r="O22" s="191">
        <v>0</v>
      </c>
      <c r="P22" s="196">
        <v>0</v>
      </c>
      <c r="Q22" s="193">
        <v>0</v>
      </c>
      <c r="R22" s="191">
        <v>0</v>
      </c>
      <c r="S22" s="191">
        <v>0</v>
      </c>
      <c r="T22" s="191">
        <v>0</v>
      </c>
      <c r="U22" s="191">
        <v>0</v>
      </c>
      <c r="V22" s="191">
        <v>0</v>
      </c>
      <c r="W22" s="196">
        <v>0</v>
      </c>
      <c r="X22" s="195">
        <v>0</v>
      </c>
    </row>
    <row r="23" spans="2:24" ht="21" customHeight="1" x14ac:dyDescent="0.2">
      <c r="B23" s="106" t="s">
        <v>21</v>
      </c>
      <c r="C23" s="191">
        <v>0</v>
      </c>
      <c r="D23" s="191">
        <v>0</v>
      </c>
      <c r="E23" s="196">
        <v>0</v>
      </c>
      <c r="F23" s="193">
        <v>0</v>
      </c>
      <c r="G23" s="191">
        <v>116</v>
      </c>
      <c r="H23" s="191">
        <v>51</v>
      </c>
      <c r="I23" s="191">
        <v>27</v>
      </c>
      <c r="J23" s="191">
        <v>12</v>
      </c>
      <c r="K23" s="191">
        <v>0</v>
      </c>
      <c r="L23" s="196">
        <v>206</v>
      </c>
      <c r="M23" s="195">
        <v>206</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36</v>
      </c>
      <c r="H24" s="191">
        <v>25</v>
      </c>
      <c r="I24" s="191">
        <v>4</v>
      </c>
      <c r="J24" s="191">
        <v>9</v>
      </c>
      <c r="K24" s="191">
        <v>3</v>
      </c>
      <c r="L24" s="196">
        <v>77</v>
      </c>
      <c r="M24" s="195">
        <v>77</v>
      </c>
      <c r="N24" s="191">
        <v>0</v>
      </c>
      <c r="O24" s="191">
        <v>0</v>
      </c>
      <c r="P24" s="196">
        <v>0</v>
      </c>
      <c r="Q24" s="193">
        <v>0</v>
      </c>
      <c r="R24" s="191">
        <v>0</v>
      </c>
      <c r="S24" s="191">
        <v>0</v>
      </c>
      <c r="T24" s="191">
        <v>12</v>
      </c>
      <c r="U24" s="191">
        <v>0</v>
      </c>
      <c r="V24" s="191">
        <v>0</v>
      </c>
      <c r="W24" s="196">
        <v>12</v>
      </c>
      <c r="X24" s="195">
        <v>12</v>
      </c>
    </row>
    <row r="25" spans="2:24" ht="21" customHeight="1" x14ac:dyDescent="0.2">
      <c r="B25" s="106" t="s">
        <v>23</v>
      </c>
      <c r="C25" s="191">
        <v>0</v>
      </c>
      <c r="D25" s="191">
        <v>0</v>
      </c>
      <c r="E25" s="196">
        <v>0</v>
      </c>
      <c r="F25" s="193">
        <v>0</v>
      </c>
      <c r="G25" s="191">
        <v>9</v>
      </c>
      <c r="H25" s="191">
        <v>19</v>
      </c>
      <c r="I25" s="191">
        <v>0</v>
      </c>
      <c r="J25" s="191">
        <v>0</v>
      </c>
      <c r="K25" s="191">
        <v>0</v>
      </c>
      <c r="L25" s="196">
        <v>28</v>
      </c>
      <c r="M25" s="195">
        <v>28</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4</v>
      </c>
      <c r="H26" s="191">
        <v>4</v>
      </c>
      <c r="I26" s="191">
        <v>10</v>
      </c>
      <c r="J26" s="191">
        <v>0</v>
      </c>
      <c r="K26" s="191">
        <v>0</v>
      </c>
      <c r="L26" s="196">
        <v>18</v>
      </c>
      <c r="M26" s="195">
        <v>18</v>
      </c>
      <c r="N26" s="191">
        <v>0</v>
      </c>
      <c r="O26" s="191">
        <v>0</v>
      </c>
      <c r="P26" s="196">
        <v>0</v>
      </c>
      <c r="Q26" s="193">
        <v>0</v>
      </c>
      <c r="R26" s="191">
        <v>0</v>
      </c>
      <c r="S26" s="191">
        <v>0</v>
      </c>
      <c r="T26" s="191">
        <v>0</v>
      </c>
      <c r="U26" s="191">
        <v>0</v>
      </c>
      <c r="V26" s="191">
        <v>0</v>
      </c>
      <c r="W26" s="196">
        <v>0</v>
      </c>
      <c r="X26" s="195">
        <v>0</v>
      </c>
    </row>
    <row r="27" spans="2:24" ht="21" customHeight="1" x14ac:dyDescent="0.2">
      <c r="B27" s="106" t="s">
        <v>25</v>
      </c>
      <c r="C27" s="191">
        <v>0</v>
      </c>
      <c r="D27" s="191">
        <v>0</v>
      </c>
      <c r="E27" s="196">
        <v>0</v>
      </c>
      <c r="F27" s="193">
        <v>0</v>
      </c>
      <c r="G27" s="191">
        <v>35</v>
      </c>
      <c r="H27" s="191">
        <v>15</v>
      </c>
      <c r="I27" s="191">
        <v>5</v>
      </c>
      <c r="J27" s="191">
        <v>0</v>
      </c>
      <c r="K27" s="191">
        <v>3</v>
      </c>
      <c r="L27" s="196">
        <v>58</v>
      </c>
      <c r="M27" s="195">
        <v>58</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49</v>
      </c>
      <c r="H28" s="191">
        <v>14</v>
      </c>
      <c r="I28" s="191">
        <v>13</v>
      </c>
      <c r="J28" s="191">
        <v>8</v>
      </c>
      <c r="K28" s="191">
        <v>0</v>
      </c>
      <c r="L28" s="196">
        <v>84</v>
      </c>
      <c r="M28" s="195">
        <v>84</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0</v>
      </c>
      <c r="H29" s="191">
        <v>5</v>
      </c>
      <c r="I29" s="191">
        <v>0</v>
      </c>
      <c r="J29" s="191">
        <v>0</v>
      </c>
      <c r="K29" s="191">
        <v>0</v>
      </c>
      <c r="L29" s="196">
        <v>5</v>
      </c>
      <c r="M29" s="195">
        <v>5</v>
      </c>
      <c r="N29" s="191">
        <v>0</v>
      </c>
      <c r="O29" s="191">
        <v>0</v>
      </c>
      <c r="P29" s="196">
        <v>0</v>
      </c>
      <c r="Q29" s="193">
        <v>0</v>
      </c>
      <c r="R29" s="191">
        <v>0</v>
      </c>
      <c r="S29" s="191">
        <v>0</v>
      </c>
      <c r="T29" s="191">
        <v>0</v>
      </c>
      <c r="U29" s="191">
        <v>22</v>
      </c>
      <c r="V29" s="191">
        <v>0</v>
      </c>
      <c r="W29" s="196">
        <v>22</v>
      </c>
      <c r="X29" s="195">
        <v>22</v>
      </c>
    </row>
    <row r="30" spans="2:24" ht="21" customHeight="1" x14ac:dyDescent="0.2">
      <c r="B30" s="106" t="s">
        <v>28</v>
      </c>
      <c r="C30" s="191">
        <v>0</v>
      </c>
      <c r="D30" s="191">
        <v>0</v>
      </c>
      <c r="E30" s="196">
        <v>0</v>
      </c>
      <c r="F30" s="193">
        <v>0</v>
      </c>
      <c r="G30" s="191">
        <v>37</v>
      </c>
      <c r="H30" s="191">
        <v>0</v>
      </c>
      <c r="I30" s="191">
        <v>0</v>
      </c>
      <c r="J30" s="191">
        <v>0</v>
      </c>
      <c r="K30" s="191">
        <v>0</v>
      </c>
      <c r="L30" s="196">
        <v>37</v>
      </c>
      <c r="M30" s="195">
        <v>37</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0</v>
      </c>
      <c r="H31" s="191">
        <v>18</v>
      </c>
      <c r="I31" s="191">
        <v>2</v>
      </c>
      <c r="J31" s="191">
        <v>0</v>
      </c>
      <c r="K31" s="191">
        <v>0</v>
      </c>
      <c r="L31" s="196">
        <v>20</v>
      </c>
      <c r="M31" s="195">
        <v>20</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8</v>
      </c>
      <c r="H32" s="191">
        <v>0</v>
      </c>
      <c r="I32" s="191">
        <v>0</v>
      </c>
      <c r="J32" s="191">
        <v>0</v>
      </c>
      <c r="K32" s="191">
        <v>0</v>
      </c>
      <c r="L32" s="196">
        <v>8</v>
      </c>
      <c r="M32" s="195">
        <v>8</v>
      </c>
      <c r="N32" s="191">
        <v>0</v>
      </c>
      <c r="O32" s="191">
        <v>0</v>
      </c>
      <c r="P32" s="196">
        <v>0</v>
      </c>
      <c r="Q32" s="193">
        <v>0</v>
      </c>
      <c r="R32" s="191">
        <v>0</v>
      </c>
      <c r="S32" s="191">
        <v>0</v>
      </c>
      <c r="T32" s="191">
        <v>0</v>
      </c>
      <c r="U32" s="191">
        <v>0</v>
      </c>
      <c r="V32" s="191">
        <v>0</v>
      </c>
      <c r="W32" s="196">
        <v>0</v>
      </c>
      <c r="X32" s="195">
        <v>0</v>
      </c>
    </row>
    <row r="33" spans="2:24" ht="21" customHeight="1" x14ac:dyDescent="0.2">
      <c r="B33" s="106" t="s">
        <v>31</v>
      </c>
      <c r="C33" s="191">
        <v>0</v>
      </c>
      <c r="D33" s="191">
        <v>0</v>
      </c>
      <c r="E33" s="196">
        <v>0</v>
      </c>
      <c r="F33" s="193">
        <v>0</v>
      </c>
      <c r="G33" s="191">
        <v>0</v>
      </c>
      <c r="H33" s="191">
        <v>1</v>
      </c>
      <c r="I33" s="191">
        <v>0</v>
      </c>
      <c r="J33" s="191">
        <v>0</v>
      </c>
      <c r="K33" s="191">
        <v>0</v>
      </c>
      <c r="L33" s="196">
        <v>1</v>
      </c>
      <c r="M33" s="195">
        <v>1</v>
      </c>
      <c r="N33" s="191">
        <v>0</v>
      </c>
      <c r="O33" s="191">
        <v>0</v>
      </c>
      <c r="P33" s="196">
        <v>0</v>
      </c>
      <c r="Q33" s="193">
        <v>0</v>
      </c>
      <c r="R33" s="191">
        <v>0</v>
      </c>
      <c r="S33" s="191">
        <v>0</v>
      </c>
      <c r="T33" s="191">
        <v>0</v>
      </c>
      <c r="U33" s="191">
        <v>17</v>
      </c>
      <c r="V33" s="191">
        <v>0</v>
      </c>
      <c r="W33" s="196">
        <v>17</v>
      </c>
      <c r="X33" s="195">
        <v>17</v>
      </c>
    </row>
    <row r="34" spans="2:24" ht="21" customHeight="1" x14ac:dyDescent="0.2">
      <c r="B34" s="106" t="s">
        <v>32</v>
      </c>
      <c r="C34" s="191">
        <v>0</v>
      </c>
      <c r="D34" s="191">
        <v>0</v>
      </c>
      <c r="E34" s="196">
        <v>0</v>
      </c>
      <c r="F34" s="193">
        <v>0</v>
      </c>
      <c r="G34" s="191">
        <v>16</v>
      </c>
      <c r="H34" s="191">
        <v>33</v>
      </c>
      <c r="I34" s="191">
        <v>0</v>
      </c>
      <c r="J34" s="191">
        <v>0</v>
      </c>
      <c r="K34" s="191">
        <v>4</v>
      </c>
      <c r="L34" s="196">
        <v>53</v>
      </c>
      <c r="M34" s="195">
        <v>53</v>
      </c>
      <c r="N34" s="191">
        <v>0</v>
      </c>
      <c r="O34" s="191">
        <v>0</v>
      </c>
      <c r="P34" s="196">
        <v>0</v>
      </c>
      <c r="Q34" s="193">
        <v>0</v>
      </c>
      <c r="R34" s="191">
        <v>0</v>
      </c>
      <c r="S34" s="191">
        <v>0</v>
      </c>
      <c r="T34" s="191">
        <v>0</v>
      </c>
      <c r="U34" s="191">
        <v>0</v>
      </c>
      <c r="V34" s="191">
        <v>0</v>
      </c>
      <c r="W34" s="196">
        <v>0</v>
      </c>
      <c r="X34" s="195">
        <v>0</v>
      </c>
    </row>
    <row r="35" spans="2:24" ht="21" customHeight="1" x14ac:dyDescent="0.2">
      <c r="B35" s="106" t="s">
        <v>33</v>
      </c>
      <c r="C35" s="191">
        <v>0</v>
      </c>
      <c r="D35" s="191">
        <v>0</v>
      </c>
      <c r="E35" s="196">
        <v>0</v>
      </c>
      <c r="F35" s="193">
        <v>0</v>
      </c>
      <c r="G35" s="191">
        <v>9</v>
      </c>
      <c r="H35" s="191">
        <v>0</v>
      </c>
      <c r="I35" s="191">
        <v>0</v>
      </c>
      <c r="J35" s="191">
        <v>0</v>
      </c>
      <c r="K35" s="191">
        <v>0</v>
      </c>
      <c r="L35" s="196">
        <v>9</v>
      </c>
      <c r="M35" s="195">
        <v>9</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14</v>
      </c>
      <c r="H36" s="191">
        <v>12</v>
      </c>
      <c r="I36" s="191">
        <v>0</v>
      </c>
      <c r="J36" s="191">
        <v>0</v>
      </c>
      <c r="K36" s="191">
        <v>0</v>
      </c>
      <c r="L36" s="196">
        <v>26</v>
      </c>
      <c r="M36" s="195">
        <v>26</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0</v>
      </c>
      <c r="H37" s="191">
        <v>0</v>
      </c>
      <c r="I37" s="191">
        <v>0</v>
      </c>
      <c r="J37" s="191">
        <v>0</v>
      </c>
      <c r="K37" s="191">
        <v>0</v>
      </c>
      <c r="L37" s="196">
        <v>0</v>
      </c>
      <c r="M37" s="195">
        <v>0</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17</v>
      </c>
      <c r="H38" s="191">
        <v>8</v>
      </c>
      <c r="I38" s="191">
        <v>0</v>
      </c>
      <c r="J38" s="191">
        <v>9</v>
      </c>
      <c r="K38" s="191">
        <v>0</v>
      </c>
      <c r="L38" s="196">
        <v>34</v>
      </c>
      <c r="M38" s="195">
        <v>34</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0</v>
      </c>
      <c r="L39" s="203">
        <v>0</v>
      </c>
      <c r="M39" s="202">
        <v>0</v>
      </c>
      <c r="N39" s="198">
        <v>0</v>
      </c>
      <c r="O39" s="198">
        <v>0</v>
      </c>
      <c r="P39" s="203">
        <v>0</v>
      </c>
      <c r="Q39" s="200">
        <v>0</v>
      </c>
      <c r="R39" s="198">
        <v>0</v>
      </c>
      <c r="S39" s="198">
        <v>0</v>
      </c>
      <c r="T39" s="198">
        <v>0</v>
      </c>
      <c r="U39" s="198">
        <v>0</v>
      </c>
      <c r="V39" s="198">
        <v>0</v>
      </c>
      <c r="W39" s="203">
        <v>0</v>
      </c>
      <c r="X39" s="202">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1">
        <f>第１表!F2</f>
        <v>6</v>
      </c>
      <c r="I1" s="441"/>
      <c r="J1" s="18">
        <f>第１表!G2</f>
        <v>6</v>
      </c>
      <c r="K1" s="445">
        <f>IF(J1&lt;3,J1+12-2,J1-2)</f>
        <v>4</v>
      </c>
      <c r="L1" s="445"/>
    </row>
    <row r="2" spans="2:24" ht="24" customHeight="1" thickBot="1" x14ac:dyDescent="0.25">
      <c r="B2" s="142" t="s">
        <v>152</v>
      </c>
    </row>
    <row r="3" spans="2:24" ht="21" customHeight="1" x14ac:dyDescent="0.2">
      <c r="B3" s="471"/>
      <c r="C3" s="472" t="s">
        <v>139</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5503</v>
      </c>
      <c r="H6" s="184">
        <v>5136</v>
      </c>
      <c r="I6" s="184">
        <v>2838</v>
      </c>
      <c r="J6" s="184">
        <v>1137</v>
      </c>
      <c r="K6" s="184">
        <v>536</v>
      </c>
      <c r="L6" s="189">
        <v>15150</v>
      </c>
      <c r="M6" s="188">
        <v>15150</v>
      </c>
      <c r="N6" s="184">
        <v>4</v>
      </c>
      <c r="O6" s="184">
        <v>0</v>
      </c>
      <c r="P6" s="189">
        <v>4</v>
      </c>
      <c r="Q6" s="186">
        <v>0</v>
      </c>
      <c r="R6" s="184">
        <v>384</v>
      </c>
      <c r="S6" s="184">
        <v>580</v>
      </c>
      <c r="T6" s="184">
        <v>747</v>
      </c>
      <c r="U6" s="184">
        <v>174</v>
      </c>
      <c r="V6" s="184">
        <v>225</v>
      </c>
      <c r="W6" s="189">
        <v>2110</v>
      </c>
      <c r="X6" s="188">
        <v>2114</v>
      </c>
    </row>
    <row r="7" spans="2:24" ht="21" customHeight="1" x14ac:dyDescent="0.2">
      <c r="B7" s="95" t="s">
        <v>5</v>
      </c>
      <c r="C7" s="191">
        <v>0</v>
      </c>
      <c r="D7" s="191">
        <v>0</v>
      </c>
      <c r="E7" s="196">
        <v>0</v>
      </c>
      <c r="F7" s="193">
        <v>0</v>
      </c>
      <c r="G7" s="191">
        <v>2009</v>
      </c>
      <c r="H7" s="191">
        <v>2830</v>
      </c>
      <c r="I7" s="191">
        <v>1430</v>
      </c>
      <c r="J7" s="191">
        <v>495</v>
      </c>
      <c r="K7" s="191">
        <v>161</v>
      </c>
      <c r="L7" s="196">
        <v>6925</v>
      </c>
      <c r="M7" s="195">
        <v>6925</v>
      </c>
      <c r="N7" s="191">
        <v>4</v>
      </c>
      <c r="O7" s="191">
        <v>0</v>
      </c>
      <c r="P7" s="196">
        <v>4</v>
      </c>
      <c r="Q7" s="193">
        <v>0</v>
      </c>
      <c r="R7" s="191">
        <v>198</v>
      </c>
      <c r="S7" s="191">
        <v>265</v>
      </c>
      <c r="T7" s="191">
        <v>419</v>
      </c>
      <c r="U7" s="191">
        <v>98</v>
      </c>
      <c r="V7" s="191">
        <v>176</v>
      </c>
      <c r="W7" s="196">
        <v>1156</v>
      </c>
      <c r="X7" s="195">
        <v>1160</v>
      </c>
    </row>
    <row r="8" spans="2:24" ht="21" customHeight="1" x14ac:dyDescent="0.2">
      <c r="B8" s="106" t="s">
        <v>6</v>
      </c>
      <c r="C8" s="191">
        <v>0</v>
      </c>
      <c r="D8" s="191">
        <v>0</v>
      </c>
      <c r="E8" s="196">
        <v>0</v>
      </c>
      <c r="F8" s="193">
        <v>0</v>
      </c>
      <c r="G8" s="191">
        <v>962</v>
      </c>
      <c r="H8" s="191">
        <v>645</v>
      </c>
      <c r="I8" s="191">
        <v>380</v>
      </c>
      <c r="J8" s="191">
        <v>213</v>
      </c>
      <c r="K8" s="191">
        <v>161</v>
      </c>
      <c r="L8" s="196">
        <v>2361</v>
      </c>
      <c r="M8" s="195">
        <v>2361</v>
      </c>
      <c r="N8" s="191">
        <v>0</v>
      </c>
      <c r="O8" s="191">
        <v>0</v>
      </c>
      <c r="P8" s="196">
        <v>0</v>
      </c>
      <c r="Q8" s="193">
        <v>0</v>
      </c>
      <c r="R8" s="191">
        <v>89</v>
      </c>
      <c r="S8" s="191">
        <v>223</v>
      </c>
      <c r="T8" s="191">
        <v>215</v>
      </c>
      <c r="U8" s="191">
        <v>12</v>
      </c>
      <c r="V8" s="191">
        <v>49</v>
      </c>
      <c r="W8" s="196">
        <v>588</v>
      </c>
      <c r="X8" s="195">
        <v>588</v>
      </c>
    </row>
    <row r="9" spans="2:24" ht="21" customHeight="1" x14ac:dyDescent="0.2">
      <c r="B9" s="106" t="s">
        <v>14</v>
      </c>
      <c r="C9" s="191">
        <v>0</v>
      </c>
      <c r="D9" s="191">
        <v>0</v>
      </c>
      <c r="E9" s="196">
        <v>0</v>
      </c>
      <c r="F9" s="193">
        <v>0</v>
      </c>
      <c r="G9" s="191">
        <v>245</v>
      </c>
      <c r="H9" s="191">
        <v>413</v>
      </c>
      <c r="I9" s="191">
        <v>246</v>
      </c>
      <c r="J9" s="191">
        <v>83</v>
      </c>
      <c r="K9" s="191">
        <v>40</v>
      </c>
      <c r="L9" s="196">
        <v>1027</v>
      </c>
      <c r="M9" s="195">
        <v>1027</v>
      </c>
      <c r="N9" s="191">
        <v>0</v>
      </c>
      <c r="O9" s="191">
        <v>0</v>
      </c>
      <c r="P9" s="196">
        <v>0</v>
      </c>
      <c r="Q9" s="193">
        <v>0</v>
      </c>
      <c r="R9" s="191">
        <v>0</v>
      </c>
      <c r="S9" s="191">
        <v>11</v>
      </c>
      <c r="T9" s="191">
        <v>0</v>
      </c>
      <c r="U9" s="191">
        <v>2</v>
      </c>
      <c r="V9" s="191">
        <v>0</v>
      </c>
      <c r="W9" s="196">
        <v>13</v>
      </c>
      <c r="X9" s="195">
        <v>13</v>
      </c>
    </row>
    <row r="10" spans="2:24" ht="21" customHeight="1" x14ac:dyDescent="0.2">
      <c r="B10" s="106" t="s">
        <v>7</v>
      </c>
      <c r="C10" s="191">
        <v>0</v>
      </c>
      <c r="D10" s="191">
        <v>0</v>
      </c>
      <c r="E10" s="196">
        <v>0</v>
      </c>
      <c r="F10" s="193">
        <v>0</v>
      </c>
      <c r="G10" s="191">
        <v>285</v>
      </c>
      <c r="H10" s="191">
        <v>119</v>
      </c>
      <c r="I10" s="191">
        <v>83</v>
      </c>
      <c r="J10" s="191">
        <v>32</v>
      </c>
      <c r="K10" s="191">
        <v>13</v>
      </c>
      <c r="L10" s="196">
        <v>532</v>
      </c>
      <c r="M10" s="195">
        <v>532</v>
      </c>
      <c r="N10" s="191">
        <v>0</v>
      </c>
      <c r="O10" s="191">
        <v>0</v>
      </c>
      <c r="P10" s="196">
        <v>0</v>
      </c>
      <c r="Q10" s="193">
        <v>0</v>
      </c>
      <c r="R10" s="191">
        <v>12</v>
      </c>
      <c r="S10" s="191">
        <v>29</v>
      </c>
      <c r="T10" s="191">
        <v>45</v>
      </c>
      <c r="U10" s="191">
        <v>13</v>
      </c>
      <c r="V10" s="191">
        <v>0</v>
      </c>
      <c r="W10" s="196">
        <v>99</v>
      </c>
      <c r="X10" s="195">
        <v>99</v>
      </c>
    </row>
    <row r="11" spans="2:24" ht="21" customHeight="1" x14ac:dyDescent="0.2">
      <c r="B11" s="106" t="s">
        <v>8</v>
      </c>
      <c r="C11" s="191">
        <v>0</v>
      </c>
      <c r="D11" s="191">
        <v>0</v>
      </c>
      <c r="E11" s="196">
        <v>0</v>
      </c>
      <c r="F11" s="193">
        <v>0</v>
      </c>
      <c r="G11" s="191">
        <v>235</v>
      </c>
      <c r="H11" s="191">
        <v>130</v>
      </c>
      <c r="I11" s="191">
        <v>43</v>
      </c>
      <c r="J11" s="191">
        <v>9</v>
      </c>
      <c r="K11" s="191">
        <v>10</v>
      </c>
      <c r="L11" s="196">
        <v>427</v>
      </c>
      <c r="M11" s="195">
        <v>427</v>
      </c>
      <c r="N11" s="191">
        <v>0</v>
      </c>
      <c r="O11" s="191">
        <v>0</v>
      </c>
      <c r="P11" s="196">
        <v>0</v>
      </c>
      <c r="Q11" s="193">
        <v>0</v>
      </c>
      <c r="R11" s="191">
        <v>0</v>
      </c>
      <c r="S11" s="191">
        <v>0</v>
      </c>
      <c r="T11" s="191">
        <v>0</v>
      </c>
      <c r="U11" s="191">
        <v>2</v>
      </c>
      <c r="V11" s="191">
        <v>0</v>
      </c>
      <c r="W11" s="196">
        <v>2</v>
      </c>
      <c r="X11" s="195">
        <v>2</v>
      </c>
    </row>
    <row r="12" spans="2:24" ht="21" customHeight="1" x14ac:dyDescent="0.2">
      <c r="B12" s="106" t="s">
        <v>9</v>
      </c>
      <c r="C12" s="191">
        <v>0</v>
      </c>
      <c r="D12" s="191">
        <v>0</v>
      </c>
      <c r="E12" s="196">
        <v>0</v>
      </c>
      <c r="F12" s="193">
        <v>0</v>
      </c>
      <c r="G12" s="191">
        <v>243</v>
      </c>
      <c r="H12" s="191">
        <v>166</v>
      </c>
      <c r="I12" s="191">
        <v>174</v>
      </c>
      <c r="J12" s="191">
        <v>65</v>
      </c>
      <c r="K12" s="191">
        <v>20</v>
      </c>
      <c r="L12" s="196">
        <v>668</v>
      </c>
      <c r="M12" s="195">
        <v>668</v>
      </c>
      <c r="N12" s="191">
        <v>0</v>
      </c>
      <c r="O12" s="191">
        <v>0</v>
      </c>
      <c r="P12" s="196">
        <v>0</v>
      </c>
      <c r="Q12" s="193">
        <v>0</v>
      </c>
      <c r="R12" s="191">
        <v>0</v>
      </c>
      <c r="S12" s="191">
        <v>9</v>
      </c>
      <c r="T12" s="191">
        <v>0</v>
      </c>
      <c r="U12" s="191">
        <v>0</v>
      </c>
      <c r="V12" s="191">
        <v>0</v>
      </c>
      <c r="W12" s="196">
        <v>9</v>
      </c>
      <c r="X12" s="195">
        <v>9</v>
      </c>
    </row>
    <row r="13" spans="2:24" ht="21" customHeight="1" x14ac:dyDescent="0.2">
      <c r="B13" s="106" t="s">
        <v>10</v>
      </c>
      <c r="C13" s="191">
        <v>0</v>
      </c>
      <c r="D13" s="191">
        <v>0</v>
      </c>
      <c r="E13" s="196">
        <v>0</v>
      </c>
      <c r="F13" s="193">
        <v>0</v>
      </c>
      <c r="G13" s="191">
        <v>248</v>
      </c>
      <c r="H13" s="191">
        <v>109</v>
      </c>
      <c r="I13" s="191">
        <v>77</v>
      </c>
      <c r="J13" s="191">
        <v>41</v>
      </c>
      <c r="K13" s="191">
        <v>0</v>
      </c>
      <c r="L13" s="196">
        <v>475</v>
      </c>
      <c r="M13" s="195">
        <v>475</v>
      </c>
      <c r="N13" s="191">
        <v>0</v>
      </c>
      <c r="O13" s="191">
        <v>0</v>
      </c>
      <c r="P13" s="196">
        <v>0</v>
      </c>
      <c r="Q13" s="193">
        <v>0</v>
      </c>
      <c r="R13" s="191">
        <v>14</v>
      </c>
      <c r="S13" s="191">
        <v>0</v>
      </c>
      <c r="T13" s="191">
        <v>18</v>
      </c>
      <c r="U13" s="191">
        <v>19</v>
      </c>
      <c r="V13" s="191">
        <v>0</v>
      </c>
      <c r="W13" s="196">
        <v>51</v>
      </c>
      <c r="X13" s="195">
        <v>51</v>
      </c>
    </row>
    <row r="14" spans="2:24" ht="21" customHeight="1" x14ac:dyDescent="0.2">
      <c r="B14" s="106" t="s">
        <v>11</v>
      </c>
      <c r="C14" s="191">
        <v>0</v>
      </c>
      <c r="D14" s="191">
        <v>0</v>
      </c>
      <c r="E14" s="196">
        <v>0</v>
      </c>
      <c r="F14" s="193">
        <v>0</v>
      </c>
      <c r="G14" s="191">
        <v>230</v>
      </c>
      <c r="H14" s="191">
        <v>64</v>
      </c>
      <c r="I14" s="191">
        <v>13</v>
      </c>
      <c r="J14" s="191">
        <v>32</v>
      </c>
      <c r="K14" s="191">
        <v>21</v>
      </c>
      <c r="L14" s="196">
        <v>360</v>
      </c>
      <c r="M14" s="195">
        <v>360</v>
      </c>
      <c r="N14" s="191">
        <v>0</v>
      </c>
      <c r="O14" s="191">
        <v>0</v>
      </c>
      <c r="P14" s="196">
        <v>0</v>
      </c>
      <c r="Q14" s="193">
        <v>0</v>
      </c>
      <c r="R14" s="191">
        <v>26</v>
      </c>
      <c r="S14" s="191">
        <v>0</v>
      </c>
      <c r="T14" s="191">
        <v>0</v>
      </c>
      <c r="U14" s="191">
        <v>0</v>
      </c>
      <c r="V14" s="191">
        <v>0</v>
      </c>
      <c r="W14" s="196">
        <v>26</v>
      </c>
      <c r="X14" s="195">
        <v>26</v>
      </c>
    </row>
    <row r="15" spans="2:24" ht="21" customHeight="1" x14ac:dyDescent="0.2">
      <c r="B15" s="106" t="s">
        <v>12</v>
      </c>
      <c r="C15" s="191">
        <v>0</v>
      </c>
      <c r="D15" s="191">
        <v>0</v>
      </c>
      <c r="E15" s="196">
        <v>0</v>
      </c>
      <c r="F15" s="193">
        <v>0</v>
      </c>
      <c r="G15" s="191">
        <v>135</v>
      </c>
      <c r="H15" s="191">
        <v>97</v>
      </c>
      <c r="I15" s="191">
        <v>48</v>
      </c>
      <c r="J15" s="191">
        <v>22</v>
      </c>
      <c r="K15" s="191">
        <v>34</v>
      </c>
      <c r="L15" s="196">
        <v>336</v>
      </c>
      <c r="M15" s="195">
        <v>336</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53</v>
      </c>
      <c r="H16" s="191">
        <v>68</v>
      </c>
      <c r="I16" s="191">
        <v>85</v>
      </c>
      <c r="J16" s="191">
        <v>13</v>
      </c>
      <c r="K16" s="191">
        <v>32</v>
      </c>
      <c r="L16" s="196">
        <v>251</v>
      </c>
      <c r="M16" s="195">
        <v>251</v>
      </c>
      <c r="N16" s="191">
        <v>0</v>
      </c>
      <c r="O16" s="191">
        <v>0</v>
      </c>
      <c r="P16" s="196">
        <v>0</v>
      </c>
      <c r="Q16" s="193">
        <v>0</v>
      </c>
      <c r="R16" s="191">
        <v>0</v>
      </c>
      <c r="S16" s="191">
        <v>13</v>
      </c>
      <c r="T16" s="191">
        <v>0</v>
      </c>
      <c r="U16" s="191">
        <v>0</v>
      </c>
      <c r="V16" s="191">
        <v>0</v>
      </c>
      <c r="W16" s="196">
        <v>13</v>
      </c>
      <c r="X16" s="195">
        <v>13</v>
      </c>
    </row>
    <row r="17" spans="2:24" ht="21" customHeight="1" x14ac:dyDescent="0.2">
      <c r="B17" s="106" t="s">
        <v>15</v>
      </c>
      <c r="C17" s="191">
        <v>0</v>
      </c>
      <c r="D17" s="191">
        <v>0</v>
      </c>
      <c r="E17" s="196">
        <v>0</v>
      </c>
      <c r="F17" s="193">
        <v>0</v>
      </c>
      <c r="G17" s="191">
        <v>60</v>
      </c>
      <c r="H17" s="191">
        <v>40</v>
      </c>
      <c r="I17" s="191">
        <v>4</v>
      </c>
      <c r="J17" s="191">
        <v>17</v>
      </c>
      <c r="K17" s="191">
        <v>15</v>
      </c>
      <c r="L17" s="196">
        <v>136</v>
      </c>
      <c r="M17" s="195">
        <v>136</v>
      </c>
      <c r="N17" s="191">
        <v>0</v>
      </c>
      <c r="O17" s="191">
        <v>0</v>
      </c>
      <c r="P17" s="196">
        <v>0</v>
      </c>
      <c r="Q17" s="193">
        <v>0</v>
      </c>
      <c r="R17" s="191">
        <v>0</v>
      </c>
      <c r="S17" s="191">
        <v>0</v>
      </c>
      <c r="T17" s="191">
        <v>0</v>
      </c>
      <c r="U17" s="191">
        <v>0</v>
      </c>
      <c r="V17" s="191">
        <v>0</v>
      </c>
      <c r="W17" s="196">
        <v>0</v>
      </c>
      <c r="X17" s="195">
        <v>0</v>
      </c>
    </row>
    <row r="18" spans="2:24" ht="21" customHeight="1" x14ac:dyDescent="0.2">
      <c r="B18" s="106" t="s">
        <v>16</v>
      </c>
      <c r="C18" s="191">
        <v>0</v>
      </c>
      <c r="D18" s="191">
        <v>0</v>
      </c>
      <c r="E18" s="196">
        <v>0</v>
      </c>
      <c r="F18" s="193">
        <v>0</v>
      </c>
      <c r="G18" s="191">
        <v>61</v>
      </c>
      <c r="H18" s="191">
        <v>58</v>
      </c>
      <c r="I18" s="191">
        <v>56</v>
      </c>
      <c r="J18" s="191">
        <v>4</v>
      </c>
      <c r="K18" s="191">
        <v>0</v>
      </c>
      <c r="L18" s="196">
        <v>179</v>
      </c>
      <c r="M18" s="195">
        <v>179</v>
      </c>
      <c r="N18" s="191">
        <v>0</v>
      </c>
      <c r="O18" s="191">
        <v>0</v>
      </c>
      <c r="P18" s="196">
        <v>0</v>
      </c>
      <c r="Q18" s="193">
        <v>0</v>
      </c>
      <c r="R18" s="191">
        <v>4</v>
      </c>
      <c r="S18" s="191">
        <v>14</v>
      </c>
      <c r="T18" s="191">
        <v>9</v>
      </c>
      <c r="U18" s="191">
        <v>0</v>
      </c>
      <c r="V18" s="191">
        <v>0</v>
      </c>
      <c r="W18" s="196">
        <v>27</v>
      </c>
      <c r="X18" s="195">
        <v>27</v>
      </c>
    </row>
    <row r="19" spans="2:24" ht="21" customHeight="1" x14ac:dyDescent="0.2">
      <c r="B19" s="106" t="s">
        <v>17</v>
      </c>
      <c r="C19" s="191">
        <v>0</v>
      </c>
      <c r="D19" s="191">
        <v>0</v>
      </c>
      <c r="E19" s="196">
        <v>0</v>
      </c>
      <c r="F19" s="193">
        <v>0</v>
      </c>
      <c r="G19" s="191">
        <v>181</v>
      </c>
      <c r="H19" s="191">
        <v>101</v>
      </c>
      <c r="I19" s="191">
        <v>71</v>
      </c>
      <c r="J19" s="191">
        <v>13</v>
      </c>
      <c r="K19" s="191">
        <v>9</v>
      </c>
      <c r="L19" s="196">
        <v>375</v>
      </c>
      <c r="M19" s="195">
        <v>375</v>
      </c>
      <c r="N19" s="191">
        <v>0</v>
      </c>
      <c r="O19" s="191">
        <v>0</v>
      </c>
      <c r="P19" s="196">
        <v>0</v>
      </c>
      <c r="Q19" s="193">
        <v>0</v>
      </c>
      <c r="R19" s="191">
        <v>17</v>
      </c>
      <c r="S19" s="191">
        <v>0</v>
      </c>
      <c r="T19" s="191">
        <v>0</v>
      </c>
      <c r="U19" s="191">
        <v>0</v>
      </c>
      <c r="V19" s="191">
        <v>0</v>
      </c>
      <c r="W19" s="196">
        <v>17</v>
      </c>
      <c r="X19" s="195">
        <v>17</v>
      </c>
    </row>
    <row r="20" spans="2:24" ht="21" customHeight="1" x14ac:dyDescent="0.2">
      <c r="B20" s="106" t="s">
        <v>18</v>
      </c>
      <c r="C20" s="191">
        <v>0</v>
      </c>
      <c r="D20" s="191">
        <v>0</v>
      </c>
      <c r="E20" s="196">
        <v>0</v>
      </c>
      <c r="F20" s="193">
        <v>0</v>
      </c>
      <c r="G20" s="191">
        <v>125</v>
      </c>
      <c r="H20" s="191">
        <v>46</v>
      </c>
      <c r="I20" s="191">
        <v>67</v>
      </c>
      <c r="J20" s="191">
        <v>20</v>
      </c>
      <c r="K20" s="191">
        <v>0</v>
      </c>
      <c r="L20" s="196">
        <v>258</v>
      </c>
      <c r="M20" s="195">
        <v>258</v>
      </c>
      <c r="N20" s="191">
        <v>0</v>
      </c>
      <c r="O20" s="191">
        <v>0</v>
      </c>
      <c r="P20" s="196">
        <v>0</v>
      </c>
      <c r="Q20" s="193">
        <v>0</v>
      </c>
      <c r="R20" s="191">
        <v>0</v>
      </c>
      <c r="S20" s="191">
        <v>0</v>
      </c>
      <c r="T20" s="191">
        <v>16</v>
      </c>
      <c r="U20" s="191">
        <v>25</v>
      </c>
      <c r="V20" s="191">
        <v>0</v>
      </c>
      <c r="W20" s="196">
        <v>41</v>
      </c>
      <c r="X20" s="195">
        <v>41</v>
      </c>
    </row>
    <row r="21" spans="2:24" ht="21" customHeight="1" x14ac:dyDescent="0.2">
      <c r="B21" s="106" t="s">
        <v>19</v>
      </c>
      <c r="C21" s="191">
        <v>0</v>
      </c>
      <c r="D21" s="191">
        <v>0</v>
      </c>
      <c r="E21" s="196">
        <v>0</v>
      </c>
      <c r="F21" s="193">
        <v>0</v>
      </c>
      <c r="G21" s="191">
        <v>65</v>
      </c>
      <c r="H21" s="191">
        <v>57</v>
      </c>
      <c r="I21" s="191">
        <v>8</v>
      </c>
      <c r="J21" s="191">
        <v>18</v>
      </c>
      <c r="K21" s="191">
        <v>0</v>
      </c>
      <c r="L21" s="196">
        <v>148</v>
      </c>
      <c r="M21" s="195">
        <v>148</v>
      </c>
      <c r="N21" s="191">
        <v>0</v>
      </c>
      <c r="O21" s="191">
        <v>0</v>
      </c>
      <c r="P21" s="196">
        <v>0</v>
      </c>
      <c r="Q21" s="193">
        <v>0</v>
      </c>
      <c r="R21" s="191">
        <v>13</v>
      </c>
      <c r="S21" s="191">
        <v>8</v>
      </c>
      <c r="T21" s="191">
        <v>4</v>
      </c>
      <c r="U21" s="191">
        <v>3</v>
      </c>
      <c r="V21" s="191">
        <v>0</v>
      </c>
      <c r="W21" s="196">
        <v>28</v>
      </c>
      <c r="X21" s="195">
        <v>28</v>
      </c>
    </row>
    <row r="22" spans="2:24" ht="21" customHeight="1" x14ac:dyDescent="0.2">
      <c r="B22" s="106" t="s">
        <v>20</v>
      </c>
      <c r="C22" s="191">
        <v>0</v>
      </c>
      <c r="D22" s="191">
        <v>0</v>
      </c>
      <c r="E22" s="196">
        <v>0</v>
      </c>
      <c r="F22" s="193">
        <v>0</v>
      </c>
      <c r="G22" s="191">
        <v>41</v>
      </c>
      <c r="H22" s="191">
        <v>39</v>
      </c>
      <c r="I22" s="191">
        <v>10</v>
      </c>
      <c r="J22" s="191">
        <v>0</v>
      </c>
      <c r="K22" s="191">
        <v>0</v>
      </c>
      <c r="L22" s="196">
        <v>90</v>
      </c>
      <c r="M22" s="195">
        <v>90</v>
      </c>
      <c r="N22" s="191">
        <v>0</v>
      </c>
      <c r="O22" s="191">
        <v>0</v>
      </c>
      <c r="P22" s="196">
        <v>0</v>
      </c>
      <c r="Q22" s="193">
        <v>0</v>
      </c>
      <c r="R22" s="191">
        <v>0</v>
      </c>
      <c r="S22" s="191">
        <v>0</v>
      </c>
      <c r="T22" s="191">
        <v>8</v>
      </c>
      <c r="U22" s="191">
        <v>0</v>
      </c>
      <c r="V22" s="191">
        <v>0</v>
      </c>
      <c r="W22" s="196">
        <v>8</v>
      </c>
      <c r="X22" s="195">
        <v>8</v>
      </c>
    </row>
    <row r="23" spans="2:24" ht="21" customHeight="1" x14ac:dyDescent="0.2">
      <c r="B23" s="106" t="s">
        <v>21</v>
      </c>
      <c r="C23" s="191">
        <v>0</v>
      </c>
      <c r="D23" s="191">
        <v>0</v>
      </c>
      <c r="E23" s="196">
        <v>0</v>
      </c>
      <c r="F23" s="193">
        <v>0</v>
      </c>
      <c r="G23" s="191">
        <v>89</v>
      </c>
      <c r="H23" s="191">
        <v>15</v>
      </c>
      <c r="I23" s="191">
        <v>10</v>
      </c>
      <c r="J23" s="191">
        <v>5</v>
      </c>
      <c r="K23" s="191">
        <v>0</v>
      </c>
      <c r="L23" s="196">
        <v>119</v>
      </c>
      <c r="M23" s="195">
        <v>119</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57</v>
      </c>
      <c r="H24" s="191">
        <v>44</v>
      </c>
      <c r="I24" s="191">
        <v>0</v>
      </c>
      <c r="J24" s="191">
        <v>7</v>
      </c>
      <c r="K24" s="191">
        <v>0</v>
      </c>
      <c r="L24" s="196">
        <v>108</v>
      </c>
      <c r="M24" s="195">
        <v>108</v>
      </c>
      <c r="N24" s="191">
        <v>0</v>
      </c>
      <c r="O24" s="191">
        <v>0</v>
      </c>
      <c r="P24" s="196">
        <v>0</v>
      </c>
      <c r="Q24" s="193">
        <v>0</v>
      </c>
      <c r="R24" s="191">
        <v>0</v>
      </c>
      <c r="S24" s="191">
        <v>0</v>
      </c>
      <c r="T24" s="191">
        <v>0</v>
      </c>
      <c r="U24" s="191">
        <v>0</v>
      </c>
      <c r="V24" s="191">
        <v>0</v>
      </c>
      <c r="W24" s="196">
        <v>0</v>
      </c>
      <c r="X24" s="195">
        <v>0</v>
      </c>
    </row>
    <row r="25" spans="2:24" ht="21" customHeight="1" x14ac:dyDescent="0.2">
      <c r="B25" s="106" t="s">
        <v>23</v>
      </c>
      <c r="C25" s="191">
        <v>0</v>
      </c>
      <c r="D25" s="191">
        <v>0</v>
      </c>
      <c r="E25" s="196">
        <v>0</v>
      </c>
      <c r="F25" s="193">
        <v>0</v>
      </c>
      <c r="G25" s="191">
        <v>7</v>
      </c>
      <c r="H25" s="191">
        <v>25</v>
      </c>
      <c r="I25" s="191">
        <v>0</v>
      </c>
      <c r="J25" s="191">
        <v>0</v>
      </c>
      <c r="K25" s="191">
        <v>0</v>
      </c>
      <c r="L25" s="196">
        <v>32</v>
      </c>
      <c r="M25" s="195">
        <v>32</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0</v>
      </c>
      <c r="H26" s="191">
        <v>8</v>
      </c>
      <c r="I26" s="191">
        <v>0</v>
      </c>
      <c r="J26" s="191">
        <v>18</v>
      </c>
      <c r="K26" s="191">
        <v>0</v>
      </c>
      <c r="L26" s="196">
        <v>26</v>
      </c>
      <c r="M26" s="195">
        <v>26</v>
      </c>
      <c r="N26" s="191">
        <v>0</v>
      </c>
      <c r="O26" s="191">
        <v>0</v>
      </c>
      <c r="P26" s="196">
        <v>0</v>
      </c>
      <c r="Q26" s="193">
        <v>0</v>
      </c>
      <c r="R26" s="191">
        <v>0</v>
      </c>
      <c r="S26" s="191">
        <v>0</v>
      </c>
      <c r="T26" s="191">
        <v>0</v>
      </c>
      <c r="U26" s="191">
        <v>0</v>
      </c>
      <c r="V26" s="191">
        <v>0</v>
      </c>
      <c r="W26" s="196">
        <v>0</v>
      </c>
      <c r="X26" s="195">
        <v>0</v>
      </c>
    </row>
    <row r="27" spans="2:24" ht="21" customHeight="1" x14ac:dyDescent="0.2">
      <c r="B27" s="106" t="s">
        <v>25</v>
      </c>
      <c r="C27" s="191">
        <v>0</v>
      </c>
      <c r="D27" s="191">
        <v>0</v>
      </c>
      <c r="E27" s="196">
        <v>0</v>
      </c>
      <c r="F27" s="193">
        <v>0</v>
      </c>
      <c r="G27" s="191">
        <v>27</v>
      </c>
      <c r="H27" s="191">
        <v>12</v>
      </c>
      <c r="I27" s="191">
        <v>0</v>
      </c>
      <c r="J27" s="191">
        <v>0</v>
      </c>
      <c r="K27" s="191">
        <v>0</v>
      </c>
      <c r="L27" s="196">
        <v>39</v>
      </c>
      <c r="M27" s="195">
        <v>39</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6</v>
      </c>
      <c r="H28" s="191">
        <v>15</v>
      </c>
      <c r="I28" s="191">
        <v>18</v>
      </c>
      <c r="J28" s="191">
        <v>0</v>
      </c>
      <c r="K28" s="191">
        <v>5</v>
      </c>
      <c r="L28" s="196">
        <v>44</v>
      </c>
      <c r="M28" s="195">
        <v>44</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30</v>
      </c>
      <c r="H29" s="191">
        <v>13</v>
      </c>
      <c r="I29" s="191">
        <v>4</v>
      </c>
      <c r="J29" s="191">
        <v>0</v>
      </c>
      <c r="K29" s="191">
        <v>0</v>
      </c>
      <c r="L29" s="196">
        <v>47</v>
      </c>
      <c r="M29" s="195">
        <v>47</v>
      </c>
      <c r="N29" s="191">
        <v>0</v>
      </c>
      <c r="O29" s="191">
        <v>0</v>
      </c>
      <c r="P29" s="196">
        <v>0</v>
      </c>
      <c r="Q29" s="193">
        <v>0</v>
      </c>
      <c r="R29" s="191">
        <v>0</v>
      </c>
      <c r="S29" s="191">
        <v>4</v>
      </c>
      <c r="T29" s="191">
        <v>9</v>
      </c>
      <c r="U29" s="191">
        <v>0</v>
      </c>
      <c r="V29" s="191">
        <v>0</v>
      </c>
      <c r="W29" s="196">
        <v>13</v>
      </c>
      <c r="X29" s="195">
        <v>13</v>
      </c>
    </row>
    <row r="30" spans="2:24" ht="21" customHeight="1" x14ac:dyDescent="0.2">
      <c r="B30" s="106" t="s">
        <v>28</v>
      </c>
      <c r="C30" s="191">
        <v>0</v>
      </c>
      <c r="D30" s="191">
        <v>0</v>
      </c>
      <c r="E30" s="196">
        <v>0</v>
      </c>
      <c r="F30" s="193">
        <v>0</v>
      </c>
      <c r="G30" s="191">
        <v>47</v>
      </c>
      <c r="H30" s="191">
        <v>7</v>
      </c>
      <c r="I30" s="191">
        <v>0</v>
      </c>
      <c r="J30" s="191">
        <v>0</v>
      </c>
      <c r="K30" s="191">
        <v>0</v>
      </c>
      <c r="L30" s="196">
        <v>54</v>
      </c>
      <c r="M30" s="195">
        <v>54</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9</v>
      </c>
      <c r="H31" s="191">
        <v>0</v>
      </c>
      <c r="I31" s="191">
        <v>11</v>
      </c>
      <c r="J31" s="191">
        <v>2</v>
      </c>
      <c r="K31" s="191">
        <v>0</v>
      </c>
      <c r="L31" s="196">
        <v>22</v>
      </c>
      <c r="M31" s="195">
        <v>22</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0</v>
      </c>
      <c r="H32" s="191">
        <v>0</v>
      </c>
      <c r="I32" s="191">
        <v>0</v>
      </c>
      <c r="J32" s="191">
        <v>16</v>
      </c>
      <c r="K32" s="191">
        <v>0</v>
      </c>
      <c r="L32" s="196">
        <v>16</v>
      </c>
      <c r="M32" s="195">
        <v>16</v>
      </c>
      <c r="N32" s="191">
        <v>0</v>
      </c>
      <c r="O32" s="191">
        <v>0</v>
      </c>
      <c r="P32" s="196">
        <v>0</v>
      </c>
      <c r="Q32" s="193">
        <v>0</v>
      </c>
      <c r="R32" s="191">
        <v>0</v>
      </c>
      <c r="S32" s="191">
        <v>4</v>
      </c>
      <c r="T32" s="191">
        <v>0</v>
      </c>
      <c r="U32" s="191">
        <v>0</v>
      </c>
      <c r="V32" s="191">
        <v>0</v>
      </c>
      <c r="W32" s="196">
        <v>4</v>
      </c>
      <c r="X32" s="195">
        <v>4</v>
      </c>
    </row>
    <row r="33" spans="2:24" ht="21" customHeight="1" x14ac:dyDescent="0.2">
      <c r="B33" s="106" t="s">
        <v>31</v>
      </c>
      <c r="C33" s="191">
        <v>0</v>
      </c>
      <c r="D33" s="191">
        <v>0</v>
      </c>
      <c r="E33" s="196">
        <v>0</v>
      </c>
      <c r="F33" s="193">
        <v>0</v>
      </c>
      <c r="G33" s="191">
        <v>9</v>
      </c>
      <c r="H33" s="191">
        <v>3</v>
      </c>
      <c r="I33" s="191">
        <v>0</v>
      </c>
      <c r="J33" s="191">
        <v>0</v>
      </c>
      <c r="K33" s="191">
        <v>0</v>
      </c>
      <c r="L33" s="196">
        <v>12</v>
      </c>
      <c r="M33" s="195">
        <v>12</v>
      </c>
      <c r="N33" s="191">
        <v>0</v>
      </c>
      <c r="O33" s="191">
        <v>0</v>
      </c>
      <c r="P33" s="196">
        <v>0</v>
      </c>
      <c r="Q33" s="193">
        <v>0</v>
      </c>
      <c r="R33" s="191">
        <v>0</v>
      </c>
      <c r="S33" s="191">
        <v>0</v>
      </c>
      <c r="T33" s="191">
        <v>0</v>
      </c>
      <c r="U33" s="191">
        <v>0</v>
      </c>
      <c r="V33" s="191">
        <v>0</v>
      </c>
      <c r="W33" s="196">
        <v>0</v>
      </c>
      <c r="X33" s="195">
        <v>0</v>
      </c>
    </row>
    <row r="34" spans="2:24" ht="21" customHeight="1" x14ac:dyDescent="0.2">
      <c r="B34" s="106" t="s">
        <v>32</v>
      </c>
      <c r="C34" s="191">
        <v>0</v>
      </c>
      <c r="D34" s="191">
        <v>0</v>
      </c>
      <c r="E34" s="196">
        <v>0</v>
      </c>
      <c r="F34" s="193">
        <v>0</v>
      </c>
      <c r="G34" s="191">
        <v>25</v>
      </c>
      <c r="H34" s="191">
        <v>8</v>
      </c>
      <c r="I34" s="191">
        <v>0</v>
      </c>
      <c r="J34" s="191">
        <v>0</v>
      </c>
      <c r="K34" s="191">
        <v>0</v>
      </c>
      <c r="L34" s="196">
        <v>33</v>
      </c>
      <c r="M34" s="195">
        <v>33</v>
      </c>
      <c r="N34" s="191">
        <v>0</v>
      </c>
      <c r="O34" s="191">
        <v>0</v>
      </c>
      <c r="P34" s="196">
        <v>0</v>
      </c>
      <c r="Q34" s="193">
        <v>0</v>
      </c>
      <c r="R34" s="191">
        <v>11</v>
      </c>
      <c r="S34" s="191">
        <v>0</v>
      </c>
      <c r="T34" s="191">
        <v>4</v>
      </c>
      <c r="U34" s="191">
        <v>0</v>
      </c>
      <c r="V34" s="191">
        <v>0</v>
      </c>
      <c r="W34" s="196">
        <v>15</v>
      </c>
      <c r="X34" s="195">
        <v>15</v>
      </c>
    </row>
    <row r="35" spans="2:24" ht="21" customHeight="1" x14ac:dyDescent="0.2">
      <c r="B35" s="106" t="s">
        <v>33</v>
      </c>
      <c r="C35" s="191">
        <v>0</v>
      </c>
      <c r="D35" s="191">
        <v>0</v>
      </c>
      <c r="E35" s="196">
        <v>0</v>
      </c>
      <c r="F35" s="193">
        <v>0</v>
      </c>
      <c r="G35" s="191">
        <v>0</v>
      </c>
      <c r="H35" s="191">
        <v>0</v>
      </c>
      <c r="I35" s="191">
        <v>0</v>
      </c>
      <c r="J35" s="191">
        <v>12</v>
      </c>
      <c r="K35" s="191">
        <v>0</v>
      </c>
      <c r="L35" s="196">
        <v>12</v>
      </c>
      <c r="M35" s="195">
        <v>12</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0</v>
      </c>
      <c r="H36" s="191">
        <v>0</v>
      </c>
      <c r="I36" s="191">
        <v>0</v>
      </c>
      <c r="J36" s="191">
        <v>0</v>
      </c>
      <c r="K36" s="191">
        <v>0</v>
      </c>
      <c r="L36" s="196">
        <v>0</v>
      </c>
      <c r="M36" s="195">
        <v>0</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9</v>
      </c>
      <c r="H37" s="191">
        <v>0</v>
      </c>
      <c r="I37" s="191">
        <v>0</v>
      </c>
      <c r="J37" s="191">
        <v>0</v>
      </c>
      <c r="K37" s="191">
        <v>0</v>
      </c>
      <c r="L37" s="196">
        <v>9</v>
      </c>
      <c r="M37" s="195">
        <v>9</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10</v>
      </c>
      <c r="H38" s="191">
        <v>4</v>
      </c>
      <c r="I38" s="191">
        <v>0</v>
      </c>
      <c r="J38" s="191">
        <v>0</v>
      </c>
      <c r="K38" s="191">
        <v>0</v>
      </c>
      <c r="L38" s="196">
        <v>14</v>
      </c>
      <c r="M38" s="195">
        <v>14</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15</v>
      </c>
      <c r="L39" s="203">
        <v>15</v>
      </c>
      <c r="M39" s="202">
        <v>15</v>
      </c>
      <c r="N39" s="198">
        <v>0</v>
      </c>
      <c r="O39" s="198">
        <v>0</v>
      </c>
      <c r="P39" s="203">
        <v>0</v>
      </c>
      <c r="Q39" s="200">
        <v>0</v>
      </c>
      <c r="R39" s="198">
        <v>0</v>
      </c>
      <c r="S39" s="198">
        <v>0</v>
      </c>
      <c r="T39" s="198">
        <v>0</v>
      </c>
      <c r="U39" s="198">
        <v>0</v>
      </c>
      <c r="V39" s="198">
        <v>0</v>
      </c>
      <c r="W39" s="203">
        <v>0</v>
      </c>
      <c r="X39" s="202">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9" style="71" customWidth="1"/>
    <col min="4" max="4" width="8.109375" style="71" customWidth="1"/>
    <col min="5" max="5" width="10.109375" style="71" bestFit="1" customWidth="1"/>
    <col min="6" max="6" width="9" style="71"/>
    <col min="7" max="8" width="9" style="71" customWidth="1"/>
    <col min="9" max="9" width="9" style="71"/>
    <col min="10" max="10" width="9.6640625" style="71" bestFit="1" customWidth="1"/>
    <col min="11" max="11" width="9" style="71"/>
    <col min="12" max="12" width="9.6640625" style="71" customWidth="1"/>
    <col min="13" max="15" width="8.109375" style="71" customWidth="1"/>
    <col min="16" max="21" width="9.21875" style="71" customWidth="1"/>
    <col min="22" max="22" width="7.77734375" style="71" customWidth="1"/>
    <col min="23" max="25" width="8.33203125" style="71" customWidth="1"/>
    <col min="26" max="30" width="8.44140625" style="71" customWidth="1"/>
    <col min="31" max="32" width="7.109375" style="71" customWidth="1"/>
    <col min="33" max="42" width="8.77734375" style="71" customWidth="1"/>
    <col min="43" max="52" width="8.44140625" style="71" customWidth="1"/>
    <col min="53" max="132" width="9.6640625" style="71" customWidth="1"/>
    <col min="133" max="16384" width="9" style="71"/>
  </cols>
  <sheetData>
    <row r="1" spans="2:133" ht="24" customHeight="1" x14ac:dyDescent="0.2">
      <c r="B1" s="10" t="s">
        <v>56</v>
      </c>
      <c r="F1" s="441">
        <f>第１表!F2</f>
        <v>6</v>
      </c>
      <c r="G1" s="441"/>
      <c r="H1" s="18">
        <f>第１表!G2</f>
        <v>6</v>
      </c>
      <c r="I1" s="445">
        <f>IF(H1&lt;3,H1-2+12,H1-2)</f>
        <v>4</v>
      </c>
      <c r="J1" s="445"/>
    </row>
    <row r="2" spans="2:133" ht="24" customHeight="1" thickBot="1" x14ac:dyDescent="0.25"/>
    <row r="3" spans="2:133" ht="21" customHeight="1" thickBot="1" x14ac:dyDescent="0.25">
      <c r="B3" s="522"/>
      <c r="C3" s="519" t="s">
        <v>57</v>
      </c>
      <c r="D3" s="520"/>
      <c r="E3" s="520"/>
      <c r="F3" s="520"/>
      <c r="G3" s="520"/>
      <c r="H3" s="520"/>
      <c r="I3" s="520"/>
      <c r="J3" s="520"/>
      <c r="K3" s="520"/>
      <c r="L3" s="520"/>
      <c r="M3" s="520"/>
      <c r="N3" s="520"/>
      <c r="O3" s="520"/>
      <c r="P3" s="520"/>
      <c r="Q3" s="520"/>
      <c r="R3" s="520"/>
      <c r="S3" s="520"/>
      <c r="T3" s="520"/>
      <c r="U3" s="520"/>
      <c r="V3" s="520"/>
      <c r="W3" s="520"/>
      <c r="X3" s="520"/>
      <c r="Y3" s="520"/>
      <c r="Z3" s="520"/>
      <c r="AA3" s="520"/>
      <c r="AB3" s="520"/>
      <c r="AC3" s="520"/>
      <c r="AD3" s="520"/>
      <c r="AE3" s="520"/>
      <c r="AF3" s="521"/>
      <c r="AG3" s="519" t="s">
        <v>58</v>
      </c>
      <c r="AH3" s="525"/>
      <c r="AI3" s="525"/>
      <c r="AJ3" s="525"/>
      <c r="AK3" s="525"/>
      <c r="AL3" s="525"/>
      <c r="AM3" s="525"/>
      <c r="AN3" s="525"/>
      <c r="AO3" s="525"/>
      <c r="AP3" s="525"/>
      <c r="AQ3" s="525"/>
      <c r="AR3" s="525"/>
      <c r="AS3" s="525"/>
      <c r="AT3" s="525"/>
      <c r="AU3" s="525"/>
      <c r="AV3" s="525"/>
      <c r="AW3" s="525"/>
      <c r="AX3" s="525"/>
      <c r="AY3" s="525"/>
      <c r="AZ3" s="525"/>
      <c r="BA3" s="525"/>
      <c r="BB3" s="525"/>
      <c r="BC3" s="525"/>
      <c r="BD3" s="525"/>
      <c r="BE3" s="525"/>
      <c r="BF3" s="525"/>
      <c r="BG3" s="525"/>
      <c r="BH3" s="525"/>
      <c r="BI3" s="525"/>
      <c r="BJ3" s="526"/>
      <c r="BK3" s="519" t="s">
        <v>59</v>
      </c>
      <c r="BL3" s="520"/>
      <c r="BM3" s="520"/>
      <c r="BN3" s="520"/>
      <c r="BO3" s="520"/>
      <c r="BP3" s="520"/>
      <c r="BQ3" s="520"/>
      <c r="BR3" s="520"/>
      <c r="BS3" s="520"/>
      <c r="BT3" s="520"/>
      <c r="BU3" s="520"/>
      <c r="BV3" s="520"/>
      <c r="BW3" s="520"/>
      <c r="BX3" s="520"/>
      <c r="BY3" s="520"/>
      <c r="BZ3" s="520"/>
      <c r="CA3" s="520"/>
      <c r="CB3" s="520"/>
      <c r="CC3" s="520"/>
      <c r="CD3" s="520"/>
      <c r="CE3" s="520"/>
      <c r="CF3" s="520"/>
      <c r="CG3" s="520"/>
      <c r="CH3" s="520"/>
      <c r="CI3" s="520"/>
      <c r="CJ3" s="520"/>
      <c r="CK3" s="520"/>
      <c r="CL3" s="520"/>
      <c r="CM3" s="520"/>
      <c r="CN3" s="521"/>
      <c r="CO3" s="519" t="s">
        <v>148</v>
      </c>
      <c r="CP3" s="520"/>
      <c r="CQ3" s="520"/>
      <c r="CR3" s="520"/>
      <c r="CS3" s="520"/>
      <c r="CT3" s="520"/>
      <c r="CU3" s="520"/>
      <c r="CV3" s="520"/>
      <c r="CW3" s="520"/>
      <c r="CX3" s="520"/>
      <c r="CY3" s="520"/>
      <c r="CZ3" s="520"/>
      <c r="DA3" s="520"/>
      <c r="DB3" s="520"/>
      <c r="DC3" s="520"/>
      <c r="DD3" s="520"/>
      <c r="DE3" s="520"/>
      <c r="DF3" s="520"/>
      <c r="DG3" s="520"/>
      <c r="DH3" s="520"/>
      <c r="DI3" s="520"/>
      <c r="DJ3" s="520"/>
      <c r="DK3" s="520"/>
      <c r="DL3" s="520"/>
      <c r="DM3" s="520"/>
      <c r="DN3" s="520"/>
      <c r="DO3" s="520"/>
      <c r="DP3" s="520"/>
      <c r="DQ3" s="520"/>
      <c r="DR3" s="521"/>
      <c r="DS3" s="427" t="s">
        <v>60</v>
      </c>
      <c r="DT3" s="428"/>
      <c r="DU3" s="428"/>
      <c r="DV3" s="428"/>
      <c r="DW3" s="428"/>
      <c r="DX3" s="428"/>
      <c r="DY3" s="428"/>
      <c r="DZ3" s="428"/>
      <c r="EA3" s="428"/>
      <c r="EB3" s="429"/>
    </row>
    <row r="4" spans="2:133" ht="21" customHeight="1" thickBot="1" x14ac:dyDescent="0.25">
      <c r="B4" s="523"/>
      <c r="C4" s="433"/>
      <c r="D4" s="434"/>
      <c r="E4" s="434"/>
      <c r="F4" s="434"/>
      <c r="G4" s="434"/>
      <c r="H4" s="434"/>
      <c r="I4" s="434"/>
      <c r="J4" s="434"/>
      <c r="K4" s="434"/>
      <c r="L4" s="434"/>
      <c r="M4" s="436" t="s">
        <v>39</v>
      </c>
      <c r="N4" s="437"/>
      <c r="O4" s="437"/>
      <c r="P4" s="437"/>
      <c r="Q4" s="437"/>
      <c r="R4" s="437"/>
      <c r="S4" s="437"/>
      <c r="T4" s="437"/>
      <c r="U4" s="437"/>
      <c r="V4" s="438"/>
      <c r="W4" s="436" t="s">
        <v>40</v>
      </c>
      <c r="X4" s="437"/>
      <c r="Y4" s="437"/>
      <c r="Z4" s="437"/>
      <c r="AA4" s="437"/>
      <c r="AB4" s="437"/>
      <c r="AC4" s="437"/>
      <c r="AD4" s="437"/>
      <c r="AE4" s="437"/>
      <c r="AF4" s="438"/>
      <c r="AG4" s="433"/>
      <c r="AH4" s="434"/>
      <c r="AI4" s="434"/>
      <c r="AJ4" s="434"/>
      <c r="AK4" s="434"/>
      <c r="AL4" s="434"/>
      <c r="AM4" s="434"/>
      <c r="AN4" s="434"/>
      <c r="AO4" s="434"/>
      <c r="AP4" s="434"/>
      <c r="AQ4" s="436" t="s">
        <v>39</v>
      </c>
      <c r="AR4" s="437"/>
      <c r="AS4" s="437"/>
      <c r="AT4" s="437"/>
      <c r="AU4" s="437"/>
      <c r="AV4" s="437"/>
      <c r="AW4" s="437"/>
      <c r="AX4" s="437"/>
      <c r="AY4" s="437"/>
      <c r="AZ4" s="438"/>
      <c r="BA4" s="436" t="s">
        <v>40</v>
      </c>
      <c r="BB4" s="437"/>
      <c r="BC4" s="437"/>
      <c r="BD4" s="437"/>
      <c r="BE4" s="437"/>
      <c r="BF4" s="437"/>
      <c r="BG4" s="437"/>
      <c r="BH4" s="437"/>
      <c r="BI4" s="437"/>
      <c r="BJ4" s="438"/>
      <c r="BK4" s="433"/>
      <c r="BL4" s="434"/>
      <c r="BM4" s="434"/>
      <c r="BN4" s="434"/>
      <c r="BO4" s="434"/>
      <c r="BP4" s="434"/>
      <c r="BQ4" s="434"/>
      <c r="BR4" s="434"/>
      <c r="BS4" s="434"/>
      <c r="BT4" s="434"/>
      <c r="BU4" s="436" t="s">
        <v>39</v>
      </c>
      <c r="BV4" s="437"/>
      <c r="BW4" s="437"/>
      <c r="BX4" s="437"/>
      <c r="BY4" s="437"/>
      <c r="BZ4" s="437"/>
      <c r="CA4" s="437"/>
      <c r="CB4" s="437"/>
      <c r="CC4" s="437"/>
      <c r="CD4" s="438"/>
      <c r="CE4" s="436" t="s">
        <v>40</v>
      </c>
      <c r="CF4" s="437"/>
      <c r="CG4" s="437"/>
      <c r="CH4" s="437"/>
      <c r="CI4" s="437"/>
      <c r="CJ4" s="437"/>
      <c r="CK4" s="437"/>
      <c r="CL4" s="437"/>
      <c r="CM4" s="437"/>
      <c r="CN4" s="438"/>
      <c r="CO4" s="433"/>
      <c r="CP4" s="434"/>
      <c r="CQ4" s="434"/>
      <c r="CR4" s="434"/>
      <c r="CS4" s="434"/>
      <c r="CT4" s="434"/>
      <c r="CU4" s="434"/>
      <c r="CV4" s="434"/>
      <c r="CW4" s="434"/>
      <c r="CX4" s="434"/>
      <c r="CY4" s="436" t="s">
        <v>39</v>
      </c>
      <c r="CZ4" s="437"/>
      <c r="DA4" s="437"/>
      <c r="DB4" s="437"/>
      <c r="DC4" s="437"/>
      <c r="DD4" s="437"/>
      <c r="DE4" s="437"/>
      <c r="DF4" s="437"/>
      <c r="DG4" s="437"/>
      <c r="DH4" s="438"/>
      <c r="DI4" s="436" t="s">
        <v>40</v>
      </c>
      <c r="DJ4" s="437"/>
      <c r="DK4" s="437"/>
      <c r="DL4" s="437"/>
      <c r="DM4" s="437"/>
      <c r="DN4" s="437"/>
      <c r="DO4" s="437"/>
      <c r="DP4" s="437"/>
      <c r="DQ4" s="437"/>
      <c r="DR4" s="438"/>
      <c r="DS4" s="433"/>
      <c r="DT4" s="434"/>
      <c r="DU4" s="434"/>
      <c r="DV4" s="434"/>
      <c r="DW4" s="434"/>
      <c r="DX4" s="434"/>
      <c r="DY4" s="434"/>
      <c r="DZ4" s="434"/>
      <c r="EA4" s="434"/>
      <c r="EB4" s="435"/>
    </row>
    <row r="5" spans="2:133" ht="21" customHeight="1" x14ac:dyDescent="0.2">
      <c r="B5" s="524"/>
      <c r="C5" s="502" t="s">
        <v>61</v>
      </c>
      <c r="D5" s="503"/>
      <c r="E5" s="504"/>
      <c r="F5" s="505" t="s">
        <v>62</v>
      </c>
      <c r="G5" s="506"/>
      <c r="H5" s="506"/>
      <c r="I5" s="506"/>
      <c r="J5" s="506"/>
      <c r="K5" s="507"/>
      <c r="L5" s="516" t="s">
        <v>52</v>
      </c>
      <c r="M5" s="518" t="s">
        <v>61</v>
      </c>
      <c r="N5" s="512"/>
      <c r="O5" s="513"/>
      <c r="P5" s="514" t="s">
        <v>62</v>
      </c>
      <c r="Q5" s="434"/>
      <c r="R5" s="434"/>
      <c r="S5" s="434"/>
      <c r="T5" s="434"/>
      <c r="U5" s="515"/>
      <c r="V5" s="510" t="s">
        <v>52</v>
      </c>
      <c r="W5" s="511" t="s">
        <v>61</v>
      </c>
      <c r="X5" s="512"/>
      <c r="Y5" s="513"/>
      <c r="Z5" s="514" t="s">
        <v>62</v>
      </c>
      <c r="AA5" s="434"/>
      <c r="AB5" s="434"/>
      <c r="AC5" s="434"/>
      <c r="AD5" s="434"/>
      <c r="AE5" s="515"/>
      <c r="AF5" s="510" t="s">
        <v>52</v>
      </c>
      <c r="AG5" s="502" t="s">
        <v>61</v>
      </c>
      <c r="AH5" s="503"/>
      <c r="AI5" s="504"/>
      <c r="AJ5" s="505" t="s">
        <v>62</v>
      </c>
      <c r="AK5" s="506"/>
      <c r="AL5" s="506"/>
      <c r="AM5" s="506"/>
      <c r="AN5" s="506"/>
      <c r="AO5" s="507"/>
      <c r="AP5" s="508" t="s">
        <v>52</v>
      </c>
      <c r="AQ5" s="518" t="s">
        <v>61</v>
      </c>
      <c r="AR5" s="512"/>
      <c r="AS5" s="513"/>
      <c r="AT5" s="514" t="s">
        <v>62</v>
      </c>
      <c r="AU5" s="434"/>
      <c r="AV5" s="434"/>
      <c r="AW5" s="434"/>
      <c r="AX5" s="434"/>
      <c r="AY5" s="515"/>
      <c r="AZ5" s="527" t="s">
        <v>52</v>
      </c>
      <c r="BA5" s="518" t="s">
        <v>61</v>
      </c>
      <c r="BB5" s="512"/>
      <c r="BC5" s="513"/>
      <c r="BD5" s="514" t="s">
        <v>62</v>
      </c>
      <c r="BE5" s="434"/>
      <c r="BF5" s="434"/>
      <c r="BG5" s="434"/>
      <c r="BH5" s="434"/>
      <c r="BI5" s="515"/>
      <c r="BJ5" s="510" t="s">
        <v>52</v>
      </c>
      <c r="BK5" s="502" t="s">
        <v>61</v>
      </c>
      <c r="BL5" s="503"/>
      <c r="BM5" s="504"/>
      <c r="BN5" s="505" t="s">
        <v>62</v>
      </c>
      <c r="BO5" s="506"/>
      <c r="BP5" s="506"/>
      <c r="BQ5" s="506"/>
      <c r="BR5" s="506"/>
      <c r="BS5" s="507"/>
      <c r="BT5" s="516" t="s">
        <v>52</v>
      </c>
      <c r="BU5" s="518" t="s">
        <v>61</v>
      </c>
      <c r="BV5" s="512"/>
      <c r="BW5" s="513"/>
      <c r="BX5" s="514" t="s">
        <v>62</v>
      </c>
      <c r="BY5" s="434"/>
      <c r="BZ5" s="434"/>
      <c r="CA5" s="434"/>
      <c r="CB5" s="434"/>
      <c r="CC5" s="515"/>
      <c r="CD5" s="510" t="s">
        <v>52</v>
      </c>
      <c r="CE5" s="511" t="s">
        <v>61</v>
      </c>
      <c r="CF5" s="512"/>
      <c r="CG5" s="513"/>
      <c r="CH5" s="514" t="s">
        <v>62</v>
      </c>
      <c r="CI5" s="434"/>
      <c r="CJ5" s="434"/>
      <c r="CK5" s="434"/>
      <c r="CL5" s="434"/>
      <c r="CM5" s="515"/>
      <c r="CN5" s="510" t="s">
        <v>52</v>
      </c>
      <c r="CO5" s="502" t="s">
        <v>61</v>
      </c>
      <c r="CP5" s="503"/>
      <c r="CQ5" s="504"/>
      <c r="CR5" s="505" t="s">
        <v>62</v>
      </c>
      <c r="CS5" s="506"/>
      <c r="CT5" s="506"/>
      <c r="CU5" s="506"/>
      <c r="CV5" s="506"/>
      <c r="CW5" s="507"/>
      <c r="CX5" s="516" t="s">
        <v>52</v>
      </c>
      <c r="CY5" s="518" t="s">
        <v>61</v>
      </c>
      <c r="CZ5" s="512"/>
      <c r="DA5" s="513"/>
      <c r="DB5" s="514" t="s">
        <v>62</v>
      </c>
      <c r="DC5" s="434"/>
      <c r="DD5" s="434"/>
      <c r="DE5" s="434"/>
      <c r="DF5" s="434"/>
      <c r="DG5" s="515"/>
      <c r="DH5" s="510" t="s">
        <v>52</v>
      </c>
      <c r="DI5" s="511" t="s">
        <v>61</v>
      </c>
      <c r="DJ5" s="512"/>
      <c r="DK5" s="513"/>
      <c r="DL5" s="514" t="s">
        <v>62</v>
      </c>
      <c r="DM5" s="434"/>
      <c r="DN5" s="434"/>
      <c r="DO5" s="434"/>
      <c r="DP5" s="434"/>
      <c r="DQ5" s="515"/>
      <c r="DR5" s="510" t="s">
        <v>52</v>
      </c>
      <c r="DS5" s="502" t="s">
        <v>61</v>
      </c>
      <c r="DT5" s="503"/>
      <c r="DU5" s="504"/>
      <c r="DV5" s="505" t="s">
        <v>62</v>
      </c>
      <c r="DW5" s="506"/>
      <c r="DX5" s="506"/>
      <c r="DY5" s="506"/>
      <c r="DZ5" s="506"/>
      <c r="EA5" s="507"/>
      <c r="EB5" s="508" t="s">
        <v>52</v>
      </c>
    </row>
    <row r="6" spans="2:133" ht="30" customHeight="1" thickBot="1" x14ac:dyDescent="0.25">
      <c r="B6" s="72" t="s">
        <v>42</v>
      </c>
      <c r="C6" s="229" t="s">
        <v>43</v>
      </c>
      <c r="D6" s="230" t="s">
        <v>44</v>
      </c>
      <c r="E6" s="230" t="s">
        <v>45</v>
      </c>
      <c r="F6" s="231" t="s">
        <v>47</v>
      </c>
      <c r="G6" s="232" t="s">
        <v>48</v>
      </c>
      <c r="H6" s="232" t="s">
        <v>49</v>
      </c>
      <c r="I6" s="233" t="s">
        <v>50</v>
      </c>
      <c r="J6" s="230" t="s">
        <v>51</v>
      </c>
      <c r="K6" s="234" t="s">
        <v>95</v>
      </c>
      <c r="L6" s="517"/>
      <c r="M6" s="229" t="s">
        <v>43</v>
      </c>
      <c r="N6" s="230" t="s">
        <v>44</v>
      </c>
      <c r="O6" s="234" t="s">
        <v>45</v>
      </c>
      <c r="P6" s="231" t="s">
        <v>47</v>
      </c>
      <c r="Q6" s="232" t="s">
        <v>48</v>
      </c>
      <c r="R6" s="232" t="s">
        <v>49</v>
      </c>
      <c r="S6" s="233" t="s">
        <v>50</v>
      </c>
      <c r="T6" s="230" t="s">
        <v>51</v>
      </c>
      <c r="U6" s="234" t="s">
        <v>45</v>
      </c>
      <c r="V6" s="509"/>
      <c r="W6" s="235" t="s">
        <v>43</v>
      </c>
      <c r="X6" s="230" t="s">
        <v>44</v>
      </c>
      <c r="Y6" s="234" t="s">
        <v>45</v>
      </c>
      <c r="Z6" s="235" t="s">
        <v>47</v>
      </c>
      <c r="AA6" s="232" t="s">
        <v>48</v>
      </c>
      <c r="AB6" s="232" t="s">
        <v>49</v>
      </c>
      <c r="AC6" s="233" t="s">
        <v>50</v>
      </c>
      <c r="AD6" s="230" t="s">
        <v>51</v>
      </c>
      <c r="AE6" s="234" t="s">
        <v>45</v>
      </c>
      <c r="AF6" s="509"/>
      <c r="AG6" s="229" t="s">
        <v>43</v>
      </c>
      <c r="AH6" s="230" t="s">
        <v>44</v>
      </c>
      <c r="AI6" s="234" t="s">
        <v>45</v>
      </c>
      <c r="AJ6" s="235" t="s">
        <v>47</v>
      </c>
      <c r="AK6" s="232" t="s">
        <v>48</v>
      </c>
      <c r="AL6" s="232" t="s">
        <v>49</v>
      </c>
      <c r="AM6" s="233" t="s">
        <v>50</v>
      </c>
      <c r="AN6" s="230" t="s">
        <v>51</v>
      </c>
      <c r="AO6" s="234" t="s">
        <v>45</v>
      </c>
      <c r="AP6" s="509"/>
      <c r="AQ6" s="229" t="s">
        <v>43</v>
      </c>
      <c r="AR6" s="230" t="s">
        <v>44</v>
      </c>
      <c r="AS6" s="234" t="s">
        <v>45</v>
      </c>
      <c r="AT6" s="231" t="s">
        <v>47</v>
      </c>
      <c r="AU6" s="232" t="s">
        <v>48</v>
      </c>
      <c r="AV6" s="232" t="s">
        <v>49</v>
      </c>
      <c r="AW6" s="233" t="s">
        <v>50</v>
      </c>
      <c r="AX6" s="230" t="s">
        <v>51</v>
      </c>
      <c r="AY6" s="234" t="s">
        <v>45</v>
      </c>
      <c r="AZ6" s="517"/>
      <c r="BA6" s="229" t="s">
        <v>43</v>
      </c>
      <c r="BB6" s="230" t="s">
        <v>44</v>
      </c>
      <c r="BC6" s="230" t="s">
        <v>45</v>
      </c>
      <c r="BD6" s="231" t="s">
        <v>47</v>
      </c>
      <c r="BE6" s="232" t="s">
        <v>48</v>
      </c>
      <c r="BF6" s="232" t="s">
        <v>49</v>
      </c>
      <c r="BG6" s="233" t="s">
        <v>50</v>
      </c>
      <c r="BH6" s="230" t="s">
        <v>51</v>
      </c>
      <c r="BI6" s="234" t="s">
        <v>45</v>
      </c>
      <c r="BJ6" s="509"/>
      <c r="BK6" s="229" t="s">
        <v>43</v>
      </c>
      <c r="BL6" s="230" t="s">
        <v>44</v>
      </c>
      <c r="BM6" s="230" t="s">
        <v>45</v>
      </c>
      <c r="BN6" s="231" t="s">
        <v>47</v>
      </c>
      <c r="BO6" s="232" t="s">
        <v>48</v>
      </c>
      <c r="BP6" s="232" t="s">
        <v>49</v>
      </c>
      <c r="BQ6" s="233" t="s">
        <v>50</v>
      </c>
      <c r="BR6" s="230" t="s">
        <v>51</v>
      </c>
      <c r="BS6" s="234" t="s">
        <v>45</v>
      </c>
      <c r="BT6" s="517"/>
      <c r="BU6" s="229" t="s">
        <v>43</v>
      </c>
      <c r="BV6" s="230" t="s">
        <v>44</v>
      </c>
      <c r="BW6" s="230" t="s">
        <v>45</v>
      </c>
      <c r="BX6" s="231" t="s">
        <v>47</v>
      </c>
      <c r="BY6" s="232" t="s">
        <v>48</v>
      </c>
      <c r="BZ6" s="232" t="s">
        <v>49</v>
      </c>
      <c r="CA6" s="233" t="s">
        <v>50</v>
      </c>
      <c r="CB6" s="230" t="s">
        <v>51</v>
      </c>
      <c r="CC6" s="234" t="s">
        <v>45</v>
      </c>
      <c r="CD6" s="509"/>
      <c r="CE6" s="235" t="s">
        <v>43</v>
      </c>
      <c r="CF6" s="230" t="s">
        <v>44</v>
      </c>
      <c r="CG6" s="230" t="s">
        <v>45</v>
      </c>
      <c r="CH6" s="231" t="s">
        <v>47</v>
      </c>
      <c r="CI6" s="232" t="s">
        <v>48</v>
      </c>
      <c r="CJ6" s="232" t="s">
        <v>49</v>
      </c>
      <c r="CK6" s="233" t="s">
        <v>50</v>
      </c>
      <c r="CL6" s="230" t="s">
        <v>51</v>
      </c>
      <c r="CM6" s="234" t="s">
        <v>45</v>
      </c>
      <c r="CN6" s="509"/>
      <c r="CO6" s="229" t="s">
        <v>43</v>
      </c>
      <c r="CP6" s="230" t="s">
        <v>44</v>
      </c>
      <c r="CQ6" s="230" t="s">
        <v>45</v>
      </c>
      <c r="CR6" s="231" t="s">
        <v>47</v>
      </c>
      <c r="CS6" s="232" t="s">
        <v>48</v>
      </c>
      <c r="CT6" s="232" t="s">
        <v>49</v>
      </c>
      <c r="CU6" s="233" t="s">
        <v>50</v>
      </c>
      <c r="CV6" s="230" t="s">
        <v>51</v>
      </c>
      <c r="CW6" s="234" t="s">
        <v>45</v>
      </c>
      <c r="CX6" s="517"/>
      <c r="CY6" s="229" t="s">
        <v>43</v>
      </c>
      <c r="CZ6" s="230" t="s">
        <v>44</v>
      </c>
      <c r="DA6" s="230" t="s">
        <v>45</v>
      </c>
      <c r="DB6" s="231" t="s">
        <v>47</v>
      </c>
      <c r="DC6" s="232" t="s">
        <v>48</v>
      </c>
      <c r="DD6" s="232" t="s">
        <v>49</v>
      </c>
      <c r="DE6" s="233" t="s">
        <v>50</v>
      </c>
      <c r="DF6" s="230" t="s">
        <v>51</v>
      </c>
      <c r="DG6" s="234" t="s">
        <v>45</v>
      </c>
      <c r="DH6" s="509"/>
      <c r="DI6" s="235" t="s">
        <v>43</v>
      </c>
      <c r="DJ6" s="230" t="s">
        <v>44</v>
      </c>
      <c r="DK6" s="230" t="s">
        <v>45</v>
      </c>
      <c r="DL6" s="231" t="s">
        <v>47</v>
      </c>
      <c r="DM6" s="232" t="s">
        <v>48</v>
      </c>
      <c r="DN6" s="232" t="s">
        <v>49</v>
      </c>
      <c r="DO6" s="233" t="s">
        <v>50</v>
      </c>
      <c r="DP6" s="230" t="s">
        <v>51</v>
      </c>
      <c r="DQ6" s="234" t="s">
        <v>45</v>
      </c>
      <c r="DR6" s="509"/>
      <c r="DS6" s="229" t="s">
        <v>43</v>
      </c>
      <c r="DT6" s="230" t="s">
        <v>44</v>
      </c>
      <c r="DU6" s="230" t="s">
        <v>45</v>
      </c>
      <c r="DV6" s="231" t="s">
        <v>47</v>
      </c>
      <c r="DW6" s="232" t="s">
        <v>48</v>
      </c>
      <c r="DX6" s="232" t="s">
        <v>49</v>
      </c>
      <c r="DY6" s="233" t="s">
        <v>50</v>
      </c>
      <c r="DZ6" s="230" t="s">
        <v>51</v>
      </c>
      <c r="EA6" s="234" t="s">
        <v>45</v>
      </c>
      <c r="EB6" s="509"/>
    </row>
    <row r="7" spans="2:133" ht="21" customHeight="1" x14ac:dyDescent="0.2">
      <c r="B7" s="84" t="s">
        <v>4</v>
      </c>
      <c r="C7" s="211">
        <v>0</v>
      </c>
      <c r="D7" s="213">
        <v>0</v>
      </c>
      <c r="E7" s="213">
        <v>0</v>
      </c>
      <c r="F7" s="214">
        <v>466</v>
      </c>
      <c r="G7" s="212">
        <v>1732</v>
      </c>
      <c r="H7" s="212">
        <v>10131</v>
      </c>
      <c r="I7" s="212">
        <v>14748</v>
      </c>
      <c r="J7" s="213">
        <v>9852</v>
      </c>
      <c r="K7" s="236">
        <v>36929</v>
      </c>
      <c r="L7" s="237">
        <v>36929</v>
      </c>
      <c r="M7" s="211">
        <v>0</v>
      </c>
      <c r="N7" s="213">
        <v>0</v>
      </c>
      <c r="O7" s="236">
        <v>0</v>
      </c>
      <c r="P7" s="214">
        <v>463</v>
      </c>
      <c r="Q7" s="212">
        <v>1719</v>
      </c>
      <c r="R7" s="212">
        <v>10063</v>
      </c>
      <c r="S7" s="212">
        <v>14601</v>
      </c>
      <c r="T7" s="213">
        <v>9703</v>
      </c>
      <c r="U7" s="236">
        <v>36549</v>
      </c>
      <c r="V7" s="238">
        <v>36549</v>
      </c>
      <c r="W7" s="216">
        <v>0</v>
      </c>
      <c r="X7" s="213">
        <v>0</v>
      </c>
      <c r="Y7" s="236">
        <v>0</v>
      </c>
      <c r="Z7" s="216">
        <v>3</v>
      </c>
      <c r="AA7" s="212">
        <v>13</v>
      </c>
      <c r="AB7" s="212">
        <v>68</v>
      </c>
      <c r="AC7" s="212">
        <v>147</v>
      </c>
      <c r="AD7" s="213">
        <v>149</v>
      </c>
      <c r="AE7" s="236">
        <v>380</v>
      </c>
      <c r="AF7" s="215">
        <v>380</v>
      </c>
      <c r="AG7" s="216">
        <v>0</v>
      </c>
      <c r="AH7" s="213">
        <v>0</v>
      </c>
      <c r="AI7" s="236">
        <v>0</v>
      </c>
      <c r="AJ7" s="216">
        <v>1631</v>
      </c>
      <c r="AK7" s="212">
        <v>3269</v>
      </c>
      <c r="AL7" s="212">
        <v>4715</v>
      </c>
      <c r="AM7" s="212">
        <v>5659</v>
      </c>
      <c r="AN7" s="213">
        <v>2874</v>
      </c>
      <c r="AO7" s="236">
        <v>18148</v>
      </c>
      <c r="AP7" s="215">
        <v>18148</v>
      </c>
      <c r="AQ7" s="216">
        <v>0</v>
      </c>
      <c r="AR7" s="213">
        <v>0</v>
      </c>
      <c r="AS7" s="236">
        <v>0</v>
      </c>
      <c r="AT7" s="214">
        <v>1610</v>
      </c>
      <c r="AU7" s="212">
        <v>3227</v>
      </c>
      <c r="AV7" s="212">
        <v>4639</v>
      </c>
      <c r="AW7" s="212">
        <v>5549</v>
      </c>
      <c r="AX7" s="213">
        <v>2798</v>
      </c>
      <c r="AY7" s="236">
        <v>17823</v>
      </c>
      <c r="AZ7" s="237">
        <v>17823</v>
      </c>
      <c r="BA7" s="211">
        <v>0</v>
      </c>
      <c r="BB7" s="213">
        <v>0</v>
      </c>
      <c r="BC7" s="213">
        <v>0</v>
      </c>
      <c r="BD7" s="214">
        <v>21</v>
      </c>
      <c r="BE7" s="212">
        <v>42</v>
      </c>
      <c r="BF7" s="212">
        <v>76</v>
      </c>
      <c r="BG7" s="212">
        <v>110</v>
      </c>
      <c r="BH7" s="213">
        <v>76</v>
      </c>
      <c r="BI7" s="236">
        <v>325</v>
      </c>
      <c r="BJ7" s="238">
        <v>325</v>
      </c>
      <c r="BK7" s="216">
        <v>0</v>
      </c>
      <c r="BL7" s="213">
        <v>0</v>
      </c>
      <c r="BM7" s="213">
        <v>0</v>
      </c>
      <c r="BN7" s="214">
        <v>0</v>
      </c>
      <c r="BO7" s="212">
        <v>0</v>
      </c>
      <c r="BP7" s="212">
        <v>0</v>
      </c>
      <c r="BQ7" s="212">
        <v>2</v>
      </c>
      <c r="BR7" s="213">
        <v>2</v>
      </c>
      <c r="BS7" s="236">
        <v>4</v>
      </c>
      <c r="BT7" s="237">
        <v>4</v>
      </c>
      <c r="BU7" s="211">
        <v>0</v>
      </c>
      <c r="BV7" s="213">
        <v>0</v>
      </c>
      <c r="BW7" s="213">
        <v>0</v>
      </c>
      <c r="BX7" s="214">
        <v>0</v>
      </c>
      <c r="BY7" s="212">
        <v>0</v>
      </c>
      <c r="BZ7" s="212">
        <v>0</v>
      </c>
      <c r="CA7" s="212">
        <v>2</v>
      </c>
      <c r="CB7" s="213">
        <v>2</v>
      </c>
      <c r="CC7" s="236">
        <v>4</v>
      </c>
      <c r="CD7" s="238">
        <v>4</v>
      </c>
      <c r="CE7" s="216">
        <v>0</v>
      </c>
      <c r="CF7" s="213">
        <v>0</v>
      </c>
      <c r="CG7" s="213">
        <v>0</v>
      </c>
      <c r="CH7" s="214">
        <v>0</v>
      </c>
      <c r="CI7" s="212">
        <v>0</v>
      </c>
      <c r="CJ7" s="212">
        <v>0</v>
      </c>
      <c r="CK7" s="212">
        <v>0</v>
      </c>
      <c r="CL7" s="213">
        <v>0</v>
      </c>
      <c r="CM7" s="236">
        <v>0</v>
      </c>
      <c r="CN7" s="238">
        <v>0</v>
      </c>
      <c r="CO7" s="216">
        <v>0</v>
      </c>
      <c r="CP7" s="213">
        <v>0</v>
      </c>
      <c r="CQ7" s="213">
        <v>0</v>
      </c>
      <c r="CR7" s="214">
        <v>17</v>
      </c>
      <c r="CS7" s="212">
        <v>24</v>
      </c>
      <c r="CT7" s="212">
        <v>71</v>
      </c>
      <c r="CU7" s="212">
        <v>383</v>
      </c>
      <c r="CV7" s="213">
        <v>503</v>
      </c>
      <c r="CW7" s="236">
        <v>998</v>
      </c>
      <c r="CX7" s="237">
        <v>998</v>
      </c>
      <c r="CY7" s="211">
        <v>0</v>
      </c>
      <c r="CZ7" s="213">
        <v>0</v>
      </c>
      <c r="DA7" s="213">
        <v>0</v>
      </c>
      <c r="DB7" s="214">
        <v>15</v>
      </c>
      <c r="DC7" s="212">
        <v>24</v>
      </c>
      <c r="DD7" s="212">
        <v>70</v>
      </c>
      <c r="DE7" s="212">
        <v>377</v>
      </c>
      <c r="DF7" s="213">
        <v>492</v>
      </c>
      <c r="DG7" s="236">
        <v>978</v>
      </c>
      <c r="DH7" s="238">
        <v>978</v>
      </c>
      <c r="DI7" s="216">
        <v>0</v>
      </c>
      <c r="DJ7" s="213">
        <v>0</v>
      </c>
      <c r="DK7" s="213">
        <v>0</v>
      </c>
      <c r="DL7" s="214">
        <v>2</v>
      </c>
      <c r="DM7" s="212">
        <v>0</v>
      </c>
      <c r="DN7" s="212">
        <v>1</v>
      </c>
      <c r="DO7" s="212">
        <v>6</v>
      </c>
      <c r="DP7" s="213">
        <v>11</v>
      </c>
      <c r="DQ7" s="236">
        <v>20</v>
      </c>
      <c r="DR7" s="238">
        <v>20</v>
      </c>
      <c r="DS7" s="216">
        <v>0</v>
      </c>
      <c r="DT7" s="213">
        <v>0</v>
      </c>
      <c r="DU7" s="213">
        <v>0</v>
      </c>
      <c r="DV7" s="214">
        <v>2114</v>
      </c>
      <c r="DW7" s="212">
        <v>5025</v>
      </c>
      <c r="DX7" s="212">
        <v>14896</v>
      </c>
      <c r="DY7" s="212">
        <v>20755</v>
      </c>
      <c r="DZ7" s="213">
        <v>13215</v>
      </c>
      <c r="EA7" s="236">
        <v>56005</v>
      </c>
      <c r="EB7" s="238">
        <v>56005</v>
      </c>
      <c r="EC7" s="239"/>
    </row>
    <row r="8" spans="2:133" ht="21" customHeight="1" x14ac:dyDescent="0.2">
      <c r="B8" s="95" t="s">
        <v>5</v>
      </c>
      <c r="C8" s="217">
        <v>0</v>
      </c>
      <c r="D8" s="219">
        <v>0</v>
      </c>
      <c r="E8" s="219">
        <v>0</v>
      </c>
      <c r="F8" s="220">
        <v>265</v>
      </c>
      <c r="G8" s="218">
        <v>1171</v>
      </c>
      <c r="H8" s="218">
        <v>4549</v>
      </c>
      <c r="I8" s="218">
        <v>6351</v>
      </c>
      <c r="J8" s="219">
        <v>4224</v>
      </c>
      <c r="K8" s="240">
        <v>16560</v>
      </c>
      <c r="L8" s="241">
        <v>16560</v>
      </c>
      <c r="M8" s="217">
        <v>0</v>
      </c>
      <c r="N8" s="219">
        <v>0</v>
      </c>
      <c r="O8" s="240">
        <v>0</v>
      </c>
      <c r="P8" s="220">
        <v>264</v>
      </c>
      <c r="Q8" s="218">
        <v>1163</v>
      </c>
      <c r="R8" s="218">
        <v>4513</v>
      </c>
      <c r="S8" s="218">
        <v>6292</v>
      </c>
      <c r="T8" s="219">
        <v>4143</v>
      </c>
      <c r="U8" s="240">
        <v>16375</v>
      </c>
      <c r="V8" s="242">
        <v>16375</v>
      </c>
      <c r="W8" s="222">
        <v>0</v>
      </c>
      <c r="X8" s="219">
        <v>0</v>
      </c>
      <c r="Y8" s="240">
        <v>0</v>
      </c>
      <c r="Z8" s="222">
        <v>1</v>
      </c>
      <c r="AA8" s="218">
        <v>8</v>
      </c>
      <c r="AB8" s="218">
        <v>36</v>
      </c>
      <c r="AC8" s="218">
        <v>59</v>
      </c>
      <c r="AD8" s="219">
        <v>81</v>
      </c>
      <c r="AE8" s="240">
        <v>185</v>
      </c>
      <c r="AF8" s="221">
        <v>185</v>
      </c>
      <c r="AG8" s="222">
        <v>0</v>
      </c>
      <c r="AH8" s="219">
        <v>0</v>
      </c>
      <c r="AI8" s="240">
        <v>0</v>
      </c>
      <c r="AJ8" s="222">
        <v>617</v>
      </c>
      <c r="AK8" s="218">
        <v>1466</v>
      </c>
      <c r="AL8" s="218">
        <v>2034</v>
      </c>
      <c r="AM8" s="218">
        <v>2554</v>
      </c>
      <c r="AN8" s="219">
        <v>1326</v>
      </c>
      <c r="AO8" s="240">
        <v>7997</v>
      </c>
      <c r="AP8" s="221">
        <v>7997</v>
      </c>
      <c r="AQ8" s="222">
        <v>0</v>
      </c>
      <c r="AR8" s="219">
        <v>0</v>
      </c>
      <c r="AS8" s="240">
        <v>0</v>
      </c>
      <c r="AT8" s="220">
        <v>612</v>
      </c>
      <c r="AU8" s="218">
        <v>1444</v>
      </c>
      <c r="AV8" s="218">
        <v>2013</v>
      </c>
      <c r="AW8" s="218">
        <v>2512</v>
      </c>
      <c r="AX8" s="219">
        <v>1297</v>
      </c>
      <c r="AY8" s="240">
        <v>7878</v>
      </c>
      <c r="AZ8" s="241">
        <v>7878</v>
      </c>
      <c r="BA8" s="217">
        <v>0</v>
      </c>
      <c r="BB8" s="219">
        <v>0</v>
      </c>
      <c r="BC8" s="219">
        <v>0</v>
      </c>
      <c r="BD8" s="220">
        <v>5</v>
      </c>
      <c r="BE8" s="218">
        <v>22</v>
      </c>
      <c r="BF8" s="218">
        <v>21</v>
      </c>
      <c r="BG8" s="218">
        <v>42</v>
      </c>
      <c r="BH8" s="219">
        <v>29</v>
      </c>
      <c r="BI8" s="240">
        <v>119</v>
      </c>
      <c r="BJ8" s="242">
        <v>119</v>
      </c>
      <c r="BK8" s="222">
        <v>0</v>
      </c>
      <c r="BL8" s="219">
        <v>0</v>
      </c>
      <c r="BM8" s="219">
        <v>0</v>
      </c>
      <c r="BN8" s="220">
        <v>0</v>
      </c>
      <c r="BO8" s="218">
        <v>0</v>
      </c>
      <c r="BP8" s="218">
        <v>0</v>
      </c>
      <c r="BQ8" s="218">
        <v>0</v>
      </c>
      <c r="BR8" s="219">
        <v>0</v>
      </c>
      <c r="BS8" s="240">
        <v>0</v>
      </c>
      <c r="BT8" s="241">
        <v>0</v>
      </c>
      <c r="BU8" s="217">
        <v>0</v>
      </c>
      <c r="BV8" s="219">
        <v>0</v>
      </c>
      <c r="BW8" s="219">
        <v>0</v>
      </c>
      <c r="BX8" s="220">
        <v>0</v>
      </c>
      <c r="BY8" s="218">
        <v>0</v>
      </c>
      <c r="BZ8" s="218">
        <v>0</v>
      </c>
      <c r="CA8" s="218">
        <v>0</v>
      </c>
      <c r="CB8" s="219">
        <v>0</v>
      </c>
      <c r="CC8" s="240">
        <v>0</v>
      </c>
      <c r="CD8" s="242">
        <v>0</v>
      </c>
      <c r="CE8" s="222">
        <v>0</v>
      </c>
      <c r="CF8" s="219">
        <v>0</v>
      </c>
      <c r="CG8" s="219">
        <v>0</v>
      </c>
      <c r="CH8" s="220">
        <v>0</v>
      </c>
      <c r="CI8" s="218">
        <v>0</v>
      </c>
      <c r="CJ8" s="218">
        <v>0</v>
      </c>
      <c r="CK8" s="218">
        <v>0</v>
      </c>
      <c r="CL8" s="219">
        <v>0</v>
      </c>
      <c r="CM8" s="240">
        <v>0</v>
      </c>
      <c r="CN8" s="242">
        <v>0</v>
      </c>
      <c r="CO8" s="222">
        <v>0</v>
      </c>
      <c r="CP8" s="219">
        <v>0</v>
      </c>
      <c r="CQ8" s="219">
        <v>0</v>
      </c>
      <c r="CR8" s="220">
        <v>3</v>
      </c>
      <c r="CS8" s="218">
        <v>4</v>
      </c>
      <c r="CT8" s="218">
        <v>12</v>
      </c>
      <c r="CU8" s="218">
        <v>100</v>
      </c>
      <c r="CV8" s="219">
        <v>121</v>
      </c>
      <c r="CW8" s="240">
        <v>240</v>
      </c>
      <c r="CX8" s="241">
        <v>240</v>
      </c>
      <c r="CY8" s="217">
        <v>0</v>
      </c>
      <c r="CZ8" s="219">
        <v>0</v>
      </c>
      <c r="DA8" s="219">
        <v>0</v>
      </c>
      <c r="DB8" s="220">
        <v>3</v>
      </c>
      <c r="DC8" s="218">
        <v>4</v>
      </c>
      <c r="DD8" s="218">
        <v>12</v>
      </c>
      <c r="DE8" s="218">
        <v>98</v>
      </c>
      <c r="DF8" s="219">
        <v>121</v>
      </c>
      <c r="DG8" s="240">
        <v>238</v>
      </c>
      <c r="DH8" s="242">
        <v>238</v>
      </c>
      <c r="DI8" s="222">
        <v>0</v>
      </c>
      <c r="DJ8" s="219">
        <v>0</v>
      </c>
      <c r="DK8" s="219">
        <v>0</v>
      </c>
      <c r="DL8" s="220">
        <v>0</v>
      </c>
      <c r="DM8" s="218">
        <v>0</v>
      </c>
      <c r="DN8" s="218">
        <v>0</v>
      </c>
      <c r="DO8" s="218">
        <v>2</v>
      </c>
      <c r="DP8" s="219">
        <v>0</v>
      </c>
      <c r="DQ8" s="240">
        <v>2</v>
      </c>
      <c r="DR8" s="242">
        <v>2</v>
      </c>
      <c r="DS8" s="222">
        <v>0</v>
      </c>
      <c r="DT8" s="219">
        <v>0</v>
      </c>
      <c r="DU8" s="219">
        <v>0</v>
      </c>
      <c r="DV8" s="220">
        <v>885</v>
      </c>
      <c r="DW8" s="218">
        <v>2641</v>
      </c>
      <c r="DX8" s="218">
        <v>6595</v>
      </c>
      <c r="DY8" s="218">
        <v>9005</v>
      </c>
      <c r="DZ8" s="219">
        <v>5671</v>
      </c>
      <c r="EA8" s="240">
        <v>24797</v>
      </c>
      <c r="EB8" s="242">
        <v>24797</v>
      </c>
      <c r="EC8" s="239"/>
    </row>
    <row r="9" spans="2:133" ht="21" customHeight="1" x14ac:dyDescent="0.2">
      <c r="B9" s="106" t="s">
        <v>6</v>
      </c>
      <c r="C9" s="217">
        <v>0</v>
      </c>
      <c r="D9" s="219">
        <v>0</v>
      </c>
      <c r="E9" s="219">
        <v>0</v>
      </c>
      <c r="F9" s="220">
        <v>94</v>
      </c>
      <c r="G9" s="218">
        <v>193</v>
      </c>
      <c r="H9" s="218">
        <v>1284</v>
      </c>
      <c r="I9" s="218">
        <v>1892</v>
      </c>
      <c r="J9" s="219">
        <v>1292</v>
      </c>
      <c r="K9" s="240">
        <v>4755</v>
      </c>
      <c r="L9" s="241">
        <v>4755</v>
      </c>
      <c r="M9" s="217">
        <v>0</v>
      </c>
      <c r="N9" s="219">
        <v>0</v>
      </c>
      <c r="O9" s="240">
        <v>0</v>
      </c>
      <c r="P9" s="220">
        <v>94</v>
      </c>
      <c r="Q9" s="218">
        <v>192</v>
      </c>
      <c r="R9" s="218">
        <v>1274</v>
      </c>
      <c r="S9" s="218">
        <v>1869</v>
      </c>
      <c r="T9" s="219">
        <v>1277</v>
      </c>
      <c r="U9" s="240">
        <v>4706</v>
      </c>
      <c r="V9" s="242">
        <v>4706</v>
      </c>
      <c r="W9" s="222">
        <v>0</v>
      </c>
      <c r="X9" s="219">
        <v>0</v>
      </c>
      <c r="Y9" s="240">
        <v>0</v>
      </c>
      <c r="Z9" s="222">
        <v>0</v>
      </c>
      <c r="AA9" s="218">
        <v>1</v>
      </c>
      <c r="AB9" s="218">
        <v>10</v>
      </c>
      <c r="AC9" s="218">
        <v>23</v>
      </c>
      <c r="AD9" s="219">
        <v>15</v>
      </c>
      <c r="AE9" s="240">
        <v>49</v>
      </c>
      <c r="AF9" s="221">
        <v>49</v>
      </c>
      <c r="AG9" s="222">
        <v>0</v>
      </c>
      <c r="AH9" s="219">
        <v>0</v>
      </c>
      <c r="AI9" s="240">
        <v>0</v>
      </c>
      <c r="AJ9" s="222">
        <v>206</v>
      </c>
      <c r="AK9" s="218">
        <v>333</v>
      </c>
      <c r="AL9" s="218">
        <v>527</v>
      </c>
      <c r="AM9" s="218">
        <v>680</v>
      </c>
      <c r="AN9" s="219">
        <v>355</v>
      </c>
      <c r="AO9" s="240">
        <v>2101</v>
      </c>
      <c r="AP9" s="221">
        <v>2101</v>
      </c>
      <c r="AQ9" s="222">
        <v>0</v>
      </c>
      <c r="AR9" s="219">
        <v>0</v>
      </c>
      <c r="AS9" s="240">
        <v>0</v>
      </c>
      <c r="AT9" s="220">
        <v>201</v>
      </c>
      <c r="AU9" s="218">
        <v>329</v>
      </c>
      <c r="AV9" s="218">
        <v>510</v>
      </c>
      <c r="AW9" s="218">
        <v>662</v>
      </c>
      <c r="AX9" s="219">
        <v>340</v>
      </c>
      <c r="AY9" s="240">
        <v>2042</v>
      </c>
      <c r="AZ9" s="241">
        <v>2042</v>
      </c>
      <c r="BA9" s="217">
        <v>0</v>
      </c>
      <c r="BB9" s="219">
        <v>0</v>
      </c>
      <c r="BC9" s="219">
        <v>0</v>
      </c>
      <c r="BD9" s="220">
        <v>5</v>
      </c>
      <c r="BE9" s="218">
        <v>4</v>
      </c>
      <c r="BF9" s="218">
        <v>17</v>
      </c>
      <c r="BG9" s="218">
        <v>18</v>
      </c>
      <c r="BH9" s="219">
        <v>15</v>
      </c>
      <c r="BI9" s="240">
        <v>59</v>
      </c>
      <c r="BJ9" s="242">
        <v>59</v>
      </c>
      <c r="BK9" s="222">
        <v>0</v>
      </c>
      <c r="BL9" s="219">
        <v>0</v>
      </c>
      <c r="BM9" s="219">
        <v>0</v>
      </c>
      <c r="BN9" s="220">
        <v>0</v>
      </c>
      <c r="BO9" s="218">
        <v>0</v>
      </c>
      <c r="BP9" s="218">
        <v>0</v>
      </c>
      <c r="BQ9" s="218">
        <v>0</v>
      </c>
      <c r="BR9" s="219">
        <v>0</v>
      </c>
      <c r="BS9" s="240">
        <v>0</v>
      </c>
      <c r="BT9" s="241">
        <v>0</v>
      </c>
      <c r="BU9" s="217">
        <v>0</v>
      </c>
      <c r="BV9" s="219">
        <v>0</v>
      </c>
      <c r="BW9" s="219">
        <v>0</v>
      </c>
      <c r="BX9" s="220">
        <v>0</v>
      </c>
      <c r="BY9" s="218">
        <v>0</v>
      </c>
      <c r="BZ9" s="218">
        <v>0</v>
      </c>
      <c r="CA9" s="218">
        <v>0</v>
      </c>
      <c r="CB9" s="219">
        <v>0</v>
      </c>
      <c r="CC9" s="240">
        <v>0</v>
      </c>
      <c r="CD9" s="242">
        <v>0</v>
      </c>
      <c r="CE9" s="222">
        <v>0</v>
      </c>
      <c r="CF9" s="219">
        <v>0</v>
      </c>
      <c r="CG9" s="219">
        <v>0</v>
      </c>
      <c r="CH9" s="220">
        <v>0</v>
      </c>
      <c r="CI9" s="218">
        <v>0</v>
      </c>
      <c r="CJ9" s="218">
        <v>0</v>
      </c>
      <c r="CK9" s="218">
        <v>0</v>
      </c>
      <c r="CL9" s="219">
        <v>0</v>
      </c>
      <c r="CM9" s="240">
        <v>0</v>
      </c>
      <c r="CN9" s="242">
        <v>0</v>
      </c>
      <c r="CO9" s="222">
        <v>0</v>
      </c>
      <c r="CP9" s="219">
        <v>0</v>
      </c>
      <c r="CQ9" s="219">
        <v>0</v>
      </c>
      <c r="CR9" s="220">
        <v>0</v>
      </c>
      <c r="CS9" s="218">
        <v>1</v>
      </c>
      <c r="CT9" s="218">
        <v>2</v>
      </c>
      <c r="CU9" s="218">
        <v>42</v>
      </c>
      <c r="CV9" s="219">
        <v>57</v>
      </c>
      <c r="CW9" s="240">
        <v>102</v>
      </c>
      <c r="CX9" s="241">
        <v>102</v>
      </c>
      <c r="CY9" s="217">
        <v>0</v>
      </c>
      <c r="CZ9" s="219">
        <v>0</v>
      </c>
      <c r="DA9" s="219">
        <v>0</v>
      </c>
      <c r="DB9" s="220">
        <v>0</v>
      </c>
      <c r="DC9" s="218">
        <v>1</v>
      </c>
      <c r="DD9" s="218">
        <v>2</v>
      </c>
      <c r="DE9" s="218">
        <v>41</v>
      </c>
      <c r="DF9" s="219">
        <v>55</v>
      </c>
      <c r="DG9" s="240">
        <v>99</v>
      </c>
      <c r="DH9" s="242">
        <v>99</v>
      </c>
      <c r="DI9" s="222">
        <v>0</v>
      </c>
      <c r="DJ9" s="219">
        <v>0</v>
      </c>
      <c r="DK9" s="219">
        <v>0</v>
      </c>
      <c r="DL9" s="220">
        <v>0</v>
      </c>
      <c r="DM9" s="218">
        <v>0</v>
      </c>
      <c r="DN9" s="218">
        <v>0</v>
      </c>
      <c r="DO9" s="218">
        <v>1</v>
      </c>
      <c r="DP9" s="219">
        <v>2</v>
      </c>
      <c r="DQ9" s="240">
        <v>3</v>
      </c>
      <c r="DR9" s="242">
        <v>3</v>
      </c>
      <c r="DS9" s="222">
        <v>0</v>
      </c>
      <c r="DT9" s="219">
        <v>0</v>
      </c>
      <c r="DU9" s="219">
        <v>0</v>
      </c>
      <c r="DV9" s="220">
        <v>300</v>
      </c>
      <c r="DW9" s="218">
        <v>527</v>
      </c>
      <c r="DX9" s="218">
        <v>1813</v>
      </c>
      <c r="DY9" s="218">
        <v>2614</v>
      </c>
      <c r="DZ9" s="219">
        <v>1704</v>
      </c>
      <c r="EA9" s="240">
        <v>6958</v>
      </c>
      <c r="EB9" s="242">
        <v>6958</v>
      </c>
      <c r="EC9" s="239"/>
    </row>
    <row r="10" spans="2:133" ht="21" customHeight="1" x14ac:dyDescent="0.2">
      <c r="B10" s="106" t="s">
        <v>14</v>
      </c>
      <c r="C10" s="217">
        <v>0</v>
      </c>
      <c r="D10" s="219">
        <v>0</v>
      </c>
      <c r="E10" s="219">
        <v>0</v>
      </c>
      <c r="F10" s="220">
        <v>7</v>
      </c>
      <c r="G10" s="218">
        <v>37</v>
      </c>
      <c r="H10" s="218">
        <v>774</v>
      </c>
      <c r="I10" s="218">
        <v>1143</v>
      </c>
      <c r="J10" s="219">
        <v>769</v>
      </c>
      <c r="K10" s="240">
        <v>2730</v>
      </c>
      <c r="L10" s="241">
        <v>2730</v>
      </c>
      <c r="M10" s="217">
        <v>0</v>
      </c>
      <c r="N10" s="219">
        <v>0</v>
      </c>
      <c r="O10" s="240">
        <v>0</v>
      </c>
      <c r="P10" s="220">
        <v>7</v>
      </c>
      <c r="Q10" s="218">
        <v>37</v>
      </c>
      <c r="R10" s="218">
        <v>770</v>
      </c>
      <c r="S10" s="218">
        <v>1132</v>
      </c>
      <c r="T10" s="219">
        <v>761</v>
      </c>
      <c r="U10" s="240">
        <v>2707</v>
      </c>
      <c r="V10" s="242">
        <v>2707</v>
      </c>
      <c r="W10" s="222">
        <v>0</v>
      </c>
      <c r="X10" s="219">
        <v>0</v>
      </c>
      <c r="Y10" s="240">
        <v>0</v>
      </c>
      <c r="Z10" s="222">
        <v>0</v>
      </c>
      <c r="AA10" s="218">
        <v>0</v>
      </c>
      <c r="AB10" s="218">
        <v>4</v>
      </c>
      <c r="AC10" s="218">
        <v>11</v>
      </c>
      <c r="AD10" s="219">
        <v>8</v>
      </c>
      <c r="AE10" s="240">
        <v>23</v>
      </c>
      <c r="AF10" s="221">
        <v>23</v>
      </c>
      <c r="AG10" s="222">
        <v>0</v>
      </c>
      <c r="AH10" s="219">
        <v>0</v>
      </c>
      <c r="AI10" s="240">
        <v>0</v>
      </c>
      <c r="AJ10" s="222">
        <v>61</v>
      </c>
      <c r="AK10" s="218">
        <v>184</v>
      </c>
      <c r="AL10" s="218">
        <v>270</v>
      </c>
      <c r="AM10" s="218">
        <v>354</v>
      </c>
      <c r="AN10" s="219">
        <v>189</v>
      </c>
      <c r="AO10" s="240">
        <v>1058</v>
      </c>
      <c r="AP10" s="221">
        <v>1058</v>
      </c>
      <c r="AQ10" s="222">
        <v>0</v>
      </c>
      <c r="AR10" s="219">
        <v>0</v>
      </c>
      <c r="AS10" s="240">
        <v>0</v>
      </c>
      <c r="AT10" s="220">
        <v>61</v>
      </c>
      <c r="AU10" s="218">
        <v>182</v>
      </c>
      <c r="AV10" s="218">
        <v>260</v>
      </c>
      <c r="AW10" s="218">
        <v>346</v>
      </c>
      <c r="AX10" s="219">
        <v>182</v>
      </c>
      <c r="AY10" s="240">
        <v>1031</v>
      </c>
      <c r="AZ10" s="241">
        <v>1031</v>
      </c>
      <c r="BA10" s="217">
        <v>0</v>
      </c>
      <c r="BB10" s="219">
        <v>0</v>
      </c>
      <c r="BC10" s="219">
        <v>0</v>
      </c>
      <c r="BD10" s="220">
        <v>0</v>
      </c>
      <c r="BE10" s="218">
        <v>2</v>
      </c>
      <c r="BF10" s="218">
        <v>10</v>
      </c>
      <c r="BG10" s="218">
        <v>8</v>
      </c>
      <c r="BH10" s="219">
        <v>7</v>
      </c>
      <c r="BI10" s="240">
        <v>27</v>
      </c>
      <c r="BJ10" s="242">
        <v>27</v>
      </c>
      <c r="BK10" s="222">
        <v>0</v>
      </c>
      <c r="BL10" s="219">
        <v>0</v>
      </c>
      <c r="BM10" s="219">
        <v>0</v>
      </c>
      <c r="BN10" s="220">
        <v>0</v>
      </c>
      <c r="BO10" s="218">
        <v>0</v>
      </c>
      <c r="BP10" s="218">
        <v>0</v>
      </c>
      <c r="BQ10" s="218">
        <v>0</v>
      </c>
      <c r="BR10" s="219">
        <v>2</v>
      </c>
      <c r="BS10" s="240">
        <v>2</v>
      </c>
      <c r="BT10" s="241">
        <v>2</v>
      </c>
      <c r="BU10" s="217">
        <v>0</v>
      </c>
      <c r="BV10" s="219">
        <v>0</v>
      </c>
      <c r="BW10" s="219">
        <v>0</v>
      </c>
      <c r="BX10" s="220">
        <v>0</v>
      </c>
      <c r="BY10" s="218">
        <v>0</v>
      </c>
      <c r="BZ10" s="218">
        <v>0</v>
      </c>
      <c r="CA10" s="218">
        <v>0</v>
      </c>
      <c r="CB10" s="219">
        <v>2</v>
      </c>
      <c r="CC10" s="240">
        <v>2</v>
      </c>
      <c r="CD10" s="242">
        <v>2</v>
      </c>
      <c r="CE10" s="222">
        <v>0</v>
      </c>
      <c r="CF10" s="219">
        <v>0</v>
      </c>
      <c r="CG10" s="219">
        <v>0</v>
      </c>
      <c r="CH10" s="220">
        <v>0</v>
      </c>
      <c r="CI10" s="218">
        <v>0</v>
      </c>
      <c r="CJ10" s="218">
        <v>0</v>
      </c>
      <c r="CK10" s="218">
        <v>0</v>
      </c>
      <c r="CL10" s="219">
        <v>0</v>
      </c>
      <c r="CM10" s="240">
        <v>0</v>
      </c>
      <c r="CN10" s="242">
        <v>0</v>
      </c>
      <c r="CO10" s="222">
        <v>0</v>
      </c>
      <c r="CP10" s="219">
        <v>0</v>
      </c>
      <c r="CQ10" s="219">
        <v>0</v>
      </c>
      <c r="CR10" s="220">
        <v>0</v>
      </c>
      <c r="CS10" s="218">
        <v>0</v>
      </c>
      <c r="CT10" s="218">
        <v>14</v>
      </c>
      <c r="CU10" s="218">
        <v>99</v>
      </c>
      <c r="CV10" s="219">
        <v>106</v>
      </c>
      <c r="CW10" s="240">
        <v>219</v>
      </c>
      <c r="CX10" s="241">
        <v>219</v>
      </c>
      <c r="CY10" s="217">
        <v>0</v>
      </c>
      <c r="CZ10" s="219">
        <v>0</v>
      </c>
      <c r="DA10" s="219">
        <v>0</v>
      </c>
      <c r="DB10" s="220">
        <v>0</v>
      </c>
      <c r="DC10" s="218">
        <v>0</v>
      </c>
      <c r="DD10" s="218">
        <v>13</v>
      </c>
      <c r="DE10" s="218">
        <v>99</v>
      </c>
      <c r="DF10" s="219">
        <v>104</v>
      </c>
      <c r="DG10" s="240">
        <v>216</v>
      </c>
      <c r="DH10" s="242">
        <v>216</v>
      </c>
      <c r="DI10" s="222">
        <v>0</v>
      </c>
      <c r="DJ10" s="219">
        <v>0</v>
      </c>
      <c r="DK10" s="219">
        <v>0</v>
      </c>
      <c r="DL10" s="220">
        <v>0</v>
      </c>
      <c r="DM10" s="218">
        <v>0</v>
      </c>
      <c r="DN10" s="218">
        <v>1</v>
      </c>
      <c r="DO10" s="218">
        <v>0</v>
      </c>
      <c r="DP10" s="219">
        <v>2</v>
      </c>
      <c r="DQ10" s="240">
        <v>3</v>
      </c>
      <c r="DR10" s="242">
        <v>3</v>
      </c>
      <c r="DS10" s="222">
        <v>0</v>
      </c>
      <c r="DT10" s="219">
        <v>0</v>
      </c>
      <c r="DU10" s="219">
        <v>0</v>
      </c>
      <c r="DV10" s="220">
        <v>68</v>
      </c>
      <c r="DW10" s="218">
        <v>221</v>
      </c>
      <c r="DX10" s="218">
        <v>1058</v>
      </c>
      <c r="DY10" s="218">
        <v>1593</v>
      </c>
      <c r="DZ10" s="219">
        <v>1061</v>
      </c>
      <c r="EA10" s="240">
        <v>4001</v>
      </c>
      <c r="EB10" s="242">
        <v>4001</v>
      </c>
      <c r="EC10" s="239"/>
    </row>
    <row r="11" spans="2:133" ht="21" customHeight="1" x14ac:dyDescent="0.2">
      <c r="B11" s="106" t="s">
        <v>7</v>
      </c>
      <c r="C11" s="217">
        <v>0</v>
      </c>
      <c r="D11" s="219">
        <v>0</v>
      </c>
      <c r="E11" s="219">
        <v>0</v>
      </c>
      <c r="F11" s="220">
        <v>25</v>
      </c>
      <c r="G11" s="218">
        <v>41</v>
      </c>
      <c r="H11" s="218">
        <v>589</v>
      </c>
      <c r="I11" s="218">
        <v>804</v>
      </c>
      <c r="J11" s="219">
        <v>491</v>
      </c>
      <c r="K11" s="240">
        <v>1950</v>
      </c>
      <c r="L11" s="241">
        <v>1950</v>
      </c>
      <c r="M11" s="217">
        <v>0</v>
      </c>
      <c r="N11" s="219">
        <v>0</v>
      </c>
      <c r="O11" s="240">
        <v>0</v>
      </c>
      <c r="P11" s="220">
        <v>24</v>
      </c>
      <c r="Q11" s="218">
        <v>40</v>
      </c>
      <c r="R11" s="218">
        <v>585</v>
      </c>
      <c r="S11" s="218">
        <v>790</v>
      </c>
      <c r="T11" s="219">
        <v>483</v>
      </c>
      <c r="U11" s="240">
        <v>1922</v>
      </c>
      <c r="V11" s="242">
        <v>1922</v>
      </c>
      <c r="W11" s="222">
        <v>0</v>
      </c>
      <c r="X11" s="219">
        <v>0</v>
      </c>
      <c r="Y11" s="240">
        <v>0</v>
      </c>
      <c r="Z11" s="222">
        <v>1</v>
      </c>
      <c r="AA11" s="218">
        <v>1</v>
      </c>
      <c r="AB11" s="218">
        <v>4</v>
      </c>
      <c r="AC11" s="218">
        <v>14</v>
      </c>
      <c r="AD11" s="219">
        <v>8</v>
      </c>
      <c r="AE11" s="240">
        <v>28</v>
      </c>
      <c r="AF11" s="221">
        <v>28</v>
      </c>
      <c r="AG11" s="222">
        <v>0</v>
      </c>
      <c r="AH11" s="219">
        <v>0</v>
      </c>
      <c r="AI11" s="240">
        <v>0</v>
      </c>
      <c r="AJ11" s="222">
        <v>162</v>
      </c>
      <c r="AK11" s="218">
        <v>198</v>
      </c>
      <c r="AL11" s="218">
        <v>274</v>
      </c>
      <c r="AM11" s="218">
        <v>308</v>
      </c>
      <c r="AN11" s="219">
        <v>104</v>
      </c>
      <c r="AO11" s="240">
        <v>1046</v>
      </c>
      <c r="AP11" s="221">
        <v>1046</v>
      </c>
      <c r="AQ11" s="222">
        <v>0</v>
      </c>
      <c r="AR11" s="219">
        <v>0</v>
      </c>
      <c r="AS11" s="240">
        <v>0</v>
      </c>
      <c r="AT11" s="220">
        <v>162</v>
      </c>
      <c r="AU11" s="218">
        <v>196</v>
      </c>
      <c r="AV11" s="218">
        <v>266</v>
      </c>
      <c r="AW11" s="218">
        <v>298</v>
      </c>
      <c r="AX11" s="219">
        <v>102</v>
      </c>
      <c r="AY11" s="240">
        <v>1024</v>
      </c>
      <c r="AZ11" s="241">
        <v>1024</v>
      </c>
      <c r="BA11" s="217">
        <v>0</v>
      </c>
      <c r="BB11" s="219">
        <v>0</v>
      </c>
      <c r="BC11" s="219">
        <v>0</v>
      </c>
      <c r="BD11" s="220">
        <v>0</v>
      </c>
      <c r="BE11" s="218">
        <v>2</v>
      </c>
      <c r="BF11" s="218">
        <v>8</v>
      </c>
      <c r="BG11" s="218">
        <v>10</v>
      </c>
      <c r="BH11" s="219">
        <v>2</v>
      </c>
      <c r="BI11" s="240">
        <v>22</v>
      </c>
      <c r="BJ11" s="242">
        <v>22</v>
      </c>
      <c r="BK11" s="222">
        <v>0</v>
      </c>
      <c r="BL11" s="219">
        <v>0</v>
      </c>
      <c r="BM11" s="219">
        <v>0</v>
      </c>
      <c r="BN11" s="220">
        <v>0</v>
      </c>
      <c r="BO11" s="218">
        <v>0</v>
      </c>
      <c r="BP11" s="218">
        <v>0</v>
      </c>
      <c r="BQ11" s="218">
        <v>0</v>
      </c>
      <c r="BR11" s="219">
        <v>0</v>
      </c>
      <c r="BS11" s="240">
        <v>0</v>
      </c>
      <c r="BT11" s="241">
        <v>0</v>
      </c>
      <c r="BU11" s="217">
        <v>0</v>
      </c>
      <c r="BV11" s="219">
        <v>0</v>
      </c>
      <c r="BW11" s="219">
        <v>0</v>
      </c>
      <c r="BX11" s="220">
        <v>0</v>
      </c>
      <c r="BY11" s="218">
        <v>0</v>
      </c>
      <c r="BZ11" s="218">
        <v>0</v>
      </c>
      <c r="CA11" s="218">
        <v>0</v>
      </c>
      <c r="CB11" s="219">
        <v>0</v>
      </c>
      <c r="CC11" s="240">
        <v>0</v>
      </c>
      <c r="CD11" s="242">
        <v>0</v>
      </c>
      <c r="CE11" s="222">
        <v>0</v>
      </c>
      <c r="CF11" s="219">
        <v>0</v>
      </c>
      <c r="CG11" s="219">
        <v>0</v>
      </c>
      <c r="CH11" s="220">
        <v>0</v>
      </c>
      <c r="CI11" s="218">
        <v>0</v>
      </c>
      <c r="CJ11" s="218">
        <v>0</v>
      </c>
      <c r="CK11" s="218">
        <v>0</v>
      </c>
      <c r="CL11" s="219">
        <v>0</v>
      </c>
      <c r="CM11" s="240">
        <v>0</v>
      </c>
      <c r="CN11" s="242">
        <v>0</v>
      </c>
      <c r="CO11" s="222">
        <v>0</v>
      </c>
      <c r="CP11" s="219">
        <v>0</v>
      </c>
      <c r="CQ11" s="219">
        <v>0</v>
      </c>
      <c r="CR11" s="220">
        <v>0</v>
      </c>
      <c r="CS11" s="218">
        <v>0</v>
      </c>
      <c r="CT11" s="218">
        <v>2</v>
      </c>
      <c r="CU11" s="218">
        <v>4</v>
      </c>
      <c r="CV11" s="219">
        <v>3</v>
      </c>
      <c r="CW11" s="240">
        <v>9</v>
      </c>
      <c r="CX11" s="241">
        <v>9</v>
      </c>
      <c r="CY11" s="217">
        <v>0</v>
      </c>
      <c r="CZ11" s="219">
        <v>0</v>
      </c>
      <c r="DA11" s="219">
        <v>0</v>
      </c>
      <c r="DB11" s="220">
        <v>0</v>
      </c>
      <c r="DC11" s="218">
        <v>0</v>
      </c>
      <c r="DD11" s="218">
        <v>2</v>
      </c>
      <c r="DE11" s="218">
        <v>4</v>
      </c>
      <c r="DF11" s="219">
        <v>3</v>
      </c>
      <c r="DG11" s="240">
        <v>9</v>
      </c>
      <c r="DH11" s="242">
        <v>9</v>
      </c>
      <c r="DI11" s="222">
        <v>0</v>
      </c>
      <c r="DJ11" s="219">
        <v>0</v>
      </c>
      <c r="DK11" s="219">
        <v>0</v>
      </c>
      <c r="DL11" s="220">
        <v>0</v>
      </c>
      <c r="DM11" s="218">
        <v>0</v>
      </c>
      <c r="DN11" s="218">
        <v>0</v>
      </c>
      <c r="DO11" s="218">
        <v>0</v>
      </c>
      <c r="DP11" s="219">
        <v>0</v>
      </c>
      <c r="DQ11" s="240">
        <v>0</v>
      </c>
      <c r="DR11" s="242">
        <v>0</v>
      </c>
      <c r="DS11" s="222">
        <v>0</v>
      </c>
      <c r="DT11" s="219">
        <v>0</v>
      </c>
      <c r="DU11" s="219">
        <v>0</v>
      </c>
      <c r="DV11" s="220">
        <v>187</v>
      </c>
      <c r="DW11" s="218">
        <v>239</v>
      </c>
      <c r="DX11" s="218">
        <v>858</v>
      </c>
      <c r="DY11" s="218">
        <v>1108</v>
      </c>
      <c r="DZ11" s="219">
        <v>597</v>
      </c>
      <c r="EA11" s="240">
        <v>2989</v>
      </c>
      <c r="EB11" s="242">
        <v>2989</v>
      </c>
      <c r="EC11" s="239"/>
    </row>
    <row r="12" spans="2:133" ht="21" customHeight="1" x14ac:dyDescent="0.2">
      <c r="B12" s="106" t="s">
        <v>8</v>
      </c>
      <c r="C12" s="217">
        <v>0</v>
      </c>
      <c r="D12" s="219">
        <v>0</v>
      </c>
      <c r="E12" s="219">
        <v>0</v>
      </c>
      <c r="F12" s="220">
        <v>13</v>
      </c>
      <c r="G12" s="218">
        <v>60</v>
      </c>
      <c r="H12" s="218">
        <v>402</v>
      </c>
      <c r="I12" s="218">
        <v>423</v>
      </c>
      <c r="J12" s="219">
        <v>242</v>
      </c>
      <c r="K12" s="240">
        <v>1140</v>
      </c>
      <c r="L12" s="241">
        <v>1140</v>
      </c>
      <c r="M12" s="217">
        <v>0</v>
      </c>
      <c r="N12" s="219">
        <v>0</v>
      </c>
      <c r="O12" s="240">
        <v>0</v>
      </c>
      <c r="P12" s="220">
        <v>13</v>
      </c>
      <c r="Q12" s="218">
        <v>59</v>
      </c>
      <c r="R12" s="218">
        <v>401</v>
      </c>
      <c r="S12" s="218">
        <v>419</v>
      </c>
      <c r="T12" s="219">
        <v>240</v>
      </c>
      <c r="U12" s="240">
        <v>1132</v>
      </c>
      <c r="V12" s="242">
        <v>1132</v>
      </c>
      <c r="W12" s="222">
        <v>0</v>
      </c>
      <c r="X12" s="219">
        <v>0</v>
      </c>
      <c r="Y12" s="240">
        <v>0</v>
      </c>
      <c r="Z12" s="222">
        <v>0</v>
      </c>
      <c r="AA12" s="218">
        <v>1</v>
      </c>
      <c r="AB12" s="218">
        <v>1</v>
      </c>
      <c r="AC12" s="218">
        <v>4</v>
      </c>
      <c r="AD12" s="219">
        <v>2</v>
      </c>
      <c r="AE12" s="240">
        <v>8</v>
      </c>
      <c r="AF12" s="221">
        <v>8</v>
      </c>
      <c r="AG12" s="222">
        <v>0</v>
      </c>
      <c r="AH12" s="219">
        <v>0</v>
      </c>
      <c r="AI12" s="240">
        <v>0</v>
      </c>
      <c r="AJ12" s="222">
        <v>42</v>
      </c>
      <c r="AK12" s="218">
        <v>88</v>
      </c>
      <c r="AL12" s="218">
        <v>153</v>
      </c>
      <c r="AM12" s="218">
        <v>139</v>
      </c>
      <c r="AN12" s="219">
        <v>77</v>
      </c>
      <c r="AO12" s="240">
        <v>499</v>
      </c>
      <c r="AP12" s="221">
        <v>499</v>
      </c>
      <c r="AQ12" s="222">
        <v>0</v>
      </c>
      <c r="AR12" s="219">
        <v>0</v>
      </c>
      <c r="AS12" s="240">
        <v>0</v>
      </c>
      <c r="AT12" s="220">
        <v>42</v>
      </c>
      <c r="AU12" s="218">
        <v>88</v>
      </c>
      <c r="AV12" s="218">
        <v>153</v>
      </c>
      <c r="AW12" s="218">
        <v>137</v>
      </c>
      <c r="AX12" s="219">
        <v>75</v>
      </c>
      <c r="AY12" s="240">
        <v>495</v>
      </c>
      <c r="AZ12" s="241">
        <v>495</v>
      </c>
      <c r="BA12" s="217">
        <v>0</v>
      </c>
      <c r="BB12" s="219">
        <v>0</v>
      </c>
      <c r="BC12" s="219">
        <v>0</v>
      </c>
      <c r="BD12" s="220">
        <v>0</v>
      </c>
      <c r="BE12" s="218">
        <v>0</v>
      </c>
      <c r="BF12" s="218">
        <v>0</v>
      </c>
      <c r="BG12" s="218">
        <v>2</v>
      </c>
      <c r="BH12" s="219">
        <v>2</v>
      </c>
      <c r="BI12" s="240">
        <v>4</v>
      </c>
      <c r="BJ12" s="242">
        <v>4</v>
      </c>
      <c r="BK12" s="222">
        <v>0</v>
      </c>
      <c r="BL12" s="219">
        <v>0</v>
      </c>
      <c r="BM12" s="219">
        <v>0</v>
      </c>
      <c r="BN12" s="220">
        <v>0</v>
      </c>
      <c r="BO12" s="218">
        <v>0</v>
      </c>
      <c r="BP12" s="218">
        <v>0</v>
      </c>
      <c r="BQ12" s="218">
        <v>0</v>
      </c>
      <c r="BR12" s="219">
        <v>0</v>
      </c>
      <c r="BS12" s="240">
        <v>0</v>
      </c>
      <c r="BT12" s="241">
        <v>0</v>
      </c>
      <c r="BU12" s="217">
        <v>0</v>
      </c>
      <c r="BV12" s="219">
        <v>0</v>
      </c>
      <c r="BW12" s="219">
        <v>0</v>
      </c>
      <c r="BX12" s="220">
        <v>0</v>
      </c>
      <c r="BY12" s="218">
        <v>0</v>
      </c>
      <c r="BZ12" s="218">
        <v>0</v>
      </c>
      <c r="CA12" s="218">
        <v>0</v>
      </c>
      <c r="CB12" s="219">
        <v>0</v>
      </c>
      <c r="CC12" s="240">
        <v>0</v>
      </c>
      <c r="CD12" s="242">
        <v>0</v>
      </c>
      <c r="CE12" s="222">
        <v>0</v>
      </c>
      <c r="CF12" s="219">
        <v>0</v>
      </c>
      <c r="CG12" s="219">
        <v>0</v>
      </c>
      <c r="CH12" s="220">
        <v>0</v>
      </c>
      <c r="CI12" s="218">
        <v>0</v>
      </c>
      <c r="CJ12" s="218">
        <v>0</v>
      </c>
      <c r="CK12" s="218">
        <v>0</v>
      </c>
      <c r="CL12" s="219">
        <v>0</v>
      </c>
      <c r="CM12" s="240">
        <v>0</v>
      </c>
      <c r="CN12" s="242">
        <v>0</v>
      </c>
      <c r="CO12" s="222">
        <v>0</v>
      </c>
      <c r="CP12" s="219">
        <v>0</v>
      </c>
      <c r="CQ12" s="219">
        <v>0</v>
      </c>
      <c r="CR12" s="220">
        <v>1</v>
      </c>
      <c r="CS12" s="218">
        <v>0</v>
      </c>
      <c r="CT12" s="218">
        <v>1</v>
      </c>
      <c r="CU12" s="218">
        <v>11</v>
      </c>
      <c r="CV12" s="219">
        <v>9</v>
      </c>
      <c r="CW12" s="240">
        <v>22</v>
      </c>
      <c r="CX12" s="241">
        <v>22</v>
      </c>
      <c r="CY12" s="217">
        <v>0</v>
      </c>
      <c r="CZ12" s="219">
        <v>0</v>
      </c>
      <c r="DA12" s="219">
        <v>0</v>
      </c>
      <c r="DB12" s="220">
        <v>1</v>
      </c>
      <c r="DC12" s="218">
        <v>0</v>
      </c>
      <c r="DD12" s="218">
        <v>1</v>
      </c>
      <c r="DE12" s="218">
        <v>11</v>
      </c>
      <c r="DF12" s="219">
        <v>8</v>
      </c>
      <c r="DG12" s="240">
        <v>21</v>
      </c>
      <c r="DH12" s="242">
        <v>21</v>
      </c>
      <c r="DI12" s="222">
        <v>0</v>
      </c>
      <c r="DJ12" s="219">
        <v>0</v>
      </c>
      <c r="DK12" s="219">
        <v>0</v>
      </c>
      <c r="DL12" s="220">
        <v>0</v>
      </c>
      <c r="DM12" s="218">
        <v>0</v>
      </c>
      <c r="DN12" s="218">
        <v>0</v>
      </c>
      <c r="DO12" s="218">
        <v>0</v>
      </c>
      <c r="DP12" s="219">
        <v>1</v>
      </c>
      <c r="DQ12" s="240">
        <v>1</v>
      </c>
      <c r="DR12" s="242">
        <v>1</v>
      </c>
      <c r="DS12" s="222">
        <v>0</v>
      </c>
      <c r="DT12" s="219">
        <v>0</v>
      </c>
      <c r="DU12" s="219">
        <v>0</v>
      </c>
      <c r="DV12" s="220">
        <v>56</v>
      </c>
      <c r="DW12" s="218">
        <v>148</v>
      </c>
      <c r="DX12" s="218">
        <v>556</v>
      </c>
      <c r="DY12" s="218">
        <v>573</v>
      </c>
      <c r="DZ12" s="219">
        <v>328</v>
      </c>
      <c r="EA12" s="240">
        <v>1661</v>
      </c>
      <c r="EB12" s="242">
        <v>1661</v>
      </c>
      <c r="EC12" s="239"/>
    </row>
    <row r="13" spans="2:133" ht="21" customHeight="1" x14ac:dyDescent="0.2">
      <c r="B13" s="106" t="s">
        <v>9</v>
      </c>
      <c r="C13" s="217">
        <v>0</v>
      </c>
      <c r="D13" s="219">
        <v>0</v>
      </c>
      <c r="E13" s="219">
        <v>0</v>
      </c>
      <c r="F13" s="220">
        <v>2</v>
      </c>
      <c r="G13" s="218">
        <v>5</v>
      </c>
      <c r="H13" s="218">
        <v>195</v>
      </c>
      <c r="I13" s="218">
        <v>348</v>
      </c>
      <c r="J13" s="219">
        <v>281</v>
      </c>
      <c r="K13" s="240">
        <v>831</v>
      </c>
      <c r="L13" s="241">
        <v>831</v>
      </c>
      <c r="M13" s="217">
        <v>0</v>
      </c>
      <c r="N13" s="219">
        <v>0</v>
      </c>
      <c r="O13" s="240">
        <v>0</v>
      </c>
      <c r="P13" s="220">
        <v>2</v>
      </c>
      <c r="Q13" s="218">
        <v>5</v>
      </c>
      <c r="R13" s="218">
        <v>194</v>
      </c>
      <c r="S13" s="218">
        <v>344</v>
      </c>
      <c r="T13" s="219">
        <v>279</v>
      </c>
      <c r="U13" s="240">
        <v>824</v>
      </c>
      <c r="V13" s="242">
        <v>824</v>
      </c>
      <c r="W13" s="222">
        <v>0</v>
      </c>
      <c r="X13" s="219">
        <v>0</v>
      </c>
      <c r="Y13" s="240">
        <v>0</v>
      </c>
      <c r="Z13" s="222">
        <v>0</v>
      </c>
      <c r="AA13" s="218">
        <v>0</v>
      </c>
      <c r="AB13" s="218">
        <v>1</v>
      </c>
      <c r="AC13" s="218">
        <v>4</v>
      </c>
      <c r="AD13" s="219">
        <v>2</v>
      </c>
      <c r="AE13" s="240">
        <v>7</v>
      </c>
      <c r="AF13" s="221">
        <v>7</v>
      </c>
      <c r="AG13" s="222">
        <v>0</v>
      </c>
      <c r="AH13" s="219">
        <v>0</v>
      </c>
      <c r="AI13" s="240">
        <v>0</v>
      </c>
      <c r="AJ13" s="222">
        <v>27</v>
      </c>
      <c r="AK13" s="218">
        <v>61</v>
      </c>
      <c r="AL13" s="218">
        <v>116</v>
      </c>
      <c r="AM13" s="218">
        <v>107</v>
      </c>
      <c r="AN13" s="219">
        <v>81</v>
      </c>
      <c r="AO13" s="240">
        <v>392</v>
      </c>
      <c r="AP13" s="221">
        <v>392</v>
      </c>
      <c r="AQ13" s="222">
        <v>0</v>
      </c>
      <c r="AR13" s="219">
        <v>0</v>
      </c>
      <c r="AS13" s="240">
        <v>0</v>
      </c>
      <c r="AT13" s="220">
        <v>27</v>
      </c>
      <c r="AU13" s="218">
        <v>60</v>
      </c>
      <c r="AV13" s="218">
        <v>113</v>
      </c>
      <c r="AW13" s="218">
        <v>103</v>
      </c>
      <c r="AX13" s="219">
        <v>81</v>
      </c>
      <c r="AY13" s="240">
        <v>384</v>
      </c>
      <c r="AZ13" s="241">
        <v>384</v>
      </c>
      <c r="BA13" s="217">
        <v>0</v>
      </c>
      <c r="BB13" s="219">
        <v>0</v>
      </c>
      <c r="BC13" s="219">
        <v>0</v>
      </c>
      <c r="BD13" s="220">
        <v>0</v>
      </c>
      <c r="BE13" s="218">
        <v>1</v>
      </c>
      <c r="BF13" s="218">
        <v>3</v>
      </c>
      <c r="BG13" s="218">
        <v>4</v>
      </c>
      <c r="BH13" s="219">
        <v>0</v>
      </c>
      <c r="BI13" s="240">
        <v>8</v>
      </c>
      <c r="BJ13" s="242">
        <v>8</v>
      </c>
      <c r="BK13" s="222">
        <v>0</v>
      </c>
      <c r="BL13" s="219">
        <v>0</v>
      </c>
      <c r="BM13" s="219">
        <v>0</v>
      </c>
      <c r="BN13" s="220">
        <v>0</v>
      </c>
      <c r="BO13" s="218">
        <v>0</v>
      </c>
      <c r="BP13" s="218">
        <v>0</v>
      </c>
      <c r="BQ13" s="218">
        <v>0</v>
      </c>
      <c r="BR13" s="219">
        <v>0</v>
      </c>
      <c r="BS13" s="240">
        <v>0</v>
      </c>
      <c r="BT13" s="241">
        <v>0</v>
      </c>
      <c r="BU13" s="217">
        <v>0</v>
      </c>
      <c r="BV13" s="219">
        <v>0</v>
      </c>
      <c r="BW13" s="219">
        <v>0</v>
      </c>
      <c r="BX13" s="220">
        <v>0</v>
      </c>
      <c r="BY13" s="218">
        <v>0</v>
      </c>
      <c r="BZ13" s="218">
        <v>0</v>
      </c>
      <c r="CA13" s="218">
        <v>0</v>
      </c>
      <c r="CB13" s="219">
        <v>0</v>
      </c>
      <c r="CC13" s="240">
        <v>0</v>
      </c>
      <c r="CD13" s="242">
        <v>0</v>
      </c>
      <c r="CE13" s="222">
        <v>0</v>
      </c>
      <c r="CF13" s="219">
        <v>0</v>
      </c>
      <c r="CG13" s="219">
        <v>0</v>
      </c>
      <c r="CH13" s="220">
        <v>0</v>
      </c>
      <c r="CI13" s="218">
        <v>0</v>
      </c>
      <c r="CJ13" s="218">
        <v>0</v>
      </c>
      <c r="CK13" s="218">
        <v>0</v>
      </c>
      <c r="CL13" s="219">
        <v>0</v>
      </c>
      <c r="CM13" s="240">
        <v>0</v>
      </c>
      <c r="CN13" s="242">
        <v>0</v>
      </c>
      <c r="CO13" s="222">
        <v>0</v>
      </c>
      <c r="CP13" s="219">
        <v>0</v>
      </c>
      <c r="CQ13" s="219">
        <v>0</v>
      </c>
      <c r="CR13" s="220">
        <v>0</v>
      </c>
      <c r="CS13" s="218">
        <v>0</v>
      </c>
      <c r="CT13" s="218">
        <v>0</v>
      </c>
      <c r="CU13" s="218">
        <v>5</v>
      </c>
      <c r="CV13" s="219">
        <v>9</v>
      </c>
      <c r="CW13" s="240">
        <v>14</v>
      </c>
      <c r="CX13" s="241">
        <v>14</v>
      </c>
      <c r="CY13" s="217">
        <v>0</v>
      </c>
      <c r="CZ13" s="219">
        <v>0</v>
      </c>
      <c r="DA13" s="219">
        <v>0</v>
      </c>
      <c r="DB13" s="220">
        <v>0</v>
      </c>
      <c r="DC13" s="218">
        <v>0</v>
      </c>
      <c r="DD13" s="218">
        <v>0</v>
      </c>
      <c r="DE13" s="218">
        <v>5</v>
      </c>
      <c r="DF13" s="219">
        <v>9</v>
      </c>
      <c r="DG13" s="240">
        <v>14</v>
      </c>
      <c r="DH13" s="242">
        <v>14</v>
      </c>
      <c r="DI13" s="222">
        <v>0</v>
      </c>
      <c r="DJ13" s="219">
        <v>0</v>
      </c>
      <c r="DK13" s="219">
        <v>0</v>
      </c>
      <c r="DL13" s="220">
        <v>0</v>
      </c>
      <c r="DM13" s="218">
        <v>0</v>
      </c>
      <c r="DN13" s="218">
        <v>0</v>
      </c>
      <c r="DO13" s="218">
        <v>0</v>
      </c>
      <c r="DP13" s="219">
        <v>0</v>
      </c>
      <c r="DQ13" s="240">
        <v>0</v>
      </c>
      <c r="DR13" s="242">
        <v>0</v>
      </c>
      <c r="DS13" s="222">
        <v>0</v>
      </c>
      <c r="DT13" s="219">
        <v>0</v>
      </c>
      <c r="DU13" s="219">
        <v>0</v>
      </c>
      <c r="DV13" s="220">
        <v>29</v>
      </c>
      <c r="DW13" s="218">
        <v>66</v>
      </c>
      <c r="DX13" s="218">
        <v>311</v>
      </c>
      <c r="DY13" s="218">
        <v>457</v>
      </c>
      <c r="DZ13" s="219">
        <v>369</v>
      </c>
      <c r="EA13" s="240">
        <v>1232</v>
      </c>
      <c r="EB13" s="242">
        <v>1232</v>
      </c>
      <c r="EC13" s="239"/>
    </row>
    <row r="14" spans="2:133" ht="21" customHeight="1" x14ac:dyDescent="0.2">
      <c r="B14" s="106" t="s">
        <v>10</v>
      </c>
      <c r="C14" s="217">
        <v>0</v>
      </c>
      <c r="D14" s="219">
        <v>0</v>
      </c>
      <c r="E14" s="219">
        <v>0</v>
      </c>
      <c r="F14" s="220">
        <v>15</v>
      </c>
      <c r="G14" s="218">
        <v>50</v>
      </c>
      <c r="H14" s="218">
        <v>319</v>
      </c>
      <c r="I14" s="218">
        <v>601</v>
      </c>
      <c r="J14" s="219">
        <v>444</v>
      </c>
      <c r="K14" s="240">
        <v>1429</v>
      </c>
      <c r="L14" s="241">
        <v>1429</v>
      </c>
      <c r="M14" s="217">
        <v>0</v>
      </c>
      <c r="N14" s="219">
        <v>0</v>
      </c>
      <c r="O14" s="240">
        <v>0</v>
      </c>
      <c r="P14" s="220">
        <v>15</v>
      </c>
      <c r="Q14" s="218">
        <v>49</v>
      </c>
      <c r="R14" s="218">
        <v>315</v>
      </c>
      <c r="S14" s="218">
        <v>594</v>
      </c>
      <c r="T14" s="219">
        <v>439</v>
      </c>
      <c r="U14" s="240">
        <v>1412</v>
      </c>
      <c r="V14" s="242">
        <v>1412</v>
      </c>
      <c r="W14" s="222">
        <v>0</v>
      </c>
      <c r="X14" s="219">
        <v>0</v>
      </c>
      <c r="Y14" s="240">
        <v>0</v>
      </c>
      <c r="Z14" s="222">
        <v>0</v>
      </c>
      <c r="AA14" s="218">
        <v>1</v>
      </c>
      <c r="AB14" s="218">
        <v>4</v>
      </c>
      <c r="AC14" s="218">
        <v>7</v>
      </c>
      <c r="AD14" s="219">
        <v>5</v>
      </c>
      <c r="AE14" s="240">
        <v>17</v>
      </c>
      <c r="AF14" s="221">
        <v>17</v>
      </c>
      <c r="AG14" s="222">
        <v>0</v>
      </c>
      <c r="AH14" s="219">
        <v>0</v>
      </c>
      <c r="AI14" s="240">
        <v>0</v>
      </c>
      <c r="AJ14" s="222">
        <v>92</v>
      </c>
      <c r="AK14" s="218">
        <v>114</v>
      </c>
      <c r="AL14" s="218">
        <v>131</v>
      </c>
      <c r="AM14" s="218">
        <v>179</v>
      </c>
      <c r="AN14" s="219">
        <v>104</v>
      </c>
      <c r="AO14" s="240">
        <v>620</v>
      </c>
      <c r="AP14" s="221">
        <v>620</v>
      </c>
      <c r="AQ14" s="222">
        <v>0</v>
      </c>
      <c r="AR14" s="219">
        <v>0</v>
      </c>
      <c r="AS14" s="240">
        <v>0</v>
      </c>
      <c r="AT14" s="220">
        <v>89</v>
      </c>
      <c r="AU14" s="218">
        <v>112</v>
      </c>
      <c r="AV14" s="218">
        <v>127</v>
      </c>
      <c r="AW14" s="218">
        <v>177</v>
      </c>
      <c r="AX14" s="219">
        <v>100</v>
      </c>
      <c r="AY14" s="240">
        <v>605</v>
      </c>
      <c r="AZ14" s="241">
        <v>605</v>
      </c>
      <c r="BA14" s="217">
        <v>0</v>
      </c>
      <c r="BB14" s="219">
        <v>0</v>
      </c>
      <c r="BC14" s="219">
        <v>0</v>
      </c>
      <c r="BD14" s="220">
        <v>3</v>
      </c>
      <c r="BE14" s="218">
        <v>2</v>
      </c>
      <c r="BF14" s="218">
        <v>4</v>
      </c>
      <c r="BG14" s="218">
        <v>2</v>
      </c>
      <c r="BH14" s="219">
        <v>4</v>
      </c>
      <c r="BI14" s="240">
        <v>15</v>
      </c>
      <c r="BJ14" s="242">
        <v>15</v>
      </c>
      <c r="BK14" s="222">
        <v>0</v>
      </c>
      <c r="BL14" s="219">
        <v>0</v>
      </c>
      <c r="BM14" s="219">
        <v>0</v>
      </c>
      <c r="BN14" s="220">
        <v>0</v>
      </c>
      <c r="BO14" s="218">
        <v>0</v>
      </c>
      <c r="BP14" s="218">
        <v>0</v>
      </c>
      <c r="BQ14" s="218">
        <v>0</v>
      </c>
      <c r="BR14" s="219">
        <v>0</v>
      </c>
      <c r="BS14" s="240">
        <v>0</v>
      </c>
      <c r="BT14" s="241">
        <v>0</v>
      </c>
      <c r="BU14" s="217">
        <v>0</v>
      </c>
      <c r="BV14" s="219">
        <v>0</v>
      </c>
      <c r="BW14" s="219">
        <v>0</v>
      </c>
      <c r="BX14" s="220">
        <v>0</v>
      </c>
      <c r="BY14" s="218">
        <v>0</v>
      </c>
      <c r="BZ14" s="218">
        <v>0</v>
      </c>
      <c r="CA14" s="218">
        <v>0</v>
      </c>
      <c r="CB14" s="219">
        <v>0</v>
      </c>
      <c r="CC14" s="240">
        <v>0</v>
      </c>
      <c r="CD14" s="242">
        <v>0</v>
      </c>
      <c r="CE14" s="222">
        <v>0</v>
      </c>
      <c r="CF14" s="219">
        <v>0</v>
      </c>
      <c r="CG14" s="219">
        <v>0</v>
      </c>
      <c r="CH14" s="220">
        <v>0</v>
      </c>
      <c r="CI14" s="218">
        <v>0</v>
      </c>
      <c r="CJ14" s="218">
        <v>0</v>
      </c>
      <c r="CK14" s="218">
        <v>0</v>
      </c>
      <c r="CL14" s="219">
        <v>0</v>
      </c>
      <c r="CM14" s="240">
        <v>0</v>
      </c>
      <c r="CN14" s="242">
        <v>0</v>
      </c>
      <c r="CO14" s="222">
        <v>0</v>
      </c>
      <c r="CP14" s="219">
        <v>0</v>
      </c>
      <c r="CQ14" s="219">
        <v>0</v>
      </c>
      <c r="CR14" s="220">
        <v>0</v>
      </c>
      <c r="CS14" s="218">
        <v>0</v>
      </c>
      <c r="CT14" s="218">
        <v>1</v>
      </c>
      <c r="CU14" s="218">
        <v>4</v>
      </c>
      <c r="CV14" s="219">
        <v>28</v>
      </c>
      <c r="CW14" s="240">
        <v>33</v>
      </c>
      <c r="CX14" s="241">
        <v>33</v>
      </c>
      <c r="CY14" s="217">
        <v>0</v>
      </c>
      <c r="CZ14" s="219">
        <v>0</v>
      </c>
      <c r="DA14" s="219">
        <v>0</v>
      </c>
      <c r="DB14" s="220">
        <v>0</v>
      </c>
      <c r="DC14" s="218">
        <v>0</v>
      </c>
      <c r="DD14" s="218">
        <v>1</v>
      </c>
      <c r="DE14" s="218">
        <v>4</v>
      </c>
      <c r="DF14" s="219">
        <v>28</v>
      </c>
      <c r="DG14" s="240">
        <v>33</v>
      </c>
      <c r="DH14" s="242">
        <v>33</v>
      </c>
      <c r="DI14" s="222">
        <v>0</v>
      </c>
      <c r="DJ14" s="219">
        <v>0</v>
      </c>
      <c r="DK14" s="219">
        <v>0</v>
      </c>
      <c r="DL14" s="220">
        <v>0</v>
      </c>
      <c r="DM14" s="218">
        <v>0</v>
      </c>
      <c r="DN14" s="218">
        <v>0</v>
      </c>
      <c r="DO14" s="218">
        <v>0</v>
      </c>
      <c r="DP14" s="219">
        <v>0</v>
      </c>
      <c r="DQ14" s="240">
        <v>0</v>
      </c>
      <c r="DR14" s="242">
        <v>0</v>
      </c>
      <c r="DS14" s="222">
        <v>0</v>
      </c>
      <c r="DT14" s="219">
        <v>0</v>
      </c>
      <c r="DU14" s="219">
        <v>0</v>
      </c>
      <c r="DV14" s="220">
        <v>107</v>
      </c>
      <c r="DW14" s="218">
        <v>164</v>
      </c>
      <c r="DX14" s="218">
        <v>450</v>
      </c>
      <c r="DY14" s="218">
        <v>781</v>
      </c>
      <c r="DZ14" s="219">
        <v>576</v>
      </c>
      <c r="EA14" s="240">
        <v>2078</v>
      </c>
      <c r="EB14" s="242">
        <v>2078</v>
      </c>
      <c r="EC14" s="239"/>
    </row>
    <row r="15" spans="2:133" ht="21" customHeight="1" x14ac:dyDescent="0.2">
      <c r="B15" s="106" t="s">
        <v>11</v>
      </c>
      <c r="C15" s="217">
        <v>0</v>
      </c>
      <c r="D15" s="219">
        <v>0</v>
      </c>
      <c r="E15" s="219">
        <v>0</v>
      </c>
      <c r="F15" s="220">
        <v>1</v>
      </c>
      <c r="G15" s="218">
        <v>7</v>
      </c>
      <c r="H15" s="218">
        <v>171</v>
      </c>
      <c r="I15" s="218">
        <v>331</v>
      </c>
      <c r="J15" s="219">
        <v>193</v>
      </c>
      <c r="K15" s="240">
        <v>703</v>
      </c>
      <c r="L15" s="241">
        <v>703</v>
      </c>
      <c r="M15" s="217">
        <v>0</v>
      </c>
      <c r="N15" s="219">
        <v>0</v>
      </c>
      <c r="O15" s="240">
        <v>0</v>
      </c>
      <c r="P15" s="220">
        <v>1</v>
      </c>
      <c r="Q15" s="218">
        <v>7</v>
      </c>
      <c r="R15" s="218">
        <v>170</v>
      </c>
      <c r="S15" s="218">
        <v>329</v>
      </c>
      <c r="T15" s="219">
        <v>193</v>
      </c>
      <c r="U15" s="240">
        <v>700</v>
      </c>
      <c r="V15" s="242">
        <v>700</v>
      </c>
      <c r="W15" s="222">
        <v>0</v>
      </c>
      <c r="X15" s="219">
        <v>0</v>
      </c>
      <c r="Y15" s="240">
        <v>0</v>
      </c>
      <c r="Z15" s="222">
        <v>0</v>
      </c>
      <c r="AA15" s="218">
        <v>0</v>
      </c>
      <c r="AB15" s="218">
        <v>1</v>
      </c>
      <c r="AC15" s="218">
        <v>2</v>
      </c>
      <c r="AD15" s="219">
        <v>0</v>
      </c>
      <c r="AE15" s="240">
        <v>3</v>
      </c>
      <c r="AF15" s="221">
        <v>3</v>
      </c>
      <c r="AG15" s="222">
        <v>0</v>
      </c>
      <c r="AH15" s="219">
        <v>0</v>
      </c>
      <c r="AI15" s="240">
        <v>0</v>
      </c>
      <c r="AJ15" s="222">
        <v>52</v>
      </c>
      <c r="AK15" s="218">
        <v>84</v>
      </c>
      <c r="AL15" s="218">
        <v>129</v>
      </c>
      <c r="AM15" s="218">
        <v>145</v>
      </c>
      <c r="AN15" s="219">
        <v>81</v>
      </c>
      <c r="AO15" s="240">
        <v>491</v>
      </c>
      <c r="AP15" s="221">
        <v>491</v>
      </c>
      <c r="AQ15" s="222">
        <v>0</v>
      </c>
      <c r="AR15" s="219">
        <v>0</v>
      </c>
      <c r="AS15" s="240">
        <v>0</v>
      </c>
      <c r="AT15" s="220">
        <v>51</v>
      </c>
      <c r="AU15" s="218">
        <v>83</v>
      </c>
      <c r="AV15" s="218">
        <v>127</v>
      </c>
      <c r="AW15" s="218">
        <v>144</v>
      </c>
      <c r="AX15" s="219">
        <v>80</v>
      </c>
      <c r="AY15" s="240">
        <v>485</v>
      </c>
      <c r="AZ15" s="241">
        <v>485</v>
      </c>
      <c r="BA15" s="217">
        <v>0</v>
      </c>
      <c r="BB15" s="219">
        <v>0</v>
      </c>
      <c r="BC15" s="219">
        <v>0</v>
      </c>
      <c r="BD15" s="220">
        <v>1</v>
      </c>
      <c r="BE15" s="218">
        <v>1</v>
      </c>
      <c r="BF15" s="218">
        <v>2</v>
      </c>
      <c r="BG15" s="218">
        <v>1</v>
      </c>
      <c r="BH15" s="219">
        <v>1</v>
      </c>
      <c r="BI15" s="240">
        <v>6</v>
      </c>
      <c r="BJ15" s="242">
        <v>6</v>
      </c>
      <c r="BK15" s="222">
        <v>0</v>
      </c>
      <c r="BL15" s="219">
        <v>0</v>
      </c>
      <c r="BM15" s="219">
        <v>0</v>
      </c>
      <c r="BN15" s="220">
        <v>0</v>
      </c>
      <c r="BO15" s="218">
        <v>0</v>
      </c>
      <c r="BP15" s="218">
        <v>0</v>
      </c>
      <c r="BQ15" s="218">
        <v>0</v>
      </c>
      <c r="BR15" s="219">
        <v>0</v>
      </c>
      <c r="BS15" s="240">
        <v>0</v>
      </c>
      <c r="BT15" s="241">
        <v>0</v>
      </c>
      <c r="BU15" s="217">
        <v>0</v>
      </c>
      <c r="BV15" s="219">
        <v>0</v>
      </c>
      <c r="BW15" s="219">
        <v>0</v>
      </c>
      <c r="BX15" s="220">
        <v>0</v>
      </c>
      <c r="BY15" s="218">
        <v>0</v>
      </c>
      <c r="BZ15" s="218">
        <v>0</v>
      </c>
      <c r="CA15" s="218">
        <v>0</v>
      </c>
      <c r="CB15" s="219">
        <v>0</v>
      </c>
      <c r="CC15" s="240">
        <v>0</v>
      </c>
      <c r="CD15" s="242">
        <v>0</v>
      </c>
      <c r="CE15" s="222">
        <v>0</v>
      </c>
      <c r="CF15" s="219">
        <v>0</v>
      </c>
      <c r="CG15" s="219">
        <v>0</v>
      </c>
      <c r="CH15" s="220">
        <v>0</v>
      </c>
      <c r="CI15" s="218">
        <v>0</v>
      </c>
      <c r="CJ15" s="218">
        <v>0</v>
      </c>
      <c r="CK15" s="218">
        <v>0</v>
      </c>
      <c r="CL15" s="219">
        <v>0</v>
      </c>
      <c r="CM15" s="240">
        <v>0</v>
      </c>
      <c r="CN15" s="242">
        <v>0</v>
      </c>
      <c r="CO15" s="222">
        <v>0</v>
      </c>
      <c r="CP15" s="219">
        <v>0</v>
      </c>
      <c r="CQ15" s="219">
        <v>0</v>
      </c>
      <c r="CR15" s="220">
        <v>4</v>
      </c>
      <c r="CS15" s="218">
        <v>5</v>
      </c>
      <c r="CT15" s="218">
        <v>10</v>
      </c>
      <c r="CU15" s="218">
        <v>11</v>
      </c>
      <c r="CV15" s="219">
        <v>32</v>
      </c>
      <c r="CW15" s="240">
        <v>62</v>
      </c>
      <c r="CX15" s="241">
        <v>62</v>
      </c>
      <c r="CY15" s="217">
        <v>0</v>
      </c>
      <c r="CZ15" s="219">
        <v>0</v>
      </c>
      <c r="DA15" s="219">
        <v>0</v>
      </c>
      <c r="DB15" s="220">
        <v>3</v>
      </c>
      <c r="DC15" s="218">
        <v>5</v>
      </c>
      <c r="DD15" s="218">
        <v>10</v>
      </c>
      <c r="DE15" s="218">
        <v>11</v>
      </c>
      <c r="DF15" s="219">
        <v>30</v>
      </c>
      <c r="DG15" s="240">
        <v>59</v>
      </c>
      <c r="DH15" s="242">
        <v>59</v>
      </c>
      <c r="DI15" s="222">
        <v>0</v>
      </c>
      <c r="DJ15" s="219">
        <v>0</v>
      </c>
      <c r="DK15" s="219">
        <v>0</v>
      </c>
      <c r="DL15" s="220">
        <v>1</v>
      </c>
      <c r="DM15" s="218">
        <v>0</v>
      </c>
      <c r="DN15" s="218">
        <v>0</v>
      </c>
      <c r="DO15" s="218">
        <v>0</v>
      </c>
      <c r="DP15" s="219">
        <v>2</v>
      </c>
      <c r="DQ15" s="240">
        <v>3</v>
      </c>
      <c r="DR15" s="242">
        <v>3</v>
      </c>
      <c r="DS15" s="222">
        <v>0</v>
      </c>
      <c r="DT15" s="219">
        <v>0</v>
      </c>
      <c r="DU15" s="219">
        <v>0</v>
      </c>
      <c r="DV15" s="220">
        <v>57</v>
      </c>
      <c r="DW15" s="218">
        <v>96</v>
      </c>
      <c r="DX15" s="218">
        <v>310</v>
      </c>
      <c r="DY15" s="218">
        <v>485</v>
      </c>
      <c r="DZ15" s="219">
        <v>306</v>
      </c>
      <c r="EA15" s="240">
        <v>1254</v>
      </c>
      <c r="EB15" s="242">
        <v>1254</v>
      </c>
      <c r="EC15" s="239"/>
    </row>
    <row r="16" spans="2:133" ht="21" customHeight="1" x14ac:dyDescent="0.2">
      <c r="B16" s="106" t="s">
        <v>12</v>
      </c>
      <c r="C16" s="217">
        <v>0</v>
      </c>
      <c r="D16" s="219">
        <v>0</v>
      </c>
      <c r="E16" s="219">
        <v>0</v>
      </c>
      <c r="F16" s="220">
        <v>3</v>
      </c>
      <c r="G16" s="218">
        <v>20</v>
      </c>
      <c r="H16" s="218">
        <v>185</v>
      </c>
      <c r="I16" s="218">
        <v>332</v>
      </c>
      <c r="J16" s="219">
        <v>199</v>
      </c>
      <c r="K16" s="240">
        <v>739</v>
      </c>
      <c r="L16" s="241">
        <v>739</v>
      </c>
      <c r="M16" s="217">
        <v>0</v>
      </c>
      <c r="N16" s="219">
        <v>0</v>
      </c>
      <c r="O16" s="240">
        <v>0</v>
      </c>
      <c r="P16" s="220">
        <v>3</v>
      </c>
      <c r="Q16" s="218">
        <v>20</v>
      </c>
      <c r="R16" s="218">
        <v>185</v>
      </c>
      <c r="S16" s="218">
        <v>331</v>
      </c>
      <c r="T16" s="219">
        <v>196</v>
      </c>
      <c r="U16" s="240">
        <v>735</v>
      </c>
      <c r="V16" s="242">
        <v>735</v>
      </c>
      <c r="W16" s="222">
        <v>0</v>
      </c>
      <c r="X16" s="219">
        <v>0</v>
      </c>
      <c r="Y16" s="240">
        <v>0</v>
      </c>
      <c r="Z16" s="222">
        <v>0</v>
      </c>
      <c r="AA16" s="218">
        <v>0</v>
      </c>
      <c r="AB16" s="218">
        <v>0</v>
      </c>
      <c r="AC16" s="218">
        <v>1</v>
      </c>
      <c r="AD16" s="219">
        <v>3</v>
      </c>
      <c r="AE16" s="240">
        <v>4</v>
      </c>
      <c r="AF16" s="221">
        <v>4</v>
      </c>
      <c r="AG16" s="222">
        <v>0</v>
      </c>
      <c r="AH16" s="219">
        <v>0</v>
      </c>
      <c r="AI16" s="240">
        <v>0</v>
      </c>
      <c r="AJ16" s="222">
        <v>39</v>
      </c>
      <c r="AK16" s="218">
        <v>85</v>
      </c>
      <c r="AL16" s="218">
        <v>165</v>
      </c>
      <c r="AM16" s="218">
        <v>169</v>
      </c>
      <c r="AN16" s="219">
        <v>73</v>
      </c>
      <c r="AO16" s="240">
        <v>531</v>
      </c>
      <c r="AP16" s="221">
        <v>531</v>
      </c>
      <c r="AQ16" s="222">
        <v>0</v>
      </c>
      <c r="AR16" s="219">
        <v>0</v>
      </c>
      <c r="AS16" s="240">
        <v>0</v>
      </c>
      <c r="AT16" s="220">
        <v>37</v>
      </c>
      <c r="AU16" s="218">
        <v>85</v>
      </c>
      <c r="AV16" s="218">
        <v>165</v>
      </c>
      <c r="AW16" s="218">
        <v>167</v>
      </c>
      <c r="AX16" s="219">
        <v>71</v>
      </c>
      <c r="AY16" s="240">
        <v>525</v>
      </c>
      <c r="AZ16" s="241">
        <v>525</v>
      </c>
      <c r="BA16" s="217">
        <v>0</v>
      </c>
      <c r="BB16" s="219">
        <v>0</v>
      </c>
      <c r="BC16" s="219">
        <v>0</v>
      </c>
      <c r="BD16" s="220">
        <v>2</v>
      </c>
      <c r="BE16" s="218">
        <v>0</v>
      </c>
      <c r="BF16" s="218">
        <v>0</v>
      </c>
      <c r="BG16" s="218">
        <v>2</v>
      </c>
      <c r="BH16" s="219">
        <v>2</v>
      </c>
      <c r="BI16" s="240">
        <v>6</v>
      </c>
      <c r="BJ16" s="242">
        <v>6</v>
      </c>
      <c r="BK16" s="222">
        <v>0</v>
      </c>
      <c r="BL16" s="219">
        <v>0</v>
      </c>
      <c r="BM16" s="219">
        <v>0</v>
      </c>
      <c r="BN16" s="220">
        <v>0</v>
      </c>
      <c r="BO16" s="218">
        <v>0</v>
      </c>
      <c r="BP16" s="218">
        <v>0</v>
      </c>
      <c r="BQ16" s="218">
        <v>0</v>
      </c>
      <c r="BR16" s="219">
        <v>0</v>
      </c>
      <c r="BS16" s="240">
        <v>0</v>
      </c>
      <c r="BT16" s="241">
        <v>0</v>
      </c>
      <c r="BU16" s="217">
        <v>0</v>
      </c>
      <c r="BV16" s="219">
        <v>0</v>
      </c>
      <c r="BW16" s="219">
        <v>0</v>
      </c>
      <c r="BX16" s="220">
        <v>0</v>
      </c>
      <c r="BY16" s="218">
        <v>0</v>
      </c>
      <c r="BZ16" s="218">
        <v>0</v>
      </c>
      <c r="CA16" s="218">
        <v>0</v>
      </c>
      <c r="CB16" s="219">
        <v>0</v>
      </c>
      <c r="CC16" s="240">
        <v>0</v>
      </c>
      <c r="CD16" s="242">
        <v>0</v>
      </c>
      <c r="CE16" s="222">
        <v>0</v>
      </c>
      <c r="CF16" s="219">
        <v>0</v>
      </c>
      <c r="CG16" s="219">
        <v>0</v>
      </c>
      <c r="CH16" s="220">
        <v>0</v>
      </c>
      <c r="CI16" s="218">
        <v>0</v>
      </c>
      <c r="CJ16" s="218">
        <v>0</v>
      </c>
      <c r="CK16" s="218">
        <v>0</v>
      </c>
      <c r="CL16" s="219">
        <v>0</v>
      </c>
      <c r="CM16" s="240">
        <v>0</v>
      </c>
      <c r="CN16" s="242">
        <v>0</v>
      </c>
      <c r="CO16" s="222">
        <v>0</v>
      </c>
      <c r="CP16" s="219">
        <v>0</v>
      </c>
      <c r="CQ16" s="219">
        <v>0</v>
      </c>
      <c r="CR16" s="220">
        <v>0</v>
      </c>
      <c r="CS16" s="218">
        <v>1</v>
      </c>
      <c r="CT16" s="218">
        <v>4</v>
      </c>
      <c r="CU16" s="218">
        <v>16</v>
      </c>
      <c r="CV16" s="219">
        <v>13</v>
      </c>
      <c r="CW16" s="240">
        <v>34</v>
      </c>
      <c r="CX16" s="241">
        <v>34</v>
      </c>
      <c r="CY16" s="217">
        <v>0</v>
      </c>
      <c r="CZ16" s="219">
        <v>0</v>
      </c>
      <c r="DA16" s="219">
        <v>0</v>
      </c>
      <c r="DB16" s="220">
        <v>0</v>
      </c>
      <c r="DC16" s="218">
        <v>1</v>
      </c>
      <c r="DD16" s="218">
        <v>4</v>
      </c>
      <c r="DE16" s="218">
        <v>16</v>
      </c>
      <c r="DF16" s="219">
        <v>13</v>
      </c>
      <c r="DG16" s="240">
        <v>34</v>
      </c>
      <c r="DH16" s="242">
        <v>34</v>
      </c>
      <c r="DI16" s="222">
        <v>0</v>
      </c>
      <c r="DJ16" s="219">
        <v>0</v>
      </c>
      <c r="DK16" s="219">
        <v>0</v>
      </c>
      <c r="DL16" s="220">
        <v>0</v>
      </c>
      <c r="DM16" s="218">
        <v>0</v>
      </c>
      <c r="DN16" s="218">
        <v>0</v>
      </c>
      <c r="DO16" s="218">
        <v>0</v>
      </c>
      <c r="DP16" s="219">
        <v>0</v>
      </c>
      <c r="DQ16" s="240">
        <v>0</v>
      </c>
      <c r="DR16" s="242">
        <v>0</v>
      </c>
      <c r="DS16" s="222">
        <v>0</v>
      </c>
      <c r="DT16" s="219">
        <v>0</v>
      </c>
      <c r="DU16" s="219">
        <v>0</v>
      </c>
      <c r="DV16" s="220">
        <v>42</v>
      </c>
      <c r="DW16" s="218">
        <v>106</v>
      </c>
      <c r="DX16" s="218">
        <v>354</v>
      </c>
      <c r="DY16" s="218">
        <v>513</v>
      </c>
      <c r="DZ16" s="219">
        <v>285</v>
      </c>
      <c r="EA16" s="240">
        <v>1300</v>
      </c>
      <c r="EB16" s="242">
        <v>1300</v>
      </c>
      <c r="EC16" s="239"/>
    </row>
    <row r="17" spans="2:133" ht="21" customHeight="1" x14ac:dyDescent="0.2">
      <c r="B17" s="106" t="s">
        <v>13</v>
      </c>
      <c r="C17" s="217">
        <v>0</v>
      </c>
      <c r="D17" s="219">
        <v>0</v>
      </c>
      <c r="E17" s="219">
        <v>0</v>
      </c>
      <c r="F17" s="220">
        <v>1</v>
      </c>
      <c r="G17" s="218">
        <v>6</v>
      </c>
      <c r="H17" s="218">
        <v>57</v>
      </c>
      <c r="I17" s="218">
        <v>134</v>
      </c>
      <c r="J17" s="219">
        <v>135</v>
      </c>
      <c r="K17" s="240">
        <v>333</v>
      </c>
      <c r="L17" s="241">
        <v>333</v>
      </c>
      <c r="M17" s="217">
        <v>0</v>
      </c>
      <c r="N17" s="219">
        <v>0</v>
      </c>
      <c r="O17" s="240">
        <v>0</v>
      </c>
      <c r="P17" s="220">
        <v>1</v>
      </c>
      <c r="Q17" s="218">
        <v>6</v>
      </c>
      <c r="R17" s="218">
        <v>56</v>
      </c>
      <c r="S17" s="218">
        <v>134</v>
      </c>
      <c r="T17" s="219">
        <v>134</v>
      </c>
      <c r="U17" s="240">
        <v>331</v>
      </c>
      <c r="V17" s="242">
        <v>331</v>
      </c>
      <c r="W17" s="222">
        <v>0</v>
      </c>
      <c r="X17" s="219">
        <v>0</v>
      </c>
      <c r="Y17" s="240">
        <v>0</v>
      </c>
      <c r="Z17" s="222">
        <v>0</v>
      </c>
      <c r="AA17" s="218">
        <v>0</v>
      </c>
      <c r="AB17" s="218">
        <v>1</v>
      </c>
      <c r="AC17" s="218">
        <v>0</v>
      </c>
      <c r="AD17" s="219">
        <v>1</v>
      </c>
      <c r="AE17" s="240">
        <v>2</v>
      </c>
      <c r="AF17" s="221">
        <v>2</v>
      </c>
      <c r="AG17" s="222">
        <v>0</v>
      </c>
      <c r="AH17" s="219">
        <v>0</v>
      </c>
      <c r="AI17" s="240">
        <v>0</v>
      </c>
      <c r="AJ17" s="222">
        <v>11</v>
      </c>
      <c r="AK17" s="218">
        <v>21</v>
      </c>
      <c r="AL17" s="218">
        <v>38</v>
      </c>
      <c r="AM17" s="218">
        <v>31</v>
      </c>
      <c r="AN17" s="219">
        <v>25</v>
      </c>
      <c r="AO17" s="240">
        <v>126</v>
      </c>
      <c r="AP17" s="221">
        <v>126</v>
      </c>
      <c r="AQ17" s="222">
        <v>0</v>
      </c>
      <c r="AR17" s="219">
        <v>0</v>
      </c>
      <c r="AS17" s="240">
        <v>0</v>
      </c>
      <c r="AT17" s="220">
        <v>11</v>
      </c>
      <c r="AU17" s="218">
        <v>20</v>
      </c>
      <c r="AV17" s="218">
        <v>37</v>
      </c>
      <c r="AW17" s="218">
        <v>30</v>
      </c>
      <c r="AX17" s="219">
        <v>24</v>
      </c>
      <c r="AY17" s="240">
        <v>122</v>
      </c>
      <c r="AZ17" s="241">
        <v>122</v>
      </c>
      <c r="BA17" s="217">
        <v>0</v>
      </c>
      <c r="BB17" s="219">
        <v>0</v>
      </c>
      <c r="BC17" s="219">
        <v>0</v>
      </c>
      <c r="BD17" s="220">
        <v>0</v>
      </c>
      <c r="BE17" s="218">
        <v>1</v>
      </c>
      <c r="BF17" s="218">
        <v>1</v>
      </c>
      <c r="BG17" s="218">
        <v>1</v>
      </c>
      <c r="BH17" s="219">
        <v>1</v>
      </c>
      <c r="BI17" s="240">
        <v>4</v>
      </c>
      <c r="BJ17" s="242">
        <v>4</v>
      </c>
      <c r="BK17" s="222">
        <v>0</v>
      </c>
      <c r="BL17" s="219">
        <v>0</v>
      </c>
      <c r="BM17" s="219">
        <v>0</v>
      </c>
      <c r="BN17" s="220">
        <v>0</v>
      </c>
      <c r="BO17" s="218">
        <v>0</v>
      </c>
      <c r="BP17" s="218">
        <v>0</v>
      </c>
      <c r="BQ17" s="218">
        <v>0</v>
      </c>
      <c r="BR17" s="219">
        <v>0</v>
      </c>
      <c r="BS17" s="240">
        <v>0</v>
      </c>
      <c r="BT17" s="241">
        <v>0</v>
      </c>
      <c r="BU17" s="217">
        <v>0</v>
      </c>
      <c r="BV17" s="219">
        <v>0</v>
      </c>
      <c r="BW17" s="219">
        <v>0</v>
      </c>
      <c r="BX17" s="220">
        <v>0</v>
      </c>
      <c r="BY17" s="218">
        <v>0</v>
      </c>
      <c r="BZ17" s="218">
        <v>0</v>
      </c>
      <c r="CA17" s="218">
        <v>0</v>
      </c>
      <c r="CB17" s="219">
        <v>0</v>
      </c>
      <c r="CC17" s="240">
        <v>0</v>
      </c>
      <c r="CD17" s="242">
        <v>0</v>
      </c>
      <c r="CE17" s="222">
        <v>0</v>
      </c>
      <c r="CF17" s="219">
        <v>0</v>
      </c>
      <c r="CG17" s="219">
        <v>0</v>
      </c>
      <c r="CH17" s="220">
        <v>0</v>
      </c>
      <c r="CI17" s="218">
        <v>0</v>
      </c>
      <c r="CJ17" s="218">
        <v>0</v>
      </c>
      <c r="CK17" s="218">
        <v>0</v>
      </c>
      <c r="CL17" s="219">
        <v>0</v>
      </c>
      <c r="CM17" s="240">
        <v>0</v>
      </c>
      <c r="CN17" s="242">
        <v>0</v>
      </c>
      <c r="CO17" s="222">
        <v>0</v>
      </c>
      <c r="CP17" s="219">
        <v>0</v>
      </c>
      <c r="CQ17" s="219">
        <v>0</v>
      </c>
      <c r="CR17" s="220">
        <v>0</v>
      </c>
      <c r="CS17" s="218">
        <v>0</v>
      </c>
      <c r="CT17" s="218">
        <v>1</v>
      </c>
      <c r="CU17" s="218">
        <v>0</v>
      </c>
      <c r="CV17" s="219">
        <v>0</v>
      </c>
      <c r="CW17" s="240">
        <v>1</v>
      </c>
      <c r="CX17" s="241">
        <v>1</v>
      </c>
      <c r="CY17" s="217">
        <v>0</v>
      </c>
      <c r="CZ17" s="219">
        <v>0</v>
      </c>
      <c r="DA17" s="219">
        <v>0</v>
      </c>
      <c r="DB17" s="220">
        <v>0</v>
      </c>
      <c r="DC17" s="218">
        <v>0</v>
      </c>
      <c r="DD17" s="218">
        <v>1</v>
      </c>
      <c r="DE17" s="218">
        <v>0</v>
      </c>
      <c r="DF17" s="219">
        <v>0</v>
      </c>
      <c r="DG17" s="240">
        <v>1</v>
      </c>
      <c r="DH17" s="242">
        <v>1</v>
      </c>
      <c r="DI17" s="222">
        <v>0</v>
      </c>
      <c r="DJ17" s="219">
        <v>0</v>
      </c>
      <c r="DK17" s="219">
        <v>0</v>
      </c>
      <c r="DL17" s="220">
        <v>0</v>
      </c>
      <c r="DM17" s="218">
        <v>0</v>
      </c>
      <c r="DN17" s="218">
        <v>0</v>
      </c>
      <c r="DO17" s="218">
        <v>0</v>
      </c>
      <c r="DP17" s="219">
        <v>0</v>
      </c>
      <c r="DQ17" s="240">
        <v>0</v>
      </c>
      <c r="DR17" s="242">
        <v>0</v>
      </c>
      <c r="DS17" s="222">
        <v>0</v>
      </c>
      <c r="DT17" s="219">
        <v>0</v>
      </c>
      <c r="DU17" s="219">
        <v>0</v>
      </c>
      <c r="DV17" s="220">
        <v>12</v>
      </c>
      <c r="DW17" s="218">
        <v>27</v>
      </c>
      <c r="DX17" s="218">
        <v>96</v>
      </c>
      <c r="DY17" s="218">
        <v>165</v>
      </c>
      <c r="DZ17" s="219">
        <v>160</v>
      </c>
      <c r="EA17" s="240">
        <v>460</v>
      </c>
      <c r="EB17" s="242">
        <v>460</v>
      </c>
      <c r="EC17" s="239"/>
    </row>
    <row r="18" spans="2:133" ht="21" customHeight="1" x14ac:dyDescent="0.2">
      <c r="B18" s="106" t="s">
        <v>15</v>
      </c>
      <c r="C18" s="217">
        <v>0</v>
      </c>
      <c r="D18" s="219">
        <v>0</v>
      </c>
      <c r="E18" s="219">
        <v>0</v>
      </c>
      <c r="F18" s="220">
        <v>0</v>
      </c>
      <c r="G18" s="218">
        <v>1</v>
      </c>
      <c r="H18" s="218">
        <v>76</v>
      </c>
      <c r="I18" s="218">
        <v>113</v>
      </c>
      <c r="J18" s="219">
        <v>66</v>
      </c>
      <c r="K18" s="240">
        <v>256</v>
      </c>
      <c r="L18" s="241">
        <v>256</v>
      </c>
      <c r="M18" s="217">
        <v>0</v>
      </c>
      <c r="N18" s="219">
        <v>0</v>
      </c>
      <c r="O18" s="240">
        <v>0</v>
      </c>
      <c r="P18" s="220">
        <v>0</v>
      </c>
      <c r="Q18" s="218">
        <v>1</v>
      </c>
      <c r="R18" s="218">
        <v>76</v>
      </c>
      <c r="S18" s="218">
        <v>111</v>
      </c>
      <c r="T18" s="219">
        <v>64</v>
      </c>
      <c r="U18" s="240">
        <v>252</v>
      </c>
      <c r="V18" s="242">
        <v>252</v>
      </c>
      <c r="W18" s="222">
        <v>0</v>
      </c>
      <c r="X18" s="219">
        <v>0</v>
      </c>
      <c r="Y18" s="240">
        <v>0</v>
      </c>
      <c r="Z18" s="222">
        <v>0</v>
      </c>
      <c r="AA18" s="218">
        <v>0</v>
      </c>
      <c r="AB18" s="218">
        <v>0</v>
      </c>
      <c r="AC18" s="218">
        <v>2</v>
      </c>
      <c r="AD18" s="219">
        <v>2</v>
      </c>
      <c r="AE18" s="240">
        <v>4</v>
      </c>
      <c r="AF18" s="221">
        <v>4</v>
      </c>
      <c r="AG18" s="222">
        <v>0</v>
      </c>
      <c r="AH18" s="219">
        <v>0</v>
      </c>
      <c r="AI18" s="240">
        <v>0</v>
      </c>
      <c r="AJ18" s="222">
        <v>16</v>
      </c>
      <c r="AK18" s="218">
        <v>32</v>
      </c>
      <c r="AL18" s="218">
        <v>46</v>
      </c>
      <c r="AM18" s="218">
        <v>60</v>
      </c>
      <c r="AN18" s="219">
        <v>25</v>
      </c>
      <c r="AO18" s="240">
        <v>179</v>
      </c>
      <c r="AP18" s="221">
        <v>179</v>
      </c>
      <c r="AQ18" s="222">
        <v>0</v>
      </c>
      <c r="AR18" s="219">
        <v>0</v>
      </c>
      <c r="AS18" s="240">
        <v>0</v>
      </c>
      <c r="AT18" s="220">
        <v>16</v>
      </c>
      <c r="AU18" s="218">
        <v>32</v>
      </c>
      <c r="AV18" s="218">
        <v>46</v>
      </c>
      <c r="AW18" s="218">
        <v>58</v>
      </c>
      <c r="AX18" s="219">
        <v>24</v>
      </c>
      <c r="AY18" s="240">
        <v>176</v>
      </c>
      <c r="AZ18" s="241">
        <v>176</v>
      </c>
      <c r="BA18" s="217">
        <v>0</v>
      </c>
      <c r="BB18" s="219">
        <v>0</v>
      </c>
      <c r="BC18" s="219">
        <v>0</v>
      </c>
      <c r="BD18" s="220">
        <v>0</v>
      </c>
      <c r="BE18" s="218">
        <v>0</v>
      </c>
      <c r="BF18" s="218">
        <v>0</v>
      </c>
      <c r="BG18" s="218">
        <v>2</v>
      </c>
      <c r="BH18" s="219">
        <v>1</v>
      </c>
      <c r="BI18" s="240">
        <v>3</v>
      </c>
      <c r="BJ18" s="242">
        <v>3</v>
      </c>
      <c r="BK18" s="222">
        <v>0</v>
      </c>
      <c r="BL18" s="219">
        <v>0</v>
      </c>
      <c r="BM18" s="219">
        <v>0</v>
      </c>
      <c r="BN18" s="220">
        <v>0</v>
      </c>
      <c r="BO18" s="218">
        <v>0</v>
      </c>
      <c r="BP18" s="218">
        <v>0</v>
      </c>
      <c r="BQ18" s="218">
        <v>0</v>
      </c>
      <c r="BR18" s="219">
        <v>0</v>
      </c>
      <c r="BS18" s="240">
        <v>0</v>
      </c>
      <c r="BT18" s="241">
        <v>0</v>
      </c>
      <c r="BU18" s="217">
        <v>0</v>
      </c>
      <c r="BV18" s="219">
        <v>0</v>
      </c>
      <c r="BW18" s="219">
        <v>0</v>
      </c>
      <c r="BX18" s="220">
        <v>0</v>
      </c>
      <c r="BY18" s="218">
        <v>0</v>
      </c>
      <c r="BZ18" s="218">
        <v>0</v>
      </c>
      <c r="CA18" s="218">
        <v>0</v>
      </c>
      <c r="CB18" s="219">
        <v>0</v>
      </c>
      <c r="CC18" s="240">
        <v>0</v>
      </c>
      <c r="CD18" s="242">
        <v>0</v>
      </c>
      <c r="CE18" s="222">
        <v>0</v>
      </c>
      <c r="CF18" s="219">
        <v>0</v>
      </c>
      <c r="CG18" s="219">
        <v>0</v>
      </c>
      <c r="CH18" s="220">
        <v>0</v>
      </c>
      <c r="CI18" s="218">
        <v>0</v>
      </c>
      <c r="CJ18" s="218">
        <v>0</v>
      </c>
      <c r="CK18" s="218">
        <v>0</v>
      </c>
      <c r="CL18" s="219">
        <v>0</v>
      </c>
      <c r="CM18" s="240">
        <v>0</v>
      </c>
      <c r="CN18" s="242">
        <v>0</v>
      </c>
      <c r="CO18" s="222">
        <v>0</v>
      </c>
      <c r="CP18" s="219">
        <v>0</v>
      </c>
      <c r="CQ18" s="219">
        <v>0</v>
      </c>
      <c r="CR18" s="220">
        <v>0</v>
      </c>
      <c r="CS18" s="218">
        <v>0</v>
      </c>
      <c r="CT18" s="218">
        <v>0</v>
      </c>
      <c r="CU18" s="218">
        <v>0</v>
      </c>
      <c r="CV18" s="219">
        <v>0</v>
      </c>
      <c r="CW18" s="240">
        <v>0</v>
      </c>
      <c r="CX18" s="241">
        <v>0</v>
      </c>
      <c r="CY18" s="217">
        <v>0</v>
      </c>
      <c r="CZ18" s="219">
        <v>0</v>
      </c>
      <c r="DA18" s="219">
        <v>0</v>
      </c>
      <c r="DB18" s="220">
        <v>0</v>
      </c>
      <c r="DC18" s="218">
        <v>0</v>
      </c>
      <c r="DD18" s="218">
        <v>0</v>
      </c>
      <c r="DE18" s="218">
        <v>0</v>
      </c>
      <c r="DF18" s="219">
        <v>0</v>
      </c>
      <c r="DG18" s="240">
        <v>0</v>
      </c>
      <c r="DH18" s="242">
        <v>0</v>
      </c>
      <c r="DI18" s="222">
        <v>0</v>
      </c>
      <c r="DJ18" s="219">
        <v>0</v>
      </c>
      <c r="DK18" s="219">
        <v>0</v>
      </c>
      <c r="DL18" s="220">
        <v>0</v>
      </c>
      <c r="DM18" s="218">
        <v>0</v>
      </c>
      <c r="DN18" s="218">
        <v>0</v>
      </c>
      <c r="DO18" s="218">
        <v>0</v>
      </c>
      <c r="DP18" s="219">
        <v>0</v>
      </c>
      <c r="DQ18" s="240">
        <v>0</v>
      </c>
      <c r="DR18" s="242">
        <v>0</v>
      </c>
      <c r="DS18" s="222">
        <v>0</v>
      </c>
      <c r="DT18" s="219">
        <v>0</v>
      </c>
      <c r="DU18" s="219">
        <v>0</v>
      </c>
      <c r="DV18" s="220">
        <v>16</v>
      </c>
      <c r="DW18" s="218">
        <v>33</v>
      </c>
      <c r="DX18" s="218">
        <v>122</v>
      </c>
      <c r="DY18" s="218">
        <v>173</v>
      </c>
      <c r="DZ18" s="219">
        <v>91</v>
      </c>
      <c r="EA18" s="240">
        <v>435</v>
      </c>
      <c r="EB18" s="242">
        <v>435</v>
      </c>
      <c r="EC18" s="239"/>
    </row>
    <row r="19" spans="2:133" ht="21" customHeight="1" x14ac:dyDescent="0.2">
      <c r="B19" s="106" t="s">
        <v>16</v>
      </c>
      <c r="C19" s="217">
        <v>0</v>
      </c>
      <c r="D19" s="219">
        <v>0</v>
      </c>
      <c r="E19" s="219">
        <v>0</v>
      </c>
      <c r="F19" s="220">
        <v>5</v>
      </c>
      <c r="G19" s="218">
        <v>16</v>
      </c>
      <c r="H19" s="218">
        <v>208</v>
      </c>
      <c r="I19" s="218">
        <v>269</v>
      </c>
      <c r="J19" s="219">
        <v>161</v>
      </c>
      <c r="K19" s="240">
        <v>659</v>
      </c>
      <c r="L19" s="241">
        <v>659</v>
      </c>
      <c r="M19" s="217">
        <v>0</v>
      </c>
      <c r="N19" s="219">
        <v>0</v>
      </c>
      <c r="O19" s="240">
        <v>0</v>
      </c>
      <c r="P19" s="220">
        <v>5</v>
      </c>
      <c r="Q19" s="218">
        <v>15</v>
      </c>
      <c r="R19" s="218">
        <v>208</v>
      </c>
      <c r="S19" s="218">
        <v>268</v>
      </c>
      <c r="T19" s="219">
        <v>158</v>
      </c>
      <c r="U19" s="240">
        <v>654</v>
      </c>
      <c r="V19" s="242">
        <v>654</v>
      </c>
      <c r="W19" s="222">
        <v>0</v>
      </c>
      <c r="X19" s="219">
        <v>0</v>
      </c>
      <c r="Y19" s="240">
        <v>0</v>
      </c>
      <c r="Z19" s="222">
        <v>0</v>
      </c>
      <c r="AA19" s="218">
        <v>1</v>
      </c>
      <c r="AB19" s="218">
        <v>0</v>
      </c>
      <c r="AC19" s="218">
        <v>1</v>
      </c>
      <c r="AD19" s="219">
        <v>3</v>
      </c>
      <c r="AE19" s="240">
        <v>5</v>
      </c>
      <c r="AF19" s="221">
        <v>5</v>
      </c>
      <c r="AG19" s="222">
        <v>0</v>
      </c>
      <c r="AH19" s="219">
        <v>0</v>
      </c>
      <c r="AI19" s="240">
        <v>0</v>
      </c>
      <c r="AJ19" s="222">
        <v>46</v>
      </c>
      <c r="AK19" s="218">
        <v>99</v>
      </c>
      <c r="AL19" s="218">
        <v>138</v>
      </c>
      <c r="AM19" s="218">
        <v>139</v>
      </c>
      <c r="AN19" s="219">
        <v>57</v>
      </c>
      <c r="AO19" s="240">
        <v>479</v>
      </c>
      <c r="AP19" s="221">
        <v>479</v>
      </c>
      <c r="AQ19" s="222">
        <v>0</v>
      </c>
      <c r="AR19" s="219">
        <v>0</v>
      </c>
      <c r="AS19" s="240">
        <v>0</v>
      </c>
      <c r="AT19" s="220">
        <v>46</v>
      </c>
      <c r="AU19" s="218">
        <v>99</v>
      </c>
      <c r="AV19" s="218">
        <v>137</v>
      </c>
      <c r="AW19" s="218">
        <v>139</v>
      </c>
      <c r="AX19" s="219">
        <v>56</v>
      </c>
      <c r="AY19" s="240">
        <v>477</v>
      </c>
      <c r="AZ19" s="241">
        <v>477</v>
      </c>
      <c r="BA19" s="217">
        <v>0</v>
      </c>
      <c r="BB19" s="219">
        <v>0</v>
      </c>
      <c r="BC19" s="219">
        <v>0</v>
      </c>
      <c r="BD19" s="220">
        <v>0</v>
      </c>
      <c r="BE19" s="218">
        <v>0</v>
      </c>
      <c r="BF19" s="218">
        <v>1</v>
      </c>
      <c r="BG19" s="218">
        <v>0</v>
      </c>
      <c r="BH19" s="219">
        <v>1</v>
      </c>
      <c r="BI19" s="240">
        <v>2</v>
      </c>
      <c r="BJ19" s="242">
        <v>2</v>
      </c>
      <c r="BK19" s="222">
        <v>0</v>
      </c>
      <c r="BL19" s="219">
        <v>0</v>
      </c>
      <c r="BM19" s="219">
        <v>0</v>
      </c>
      <c r="BN19" s="220">
        <v>0</v>
      </c>
      <c r="BO19" s="218">
        <v>0</v>
      </c>
      <c r="BP19" s="218">
        <v>0</v>
      </c>
      <c r="BQ19" s="218">
        <v>0</v>
      </c>
      <c r="BR19" s="219">
        <v>0</v>
      </c>
      <c r="BS19" s="240">
        <v>0</v>
      </c>
      <c r="BT19" s="241">
        <v>0</v>
      </c>
      <c r="BU19" s="217">
        <v>0</v>
      </c>
      <c r="BV19" s="219">
        <v>0</v>
      </c>
      <c r="BW19" s="219">
        <v>0</v>
      </c>
      <c r="BX19" s="220">
        <v>0</v>
      </c>
      <c r="BY19" s="218">
        <v>0</v>
      </c>
      <c r="BZ19" s="218">
        <v>0</v>
      </c>
      <c r="CA19" s="218">
        <v>0</v>
      </c>
      <c r="CB19" s="219">
        <v>0</v>
      </c>
      <c r="CC19" s="240">
        <v>0</v>
      </c>
      <c r="CD19" s="242">
        <v>0</v>
      </c>
      <c r="CE19" s="222">
        <v>0</v>
      </c>
      <c r="CF19" s="219">
        <v>0</v>
      </c>
      <c r="CG19" s="219">
        <v>0</v>
      </c>
      <c r="CH19" s="220">
        <v>0</v>
      </c>
      <c r="CI19" s="218">
        <v>0</v>
      </c>
      <c r="CJ19" s="218">
        <v>0</v>
      </c>
      <c r="CK19" s="218">
        <v>0</v>
      </c>
      <c r="CL19" s="219">
        <v>0</v>
      </c>
      <c r="CM19" s="240">
        <v>0</v>
      </c>
      <c r="CN19" s="242">
        <v>0</v>
      </c>
      <c r="CO19" s="222">
        <v>0</v>
      </c>
      <c r="CP19" s="219">
        <v>0</v>
      </c>
      <c r="CQ19" s="219">
        <v>0</v>
      </c>
      <c r="CR19" s="220">
        <v>0</v>
      </c>
      <c r="CS19" s="218">
        <v>0</v>
      </c>
      <c r="CT19" s="218">
        <v>2</v>
      </c>
      <c r="CU19" s="218">
        <v>11</v>
      </c>
      <c r="CV19" s="219">
        <v>10</v>
      </c>
      <c r="CW19" s="240">
        <v>23</v>
      </c>
      <c r="CX19" s="241">
        <v>23</v>
      </c>
      <c r="CY19" s="217">
        <v>0</v>
      </c>
      <c r="CZ19" s="219">
        <v>0</v>
      </c>
      <c r="DA19" s="219">
        <v>0</v>
      </c>
      <c r="DB19" s="220">
        <v>0</v>
      </c>
      <c r="DC19" s="218">
        <v>0</v>
      </c>
      <c r="DD19" s="218">
        <v>2</v>
      </c>
      <c r="DE19" s="218">
        <v>11</v>
      </c>
      <c r="DF19" s="219">
        <v>10</v>
      </c>
      <c r="DG19" s="240">
        <v>23</v>
      </c>
      <c r="DH19" s="242">
        <v>23</v>
      </c>
      <c r="DI19" s="222">
        <v>0</v>
      </c>
      <c r="DJ19" s="219">
        <v>0</v>
      </c>
      <c r="DK19" s="219">
        <v>0</v>
      </c>
      <c r="DL19" s="220">
        <v>0</v>
      </c>
      <c r="DM19" s="218">
        <v>0</v>
      </c>
      <c r="DN19" s="218">
        <v>0</v>
      </c>
      <c r="DO19" s="218">
        <v>0</v>
      </c>
      <c r="DP19" s="219">
        <v>0</v>
      </c>
      <c r="DQ19" s="240">
        <v>0</v>
      </c>
      <c r="DR19" s="242">
        <v>0</v>
      </c>
      <c r="DS19" s="222">
        <v>0</v>
      </c>
      <c r="DT19" s="219">
        <v>0</v>
      </c>
      <c r="DU19" s="219">
        <v>0</v>
      </c>
      <c r="DV19" s="220">
        <v>51</v>
      </c>
      <c r="DW19" s="218">
        <v>115</v>
      </c>
      <c r="DX19" s="218">
        <v>342</v>
      </c>
      <c r="DY19" s="218">
        <v>416</v>
      </c>
      <c r="DZ19" s="219">
        <v>226</v>
      </c>
      <c r="EA19" s="240">
        <v>1150</v>
      </c>
      <c r="EB19" s="242">
        <v>1150</v>
      </c>
      <c r="EC19" s="239"/>
    </row>
    <row r="20" spans="2:133" ht="21" customHeight="1" x14ac:dyDescent="0.2">
      <c r="B20" s="106" t="s">
        <v>17</v>
      </c>
      <c r="C20" s="217">
        <v>0</v>
      </c>
      <c r="D20" s="219">
        <v>0</v>
      </c>
      <c r="E20" s="219">
        <v>0</v>
      </c>
      <c r="F20" s="220">
        <v>5</v>
      </c>
      <c r="G20" s="218">
        <v>14</v>
      </c>
      <c r="H20" s="218">
        <v>200</v>
      </c>
      <c r="I20" s="218">
        <v>286</v>
      </c>
      <c r="J20" s="219">
        <v>216</v>
      </c>
      <c r="K20" s="240">
        <v>721</v>
      </c>
      <c r="L20" s="241">
        <v>721</v>
      </c>
      <c r="M20" s="217">
        <v>0</v>
      </c>
      <c r="N20" s="219">
        <v>0</v>
      </c>
      <c r="O20" s="240">
        <v>0</v>
      </c>
      <c r="P20" s="220">
        <v>5</v>
      </c>
      <c r="Q20" s="218">
        <v>14</v>
      </c>
      <c r="R20" s="218">
        <v>200</v>
      </c>
      <c r="S20" s="218">
        <v>284</v>
      </c>
      <c r="T20" s="219">
        <v>212</v>
      </c>
      <c r="U20" s="240">
        <v>715</v>
      </c>
      <c r="V20" s="242">
        <v>715</v>
      </c>
      <c r="W20" s="222">
        <v>0</v>
      </c>
      <c r="X20" s="219">
        <v>0</v>
      </c>
      <c r="Y20" s="240">
        <v>0</v>
      </c>
      <c r="Z20" s="222">
        <v>0</v>
      </c>
      <c r="AA20" s="218">
        <v>0</v>
      </c>
      <c r="AB20" s="218">
        <v>0</v>
      </c>
      <c r="AC20" s="218">
        <v>2</v>
      </c>
      <c r="AD20" s="219">
        <v>4</v>
      </c>
      <c r="AE20" s="240">
        <v>6</v>
      </c>
      <c r="AF20" s="221">
        <v>6</v>
      </c>
      <c r="AG20" s="222">
        <v>0</v>
      </c>
      <c r="AH20" s="219">
        <v>0</v>
      </c>
      <c r="AI20" s="240">
        <v>0</v>
      </c>
      <c r="AJ20" s="222">
        <v>37</v>
      </c>
      <c r="AK20" s="218">
        <v>102</v>
      </c>
      <c r="AL20" s="218">
        <v>133</v>
      </c>
      <c r="AM20" s="218">
        <v>131</v>
      </c>
      <c r="AN20" s="219">
        <v>73</v>
      </c>
      <c r="AO20" s="240">
        <v>476</v>
      </c>
      <c r="AP20" s="221">
        <v>476</v>
      </c>
      <c r="AQ20" s="222">
        <v>0</v>
      </c>
      <c r="AR20" s="219">
        <v>0</v>
      </c>
      <c r="AS20" s="240">
        <v>0</v>
      </c>
      <c r="AT20" s="220">
        <v>35</v>
      </c>
      <c r="AU20" s="218">
        <v>100</v>
      </c>
      <c r="AV20" s="218">
        <v>130</v>
      </c>
      <c r="AW20" s="218">
        <v>128</v>
      </c>
      <c r="AX20" s="219">
        <v>70</v>
      </c>
      <c r="AY20" s="240">
        <v>463</v>
      </c>
      <c r="AZ20" s="241">
        <v>463</v>
      </c>
      <c r="BA20" s="217">
        <v>0</v>
      </c>
      <c r="BB20" s="219">
        <v>0</v>
      </c>
      <c r="BC20" s="219">
        <v>0</v>
      </c>
      <c r="BD20" s="220">
        <v>2</v>
      </c>
      <c r="BE20" s="218">
        <v>2</v>
      </c>
      <c r="BF20" s="218">
        <v>3</v>
      </c>
      <c r="BG20" s="218">
        <v>3</v>
      </c>
      <c r="BH20" s="219">
        <v>3</v>
      </c>
      <c r="BI20" s="240">
        <v>13</v>
      </c>
      <c r="BJ20" s="242">
        <v>13</v>
      </c>
      <c r="BK20" s="222">
        <v>0</v>
      </c>
      <c r="BL20" s="219">
        <v>0</v>
      </c>
      <c r="BM20" s="219">
        <v>0</v>
      </c>
      <c r="BN20" s="220">
        <v>0</v>
      </c>
      <c r="BO20" s="218">
        <v>0</v>
      </c>
      <c r="BP20" s="218">
        <v>0</v>
      </c>
      <c r="BQ20" s="218">
        <v>0</v>
      </c>
      <c r="BR20" s="219">
        <v>0</v>
      </c>
      <c r="BS20" s="240">
        <v>0</v>
      </c>
      <c r="BT20" s="241">
        <v>0</v>
      </c>
      <c r="BU20" s="217">
        <v>0</v>
      </c>
      <c r="BV20" s="219">
        <v>0</v>
      </c>
      <c r="BW20" s="219">
        <v>0</v>
      </c>
      <c r="BX20" s="220">
        <v>0</v>
      </c>
      <c r="BY20" s="218">
        <v>0</v>
      </c>
      <c r="BZ20" s="218">
        <v>0</v>
      </c>
      <c r="CA20" s="218">
        <v>0</v>
      </c>
      <c r="CB20" s="219">
        <v>0</v>
      </c>
      <c r="CC20" s="240">
        <v>0</v>
      </c>
      <c r="CD20" s="242">
        <v>0</v>
      </c>
      <c r="CE20" s="222">
        <v>0</v>
      </c>
      <c r="CF20" s="219">
        <v>0</v>
      </c>
      <c r="CG20" s="219">
        <v>0</v>
      </c>
      <c r="CH20" s="220">
        <v>0</v>
      </c>
      <c r="CI20" s="218">
        <v>0</v>
      </c>
      <c r="CJ20" s="218">
        <v>0</v>
      </c>
      <c r="CK20" s="218">
        <v>0</v>
      </c>
      <c r="CL20" s="219">
        <v>0</v>
      </c>
      <c r="CM20" s="240">
        <v>0</v>
      </c>
      <c r="CN20" s="242">
        <v>0</v>
      </c>
      <c r="CO20" s="222">
        <v>0</v>
      </c>
      <c r="CP20" s="219">
        <v>0</v>
      </c>
      <c r="CQ20" s="219">
        <v>0</v>
      </c>
      <c r="CR20" s="220">
        <v>0</v>
      </c>
      <c r="CS20" s="218">
        <v>0</v>
      </c>
      <c r="CT20" s="218">
        <v>0</v>
      </c>
      <c r="CU20" s="218">
        <v>5</v>
      </c>
      <c r="CV20" s="219">
        <v>19</v>
      </c>
      <c r="CW20" s="240">
        <v>24</v>
      </c>
      <c r="CX20" s="241">
        <v>24</v>
      </c>
      <c r="CY20" s="217">
        <v>0</v>
      </c>
      <c r="CZ20" s="219">
        <v>0</v>
      </c>
      <c r="DA20" s="219">
        <v>0</v>
      </c>
      <c r="DB20" s="220">
        <v>0</v>
      </c>
      <c r="DC20" s="218">
        <v>0</v>
      </c>
      <c r="DD20" s="218">
        <v>0</v>
      </c>
      <c r="DE20" s="218">
        <v>5</v>
      </c>
      <c r="DF20" s="219">
        <v>18</v>
      </c>
      <c r="DG20" s="240">
        <v>23</v>
      </c>
      <c r="DH20" s="242">
        <v>23</v>
      </c>
      <c r="DI20" s="222">
        <v>0</v>
      </c>
      <c r="DJ20" s="219">
        <v>0</v>
      </c>
      <c r="DK20" s="219">
        <v>0</v>
      </c>
      <c r="DL20" s="220">
        <v>0</v>
      </c>
      <c r="DM20" s="218">
        <v>0</v>
      </c>
      <c r="DN20" s="218">
        <v>0</v>
      </c>
      <c r="DO20" s="218">
        <v>0</v>
      </c>
      <c r="DP20" s="219">
        <v>1</v>
      </c>
      <c r="DQ20" s="240">
        <v>1</v>
      </c>
      <c r="DR20" s="242">
        <v>1</v>
      </c>
      <c r="DS20" s="222">
        <v>0</v>
      </c>
      <c r="DT20" s="219">
        <v>0</v>
      </c>
      <c r="DU20" s="219">
        <v>0</v>
      </c>
      <c r="DV20" s="220">
        <v>42</v>
      </c>
      <c r="DW20" s="218">
        <v>116</v>
      </c>
      <c r="DX20" s="218">
        <v>333</v>
      </c>
      <c r="DY20" s="218">
        <v>422</v>
      </c>
      <c r="DZ20" s="219">
        <v>308</v>
      </c>
      <c r="EA20" s="240">
        <v>1221</v>
      </c>
      <c r="EB20" s="242">
        <v>1221</v>
      </c>
      <c r="EC20" s="239"/>
    </row>
    <row r="21" spans="2:133" ht="21" customHeight="1" x14ac:dyDescent="0.2">
      <c r="B21" s="106" t="s">
        <v>18</v>
      </c>
      <c r="C21" s="217">
        <v>0</v>
      </c>
      <c r="D21" s="219">
        <v>0</v>
      </c>
      <c r="E21" s="219">
        <v>0</v>
      </c>
      <c r="F21" s="220">
        <v>5</v>
      </c>
      <c r="G21" s="218">
        <v>14</v>
      </c>
      <c r="H21" s="218">
        <v>201</v>
      </c>
      <c r="I21" s="218">
        <v>396</v>
      </c>
      <c r="J21" s="219">
        <v>256</v>
      </c>
      <c r="K21" s="240">
        <v>872</v>
      </c>
      <c r="L21" s="241">
        <v>872</v>
      </c>
      <c r="M21" s="217">
        <v>0</v>
      </c>
      <c r="N21" s="219">
        <v>0</v>
      </c>
      <c r="O21" s="240">
        <v>0</v>
      </c>
      <c r="P21" s="220">
        <v>5</v>
      </c>
      <c r="Q21" s="218">
        <v>14</v>
      </c>
      <c r="R21" s="218">
        <v>199</v>
      </c>
      <c r="S21" s="218">
        <v>390</v>
      </c>
      <c r="T21" s="219">
        <v>251</v>
      </c>
      <c r="U21" s="240">
        <v>859</v>
      </c>
      <c r="V21" s="242">
        <v>859</v>
      </c>
      <c r="W21" s="222">
        <v>0</v>
      </c>
      <c r="X21" s="219">
        <v>0</v>
      </c>
      <c r="Y21" s="240">
        <v>0</v>
      </c>
      <c r="Z21" s="222">
        <v>0</v>
      </c>
      <c r="AA21" s="218">
        <v>0</v>
      </c>
      <c r="AB21" s="218">
        <v>2</v>
      </c>
      <c r="AC21" s="218">
        <v>6</v>
      </c>
      <c r="AD21" s="219">
        <v>5</v>
      </c>
      <c r="AE21" s="240">
        <v>13</v>
      </c>
      <c r="AF21" s="221">
        <v>13</v>
      </c>
      <c r="AG21" s="222">
        <v>0</v>
      </c>
      <c r="AH21" s="219">
        <v>0</v>
      </c>
      <c r="AI21" s="240">
        <v>0</v>
      </c>
      <c r="AJ21" s="222">
        <v>25</v>
      </c>
      <c r="AK21" s="218">
        <v>73</v>
      </c>
      <c r="AL21" s="218">
        <v>122</v>
      </c>
      <c r="AM21" s="218">
        <v>115</v>
      </c>
      <c r="AN21" s="219">
        <v>67</v>
      </c>
      <c r="AO21" s="240">
        <v>402</v>
      </c>
      <c r="AP21" s="221">
        <v>402</v>
      </c>
      <c r="AQ21" s="222">
        <v>0</v>
      </c>
      <c r="AR21" s="219">
        <v>0</v>
      </c>
      <c r="AS21" s="240">
        <v>0</v>
      </c>
      <c r="AT21" s="220">
        <v>25</v>
      </c>
      <c r="AU21" s="218">
        <v>72</v>
      </c>
      <c r="AV21" s="218">
        <v>119</v>
      </c>
      <c r="AW21" s="218">
        <v>112</v>
      </c>
      <c r="AX21" s="219">
        <v>64</v>
      </c>
      <c r="AY21" s="240">
        <v>392</v>
      </c>
      <c r="AZ21" s="241">
        <v>392</v>
      </c>
      <c r="BA21" s="217">
        <v>0</v>
      </c>
      <c r="BB21" s="219">
        <v>0</v>
      </c>
      <c r="BC21" s="219">
        <v>0</v>
      </c>
      <c r="BD21" s="220">
        <v>0</v>
      </c>
      <c r="BE21" s="218">
        <v>1</v>
      </c>
      <c r="BF21" s="218">
        <v>3</v>
      </c>
      <c r="BG21" s="218">
        <v>3</v>
      </c>
      <c r="BH21" s="219">
        <v>3</v>
      </c>
      <c r="BI21" s="240">
        <v>10</v>
      </c>
      <c r="BJ21" s="242">
        <v>10</v>
      </c>
      <c r="BK21" s="222">
        <v>0</v>
      </c>
      <c r="BL21" s="219">
        <v>0</v>
      </c>
      <c r="BM21" s="219">
        <v>0</v>
      </c>
      <c r="BN21" s="220">
        <v>0</v>
      </c>
      <c r="BO21" s="218">
        <v>0</v>
      </c>
      <c r="BP21" s="218">
        <v>0</v>
      </c>
      <c r="BQ21" s="218">
        <v>0</v>
      </c>
      <c r="BR21" s="219">
        <v>0</v>
      </c>
      <c r="BS21" s="240">
        <v>0</v>
      </c>
      <c r="BT21" s="241">
        <v>0</v>
      </c>
      <c r="BU21" s="217">
        <v>0</v>
      </c>
      <c r="BV21" s="219">
        <v>0</v>
      </c>
      <c r="BW21" s="219">
        <v>0</v>
      </c>
      <c r="BX21" s="220">
        <v>0</v>
      </c>
      <c r="BY21" s="218">
        <v>0</v>
      </c>
      <c r="BZ21" s="218">
        <v>0</v>
      </c>
      <c r="CA21" s="218">
        <v>0</v>
      </c>
      <c r="CB21" s="219">
        <v>0</v>
      </c>
      <c r="CC21" s="240">
        <v>0</v>
      </c>
      <c r="CD21" s="242">
        <v>0</v>
      </c>
      <c r="CE21" s="222">
        <v>0</v>
      </c>
      <c r="CF21" s="219">
        <v>0</v>
      </c>
      <c r="CG21" s="219">
        <v>0</v>
      </c>
      <c r="CH21" s="220">
        <v>0</v>
      </c>
      <c r="CI21" s="218">
        <v>0</v>
      </c>
      <c r="CJ21" s="218">
        <v>0</v>
      </c>
      <c r="CK21" s="218">
        <v>0</v>
      </c>
      <c r="CL21" s="219">
        <v>0</v>
      </c>
      <c r="CM21" s="240">
        <v>0</v>
      </c>
      <c r="CN21" s="242">
        <v>0</v>
      </c>
      <c r="CO21" s="222">
        <v>0</v>
      </c>
      <c r="CP21" s="219">
        <v>0</v>
      </c>
      <c r="CQ21" s="219">
        <v>0</v>
      </c>
      <c r="CR21" s="220">
        <v>0</v>
      </c>
      <c r="CS21" s="218">
        <v>1</v>
      </c>
      <c r="CT21" s="218">
        <v>1</v>
      </c>
      <c r="CU21" s="218">
        <v>18</v>
      </c>
      <c r="CV21" s="219">
        <v>16</v>
      </c>
      <c r="CW21" s="240">
        <v>36</v>
      </c>
      <c r="CX21" s="241">
        <v>36</v>
      </c>
      <c r="CY21" s="217">
        <v>0</v>
      </c>
      <c r="CZ21" s="219">
        <v>0</v>
      </c>
      <c r="DA21" s="219">
        <v>0</v>
      </c>
      <c r="DB21" s="220">
        <v>0</v>
      </c>
      <c r="DC21" s="218">
        <v>1</v>
      </c>
      <c r="DD21" s="218">
        <v>1</v>
      </c>
      <c r="DE21" s="218">
        <v>17</v>
      </c>
      <c r="DF21" s="219">
        <v>16</v>
      </c>
      <c r="DG21" s="240">
        <v>35</v>
      </c>
      <c r="DH21" s="242">
        <v>35</v>
      </c>
      <c r="DI21" s="222">
        <v>0</v>
      </c>
      <c r="DJ21" s="219">
        <v>0</v>
      </c>
      <c r="DK21" s="219">
        <v>0</v>
      </c>
      <c r="DL21" s="220">
        <v>0</v>
      </c>
      <c r="DM21" s="218">
        <v>0</v>
      </c>
      <c r="DN21" s="218">
        <v>0</v>
      </c>
      <c r="DO21" s="218">
        <v>1</v>
      </c>
      <c r="DP21" s="219">
        <v>0</v>
      </c>
      <c r="DQ21" s="240">
        <v>1</v>
      </c>
      <c r="DR21" s="242">
        <v>1</v>
      </c>
      <c r="DS21" s="222">
        <v>0</v>
      </c>
      <c r="DT21" s="219">
        <v>0</v>
      </c>
      <c r="DU21" s="219">
        <v>0</v>
      </c>
      <c r="DV21" s="220">
        <v>30</v>
      </c>
      <c r="DW21" s="218">
        <v>88</v>
      </c>
      <c r="DX21" s="218">
        <v>322</v>
      </c>
      <c r="DY21" s="218">
        <v>529</v>
      </c>
      <c r="DZ21" s="219">
        <v>337</v>
      </c>
      <c r="EA21" s="240">
        <v>1306</v>
      </c>
      <c r="EB21" s="242">
        <v>1306</v>
      </c>
      <c r="EC21" s="239"/>
    </row>
    <row r="22" spans="2:133" ht="21" customHeight="1" x14ac:dyDescent="0.2">
      <c r="B22" s="106" t="s">
        <v>19</v>
      </c>
      <c r="C22" s="217">
        <v>0</v>
      </c>
      <c r="D22" s="219">
        <v>0</v>
      </c>
      <c r="E22" s="219">
        <v>0</v>
      </c>
      <c r="F22" s="220">
        <v>1</v>
      </c>
      <c r="G22" s="218">
        <v>5</v>
      </c>
      <c r="H22" s="218">
        <v>114</v>
      </c>
      <c r="I22" s="218">
        <v>100</v>
      </c>
      <c r="J22" s="219">
        <v>91</v>
      </c>
      <c r="K22" s="240">
        <v>311</v>
      </c>
      <c r="L22" s="241">
        <v>311</v>
      </c>
      <c r="M22" s="217">
        <v>0</v>
      </c>
      <c r="N22" s="219">
        <v>0</v>
      </c>
      <c r="O22" s="240">
        <v>0</v>
      </c>
      <c r="P22" s="220">
        <v>1</v>
      </c>
      <c r="Q22" s="218">
        <v>5</v>
      </c>
      <c r="R22" s="218">
        <v>112</v>
      </c>
      <c r="S22" s="218">
        <v>100</v>
      </c>
      <c r="T22" s="219">
        <v>90</v>
      </c>
      <c r="U22" s="240">
        <v>308</v>
      </c>
      <c r="V22" s="242">
        <v>308</v>
      </c>
      <c r="W22" s="222">
        <v>0</v>
      </c>
      <c r="X22" s="219">
        <v>0</v>
      </c>
      <c r="Y22" s="240">
        <v>0</v>
      </c>
      <c r="Z22" s="222">
        <v>0</v>
      </c>
      <c r="AA22" s="218">
        <v>0</v>
      </c>
      <c r="AB22" s="218">
        <v>2</v>
      </c>
      <c r="AC22" s="218">
        <v>0</v>
      </c>
      <c r="AD22" s="219">
        <v>1</v>
      </c>
      <c r="AE22" s="240">
        <v>3</v>
      </c>
      <c r="AF22" s="221">
        <v>3</v>
      </c>
      <c r="AG22" s="222">
        <v>0</v>
      </c>
      <c r="AH22" s="219">
        <v>0</v>
      </c>
      <c r="AI22" s="240">
        <v>0</v>
      </c>
      <c r="AJ22" s="222">
        <v>26</v>
      </c>
      <c r="AK22" s="218">
        <v>42</v>
      </c>
      <c r="AL22" s="218">
        <v>61</v>
      </c>
      <c r="AM22" s="218">
        <v>67</v>
      </c>
      <c r="AN22" s="219">
        <v>28</v>
      </c>
      <c r="AO22" s="240">
        <v>224</v>
      </c>
      <c r="AP22" s="221">
        <v>224</v>
      </c>
      <c r="AQ22" s="222">
        <v>0</v>
      </c>
      <c r="AR22" s="219">
        <v>0</v>
      </c>
      <c r="AS22" s="240">
        <v>0</v>
      </c>
      <c r="AT22" s="220">
        <v>25</v>
      </c>
      <c r="AU22" s="218">
        <v>42</v>
      </c>
      <c r="AV22" s="218">
        <v>60</v>
      </c>
      <c r="AW22" s="218">
        <v>65</v>
      </c>
      <c r="AX22" s="219">
        <v>26</v>
      </c>
      <c r="AY22" s="240">
        <v>218</v>
      </c>
      <c r="AZ22" s="241">
        <v>218</v>
      </c>
      <c r="BA22" s="217">
        <v>0</v>
      </c>
      <c r="BB22" s="219">
        <v>0</v>
      </c>
      <c r="BC22" s="219">
        <v>0</v>
      </c>
      <c r="BD22" s="220">
        <v>1</v>
      </c>
      <c r="BE22" s="218">
        <v>0</v>
      </c>
      <c r="BF22" s="218">
        <v>1</v>
      </c>
      <c r="BG22" s="218">
        <v>2</v>
      </c>
      <c r="BH22" s="219">
        <v>2</v>
      </c>
      <c r="BI22" s="240">
        <v>6</v>
      </c>
      <c r="BJ22" s="242">
        <v>6</v>
      </c>
      <c r="BK22" s="222">
        <v>0</v>
      </c>
      <c r="BL22" s="219">
        <v>0</v>
      </c>
      <c r="BM22" s="219">
        <v>0</v>
      </c>
      <c r="BN22" s="220">
        <v>0</v>
      </c>
      <c r="BO22" s="218">
        <v>0</v>
      </c>
      <c r="BP22" s="218">
        <v>0</v>
      </c>
      <c r="BQ22" s="218">
        <v>0</v>
      </c>
      <c r="BR22" s="219">
        <v>0</v>
      </c>
      <c r="BS22" s="240">
        <v>0</v>
      </c>
      <c r="BT22" s="241">
        <v>0</v>
      </c>
      <c r="BU22" s="217">
        <v>0</v>
      </c>
      <c r="BV22" s="219">
        <v>0</v>
      </c>
      <c r="BW22" s="219">
        <v>0</v>
      </c>
      <c r="BX22" s="220">
        <v>0</v>
      </c>
      <c r="BY22" s="218">
        <v>0</v>
      </c>
      <c r="BZ22" s="218">
        <v>0</v>
      </c>
      <c r="CA22" s="218">
        <v>0</v>
      </c>
      <c r="CB22" s="219">
        <v>0</v>
      </c>
      <c r="CC22" s="240">
        <v>0</v>
      </c>
      <c r="CD22" s="242">
        <v>0</v>
      </c>
      <c r="CE22" s="222">
        <v>0</v>
      </c>
      <c r="CF22" s="219">
        <v>0</v>
      </c>
      <c r="CG22" s="219">
        <v>0</v>
      </c>
      <c r="CH22" s="220">
        <v>0</v>
      </c>
      <c r="CI22" s="218">
        <v>0</v>
      </c>
      <c r="CJ22" s="218">
        <v>0</v>
      </c>
      <c r="CK22" s="218">
        <v>0</v>
      </c>
      <c r="CL22" s="219">
        <v>0</v>
      </c>
      <c r="CM22" s="240">
        <v>0</v>
      </c>
      <c r="CN22" s="242">
        <v>0</v>
      </c>
      <c r="CO22" s="222">
        <v>0</v>
      </c>
      <c r="CP22" s="219">
        <v>0</v>
      </c>
      <c r="CQ22" s="219">
        <v>0</v>
      </c>
      <c r="CR22" s="220">
        <v>0</v>
      </c>
      <c r="CS22" s="218">
        <v>0</v>
      </c>
      <c r="CT22" s="218">
        <v>0</v>
      </c>
      <c r="CU22" s="218">
        <v>4</v>
      </c>
      <c r="CV22" s="219">
        <v>6</v>
      </c>
      <c r="CW22" s="240">
        <v>10</v>
      </c>
      <c r="CX22" s="241">
        <v>10</v>
      </c>
      <c r="CY22" s="217">
        <v>0</v>
      </c>
      <c r="CZ22" s="219">
        <v>0</v>
      </c>
      <c r="DA22" s="219">
        <v>0</v>
      </c>
      <c r="DB22" s="220">
        <v>0</v>
      </c>
      <c r="DC22" s="218">
        <v>0</v>
      </c>
      <c r="DD22" s="218">
        <v>0</v>
      </c>
      <c r="DE22" s="218">
        <v>4</v>
      </c>
      <c r="DF22" s="219">
        <v>6</v>
      </c>
      <c r="DG22" s="240">
        <v>10</v>
      </c>
      <c r="DH22" s="242">
        <v>10</v>
      </c>
      <c r="DI22" s="222">
        <v>0</v>
      </c>
      <c r="DJ22" s="219">
        <v>0</v>
      </c>
      <c r="DK22" s="219">
        <v>0</v>
      </c>
      <c r="DL22" s="220">
        <v>0</v>
      </c>
      <c r="DM22" s="218">
        <v>0</v>
      </c>
      <c r="DN22" s="218">
        <v>0</v>
      </c>
      <c r="DO22" s="218">
        <v>0</v>
      </c>
      <c r="DP22" s="219">
        <v>0</v>
      </c>
      <c r="DQ22" s="240">
        <v>0</v>
      </c>
      <c r="DR22" s="242">
        <v>0</v>
      </c>
      <c r="DS22" s="222">
        <v>0</v>
      </c>
      <c r="DT22" s="219">
        <v>0</v>
      </c>
      <c r="DU22" s="219">
        <v>0</v>
      </c>
      <c r="DV22" s="220">
        <v>27</v>
      </c>
      <c r="DW22" s="218">
        <v>47</v>
      </c>
      <c r="DX22" s="218">
        <v>173</v>
      </c>
      <c r="DY22" s="218">
        <v>168</v>
      </c>
      <c r="DZ22" s="219">
        <v>124</v>
      </c>
      <c r="EA22" s="240">
        <v>539</v>
      </c>
      <c r="EB22" s="242">
        <v>539</v>
      </c>
      <c r="EC22" s="239"/>
    </row>
    <row r="23" spans="2:133" ht="21" customHeight="1" x14ac:dyDescent="0.2">
      <c r="B23" s="106" t="s">
        <v>20</v>
      </c>
      <c r="C23" s="217">
        <v>0</v>
      </c>
      <c r="D23" s="219">
        <v>0</v>
      </c>
      <c r="E23" s="219">
        <v>0</v>
      </c>
      <c r="F23" s="220">
        <v>5</v>
      </c>
      <c r="G23" s="218">
        <v>28</v>
      </c>
      <c r="H23" s="218">
        <v>140</v>
      </c>
      <c r="I23" s="218">
        <v>212</v>
      </c>
      <c r="J23" s="219">
        <v>102</v>
      </c>
      <c r="K23" s="240">
        <v>487</v>
      </c>
      <c r="L23" s="241">
        <v>487</v>
      </c>
      <c r="M23" s="217">
        <v>0</v>
      </c>
      <c r="N23" s="219">
        <v>0</v>
      </c>
      <c r="O23" s="240">
        <v>0</v>
      </c>
      <c r="P23" s="220">
        <v>5</v>
      </c>
      <c r="Q23" s="218">
        <v>28</v>
      </c>
      <c r="R23" s="218">
        <v>140</v>
      </c>
      <c r="S23" s="218">
        <v>211</v>
      </c>
      <c r="T23" s="219">
        <v>100</v>
      </c>
      <c r="U23" s="240">
        <v>484</v>
      </c>
      <c r="V23" s="242">
        <v>484</v>
      </c>
      <c r="W23" s="222">
        <v>0</v>
      </c>
      <c r="X23" s="219">
        <v>0</v>
      </c>
      <c r="Y23" s="240">
        <v>0</v>
      </c>
      <c r="Z23" s="222">
        <v>0</v>
      </c>
      <c r="AA23" s="218">
        <v>0</v>
      </c>
      <c r="AB23" s="218">
        <v>0</v>
      </c>
      <c r="AC23" s="218">
        <v>1</v>
      </c>
      <c r="AD23" s="219">
        <v>2</v>
      </c>
      <c r="AE23" s="240">
        <v>3</v>
      </c>
      <c r="AF23" s="221">
        <v>3</v>
      </c>
      <c r="AG23" s="222">
        <v>0</v>
      </c>
      <c r="AH23" s="219">
        <v>0</v>
      </c>
      <c r="AI23" s="240">
        <v>0</v>
      </c>
      <c r="AJ23" s="222">
        <v>19</v>
      </c>
      <c r="AK23" s="218">
        <v>38</v>
      </c>
      <c r="AL23" s="218">
        <v>34</v>
      </c>
      <c r="AM23" s="218">
        <v>57</v>
      </c>
      <c r="AN23" s="219">
        <v>16</v>
      </c>
      <c r="AO23" s="240">
        <v>164</v>
      </c>
      <c r="AP23" s="221">
        <v>164</v>
      </c>
      <c r="AQ23" s="222">
        <v>0</v>
      </c>
      <c r="AR23" s="219">
        <v>0</v>
      </c>
      <c r="AS23" s="240">
        <v>0</v>
      </c>
      <c r="AT23" s="220">
        <v>18</v>
      </c>
      <c r="AU23" s="218">
        <v>38</v>
      </c>
      <c r="AV23" s="218">
        <v>34</v>
      </c>
      <c r="AW23" s="218">
        <v>57</v>
      </c>
      <c r="AX23" s="219">
        <v>16</v>
      </c>
      <c r="AY23" s="240">
        <v>163</v>
      </c>
      <c r="AZ23" s="241">
        <v>163</v>
      </c>
      <c r="BA23" s="217">
        <v>0</v>
      </c>
      <c r="BB23" s="219">
        <v>0</v>
      </c>
      <c r="BC23" s="219">
        <v>0</v>
      </c>
      <c r="BD23" s="220">
        <v>1</v>
      </c>
      <c r="BE23" s="218">
        <v>0</v>
      </c>
      <c r="BF23" s="218">
        <v>0</v>
      </c>
      <c r="BG23" s="218">
        <v>0</v>
      </c>
      <c r="BH23" s="219">
        <v>0</v>
      </c>
      <c r="BI23" s="240">
        <v>1</v>
      </c>
      <c r="BJ23" s="242">
        <v>1</v>
      </c>
      <c r="BK23" s="222">
        <v>0</v>
      </c>
      <c r="BL23" s="219">
        <v>0</v>
      </c>
      <c r="BM23" s="219">
        <v>0</v>
      </c>
      <c r="BN23" s="220">
        <v>0</v>
      </c>
      <c r="BO23" s="218">
        <v>0</v>
      </c>
      <c r="BP23" s="218">
        <v>0</v>
      </c>
      <c r="BQ23" s="218">
        <v>2</v>
      </c>
      <c r="BR23" s="219">
        <v>0</v>
      </c>
      <c r="BS23" s="240">
        <v>2</v>
      </c>
      <c r="BT23" s="241">
        <v>2</v>
      </c>
      <c r="BU23" s="217">
        <v>0</v>
      </c>
      <c r="BV23" s="219">
        <v>0</v>
      </c>
      <c r="BW23" s="219">
        <v>0</v>
      </c>
      <c r="BX23" s="220">
        <v>0</v>
      </c>
      <c r="BY23" s="218">
        <v>0</v>
      </c>
      <c r="BZ23" s="218">
        <v>0</v>
      </c>
      <c r="CA23" s="218">
        <v>2</v>
      </c>
      <c r="CB23" s="219">
        <v>0</v>
      </c>
      <c r="CC23" s="240">
        <v>2</v>
      </c>
      <c r="CD23" s="242">
        <v>2</v>
      </c>
      <c r="CE23" s="222">
        <v>0</v>
      </c>
      <c r="CF23" s="219">
        <v>0</v>
      </c>
      <c r="CG23" s="219">
        <v>0</v>
      </c>
      <c r="CH23" s="220">
        <v>0</v>
      </c>
      <c r="CI23" s="218">
        <v>0</v>
      </c>
      <c r="CJ23" s="218">
        <v>0</v>
      </c>
      <c r="CK23" s="218">
        <v>0</v>
      </c>
      <c r="CL23" s="219">
        <v>0</v>
      </c>
      <c r="CM23" s="240">
        <v>0</v>
      </c>
      <c r="CN23" s="242">
        <v>0</v>
      </c>
      <c r="CO23" s="222">
        <v>0</v>
      </c>
      <c r="CP23" s="219">
        <v>0</v>
      </c>
      <c r="CQ23" s="219">
        <v>0</v>
      </c>
      <c r="CR23" s="220">
        <v>0</v>
      </c>
      <c r="CS23" s="218">
        <v>0</v>
      </c>
      <c r="CT23" s="218">
        <v>0</v>
      </c>
      <c r="CU23" s="218">
        <v>3</v>
      </c>
      <c r="CV23" s="219">
        <v>3</v>
      </c>
      <c r="CW23" s="240">
        <v>6</v>
      </c>
      <c r="CX23" s="241">
        <v>6</v>
      </c>
      <c r="CY23" s="217">
        <v>0</v>
      </c>
      <c r="CZ23" s="219">
        <v>0</v>
      </c>
      <c r="DA23" s="219">
        <v>0</v>
      </c>
      <c r="DB23" s="220">
        <v>0</v>
      </c>
      <c r="DC23" s="218">
        <v>0</v>
      </c>
      <c r="DD23" s="218">
        <v>0</v>
      </c>
      <c r="DE23" s="218">
        <v>3</v>
      </c>
      <c r="DF23" s="219">
        <v>3</v>
      </c>
      <c r="DG23" s="240">
        <v>6</v>
      </c>
      <c r="DH23" s="242">
        <v>6</v>
      </c>
      <c r="DI23" s="222">
        <v>0</v>
      </c>
      <c r="DJ23" s="219">
        <v>0</v>
      </c>
      <c r="DK23" s="219">
        <v>0</v>
      </c>
      <c r="DL23" s="220">
        <v>0</v>
      </c>
      <c r="DM23" s="218">
        <v>0</v>
      </c>
      <c r="DN23" s="218">
        <v>0</v>
      </c>
      <c r="DO23" s="218">
        <v>0</v>
      </c>
      <c r="DP23" s="219">
        <v>0</v>
      </c>
      <c r="DQ23" s="240">
        <v>0</v>
      </c>
      <c r="DR23" s="242">
        <v>0</v>
      </c>
      <c r="DS23" s="222">
        <v>0</v>
      </c>
      <c r="DT23" s="219">
        <v>0</v>
      </c>
      <c r="DU23" s="219">
        <v>0</v>
      </c>
      <c r="DV23" s="220">
        <v>24</v>
      </c>
      <c r="DW23" s="218">
        <v>66</v>
      </c>
      <c r="DX23" s="218">
        <v>174</v>
      </c>
      <c r="DY23" s="218">
        <v>271</v>
      </c>
      <c r="DZ23" s="219">
        <v>121</v>
      </c>
      <c r="EA23" s="240">
        <v>656</v>
      </c>
      <c r="EB23" s="242">
        <v>656</v>
      </c>
      <c r="EC23" s="239"/>
    </row>
    <row r="24" spans="2:133" ht="21" customHeight="1" x14ac:dyDescent="0.2">
      <c r="B24" s="106" t="s">
        <v>21</v>
      </c>
      <c r="C24" s="217">
        <v>0</v>
      </c>
      <c r="D24" s="219">
        <v>0</v>
      </c>
      <c r="E24" s="219">
        <v>0</v>
      </c>
      <c r="F24" s="220">
        <v>3</v>
      </c>
      <c r="G24" s="218">
        <v>13</v>
      </c>
      <c r="H24" s="218">
        <v>173</v>
      </c>
      <c r="I24" s="218">
        <v>194</v>
      </c>
      <c r="J24" s="219">
        <v>141</v>
      </c>
      <c r="K24" s="240">
        <v>524</v>
      </c>
      <c r="L24" s="241">
        <v>524</v>
      </c>
      <c r="M24" s="217">
        <v>0</v>
      </c>
      <c r="N24" s="219">
        <v>0</v>
      </c>
      <c r="O24" s="240">
        <v>0</v>
      </c>
      <c r="P24" s="220">
        <v>2</v>
      </c>
      <c r="Q24" s="218">
        <v>13</v>
      </c>
      <c r="R24" s="218">
        <v>173</v>
      </c>
      <c r="S24" s="218">
        <v>194</v>
      </c>
      <c r="T24" s="219">
        <v>140</v>
      </c>
      <c r="U24" s="240">
        <v>522</v>
      </c>
      <c r="V24" s="242">
        <v>522</v>
      </c>
      <c r="W24" s="222">
        <v>0</v>
      </c>
      <c r="X24" s="219">
        <v>0</v>
      </c>
      <c r="Y24" s="240">
        <v>0</v>
      </c>
      <c r="Z24" s="222">
        <v>1</v>
      </c>
      <c r="AA24" s="218">
        <v>0</v>
      </c>
      <c r="AB24" s="218">
        <v>0</v>
      </c>
      <c r="AC24" s="218">
        <v>0</v>
      </c>
      <c r="AD24" s="219">
        <v>1</v>
      </c>
      <c r="AE24" s="240">
        <v>2</v>
      </c>
      <c r="AF24" s="221">
        <v>2</v>
      </c>
      <c r="AG24" s="222">
        <v>0</v>
      </c>
      <c r="AH24" s="219">
        <v>0</v>
      </c>
      <c r="AI24" s="240">
        <v>0</v>
      </c>
      <c r="AJ24" s="222">
        <v>20</v>
      </c>
      <c r="AK24" s="218">
        <v>32</v>
      </c>
      <c r="AL24" s="218">
        <v>46</v>
      </c>
      <c r="AM24" s="218">
        <v>57</v>
      </c>
      <c r="AN24" s="219">
        <v>19</v>
      </c>
      <c r="AO24" s="240">
        <v>174</v>
      </c>
      <c r="AP24" s="221">
        <v>174</v>
      </c>
      <c r="AQ24" s="222">
        <v>0</v>
      </c>
      <c r="AR24" s="219">
        <v>0</v>
      </c>
      <c r="AS24" s="240">
        <v>0</v>
      </c>
      <c r="AT24" s="220">
        <v>20</v>
      </c>
      <c r="AU24" s="218">
        <v>32</v>
      </c>
      <c r="AV24" s="218">
        <v>44</v>
      </c>
      <c r="AW24" s="218">
        <v>54</v>
      </c>
      <c r="AX24" s="219">
        <v>18</v>
      </c>
      <c r="AY24" s="240">
        <v>168</v>
      </c>
      <c r="AZ24" s="241">
        <v>168</v>
      </c>
      <c r="BA24" s="217">
        <v>0</v>
      </c>
      <c r="BB24" s="219">
        <v>0</v>
      </c>
      <c r="BC24" s="219">
        <v>0</v>
      </c>
      <c r="BD24" s="220">
        <v>0</v>
      </c>
      <c r="BE24" s="218">
        <v>0</v>
      </c>
      <c r="BF24" s="218">
        <v>2</v>
      </c>
      <c r="BG24" s="218">
        <v>3</v>
      </c>
      <c r="BH24" s="219">
        <v>1</v>
      </c>
      <c r="BI24" s="240">
        <v>6</v>
      </c>
      <c r="BJ24" s="242">
        <v>6</v>
      </c>
      <c r="BK24" s="222">
        <v>0</v>
      </c>
      <c r="BL24" s="219">
        <v>0</v>
      </c>
      <c r="BM24" s="219">
        <v>0</v>
      </c>
      <c r="BN24" s="220">
        <v>0</v>
      </c>
      <c r="BO24" s="218">
        <v>0</v>
      </c>
      <c r="BP24" s="218">
        <v>0</v>
      </c>
      <c r="BQ24" s="218">
        <v>0</v>
      </c>
      <c r="BR24" s="219">
        <v>0</v>
      </c>
      <c r="BS24" s="240">
        <v>0</v>
      </c>
      <c r="BT24" s="241">
        <v>0</v>
      </c>
      <c r="BU24" s="217">
        <v>0</v>
      </c>
      <c r="BV24" s="219">
        <v>0</v>
      </c>
      <c r="BW24" s="219">
        <v>0</v>
      </c>
      <c r="BX24" s="220">
        <v>0</v>
      </c>
      <c r="BY24" s="218">
        <v>0</v>
      </c>
      <c r="BZ24" s="218">
        <v>0</v>
      </c>
      <c r="CA24" s="218">
        <v>0</v>
      </c>
      <c r="CB24" s="219">
        <v>0</v>
      </c>
      <c r="CC24" s="240">
        <v>0</v>
      </c>
      <c r="CD24" s="242">
        <v>0</v>
      </c>
      <c r="CE24" s="222">
        <v>0</v>
      </c>
      <c r="CF24" s="219">
        <v>0</v>
      </c>
      <c r="CG24" s="219">
        <v>0</v>
      </c>
      <c r="CH24" s="220">
        <v>0</v>
      </c>
      <c r="CI24" s="218">
        <v>0</v>
      </c>
      <c r="CJ24" s="218">
        <v>0</v>
      </c>
      <c r="CK24" s="218">
        <v>0</v>
      </c>
      <c r="CL24" s="219">
        <v>0</v>
      </c>
      <c r="CM24" s="240">
        <v>0</v>
      </c>
      <c r="CN24" s="242">
        <v>0</v>
      </c>
      <c r="CO24" s="222">
        <v>0</v>
      </c>
      <c r="CP24" s="219">
        <v>0</v>
      </c>
      <c r="CQ24" s="219">
        <v>0</v>
      </c>
      <c r="CR24" s="220">
        <v>0</v>
      </c>
      <c r="CS24" s="218">
        <v>1</v>
      </c>
      <c r="CT24" s="218">
        <v>1</v>
      </c>
      <c r="CU24" s="218">
        <v>11</v>
      </c>
      <c r="CV24" s="219">
        <v>20</v>
      </c>
      <c r="CW24" s="240">
        <v>33</v>
      </c>
      <c r="CX24" s="241">
        <v>33</v>
      </c>
      <c r="CY24" s="217">
        <v>0</v>
      </c>
      <c r="CZ24" s="219">
        <v>0</v>
      </c>
      <c r="DA24" s="219">
        <v>0</v>
      </c>
      <c r="DB24" s="220">
        <v>0</v>
      </c>
      <c r="DC24" s="218">
        <v>1</v>
      </c>
      <c r="DD24" s="218">
        <v>1</v>
      </c>
      <c r="DE24" s="218">
        <v>11</v>
      </c>
      <c r="DF24" s="219">
        <v>20</v>
      </c>
      <c r="DG24" s="240">
        <v>33</v>
      </c>
      <c r="DH24" s="242">
        <v>33</v>
      </c>
      <c r="DI24" s="222">
        <v>0</v>
      </c>
      <c r="DJ24" s="219">
        <v>0</v>
      </c>
      <c r="DK24" s="219">
        <v>0</v>
      </c>
      <c r="DL24" s="220">
        <v>0</v>
      </c>
      <c r="DM24" s="218">
        <v>0</v>
      </c>
      <c r="DN24" s="218">
        <v>0</v>
      </c>
      <c r="DO24" s="218">
        <v>0</v>
      </c>
      <c r="DP24" s="219">
        <v>0</v>
      </c>
      <c r="DQ24" s="240">
        <v>0</v>
      </c>
      <c r="DR24" s="242">
        <v>0</v>
      </c>
      <c r="DS24" s="222">
        <v>0</v>
      </c>
      <c r="DT24" s="219">
        <v>0</v>
      </c>
      <c r="DU24" s="219">
        <v>0</v>
      </c>
      <c r="DV24" s="220">
        <v>23</v>
      </c>
      <c r="DW24" s="218">
        <v>46</v>
      </c>
      <c r="DX24" s="218">
        <v>220</v>
      </c>
      <c r="DY24" s="218">
        <v>262</v>
      </c>
      <c r="DZ24" s="219">
        <v>180</v>
      </c>
      <c r="EA24" s="240">
        <v>731</v>
      </c>
      <c r="EB24" s="242">
        <v>731</v>
      </c>
      <c r="EC24" s="239"/>
    </row>
    <row r="25" spans="2:133" ht="21" customHeight="1" x14ac:dyDescent="0.2">
      <c r="B25" s="106" t="s">
        <v>22</v>
      </c>
      <c r="C25" s="217">
        <v>0</v>
      </c>
      <c r="D25" s="219">
        <v>0</v>
      </c>
      <c r="E25" s="219">
        <v>0</v>
      </c>
      <c r="F25" s="220">
        <v>2</v>
      </c>
      <c r="G25" s="218">
        <v>6</v>
      </c>
      <c r="H25" s="218">
        <v>53</v>
      </c>
      <c r="I25" s="218">
        <v>63</v>
      </c>
      <c r="J25" s="219">
        <v>34</v>
      </c>
      <c r="K25" s="240">
        <v>158</v>
      </c>
      <c r="L25" s="241">
        <v>158</v>
      </c>
      <c r="M25" s="217">
        <v>0</v>
      </c>
      <c r="N25" s="219">
        <v>0</v>
      </c>
      <c r="O25" s="240">
        <v>0</v>
      </c>
      <c r="P25" s="220">
        <v>2</v>
      </c>
      <c r="Q25" s="218">
        <v>6</v>
      </c>
      <c r="R25" s="218">
        <v>53</v>
      </c>
      <c r="S25" s="218">
        <v>63</v>
      </c>
      <c r="T25" s="219">
        <v>34</v>
      </c>
      <c r="U25" s="240">
        <v>158</v>
      </c>
      <c r="V25" s="242">
        <v>158</v>
      </c>
      <c r="W25" s="222">
        <v>0</v>
      </c>
      <c r="X25" s="219">
        <v>0</v>
      </c>
      <c r="Y25" s="240">
        <v>0</v>
      </c>
      <c r="Z25" s="222">
        <v>0</v>
      </c>
      <c r="AA25" s="218">
        <v>0</v>
      </c>
      <c r="AB25" s="218">
        <v>0</v>
      </c>
      <c r="AC25" s="218">
        <v>0</v>
      </c>
      <c r="AD25" s="219">
        <v>0</v>
      </c>
      <c r="AE25" s="240">
        <v>0</v>
      </c>
      <c r="AF25" s="221">
        <v>0</v>
      </c>
      <c r="AG25" s="222">
        <v>0</v>
      </c>
      <c r="AH25" s="219">
        <v>0</v>
      </c>
      <c r="AI25" s="240">
        <v>0</v>
      </c>
      <c r="AJ25" s="222">
        <v>11</v>
      </c>
      <c r="AK25" s="218">
        <v>21</v>
      </c>
      <c r="AL25" s="218">
        <v>26</v>
      </c>
      <c r="AM25" s="218">
        <v>42</v>
      </c>
      <c r="AN25" s="219">
        <v>19</v>
      </c>
      <c r="AO25" s="240">
        <v>119</v>
      </c>
      <c r="AP25" s="221">
        <v>119</v>
      </c>
      <c r="AQ25" s="222">
        <v>0</v>
      </c>
      <c r="AR25" s="219">
        <v>0</v>
      </c>
      <c r="AS25" s="240">
        <v>0</v>
      </c>
      <c r="AT25" s="220">
        <v>11</v>
      </c>
      <c r="AU25" s="218">
        <v>21</v>
      </c>
      <c r="AV25" s="218">
        <v>26</v>
      </c>
      <c r="AW25" s="218">
        <v>41</v>
      </c>
      <c r="AX25" s="219">
        <v>19</v>
      </c>
      <c r="AY25" s="240">
        <v>118</v>
      </c>
      <c r="AZ25" s="241">
        <v>118</v>
      </c>
      <c r="BA25" s="217">
        <v>0</v>
      </c>
      <c r="BB25" s="219">
        <v>0</v>
      </c>
      <c r="BC25" s="219">
        <v>0</v>
      </c>
      <c r="BD25" s="220">
        <v>0</v>
      </c>
      <c r="BE25" s="218">
        <v>0</v>
      </c>
      <c r="BF25" s="218">
        <v>0</v>
      </c>
      <c r="BG25" s="218">
        <v>1</v>
      </c>
      <c r="BH25" s="219">
        <v>0</v>
      </c>
      <c r="BI25" s="240">
        <v>1</v>
      </c>
      <c r="BJ25" s="242">
        <v>1</v>
      </c>
      <c r="BK25" s="222">
        <v>0</v>
      </c>
      <c r="BL25" s="219">
        <v>0</v>
      </c>
      <c r="BM25" s="219">
        <v>0</v>
      </c>
      <c r="BN25" s="220">
        <v>0</v>
      </c>
      <c r="BO25" s="218">
        <v>0</v>
      </c>
      <c r="BP25" s="218">
        <v>0</v>
      </c>
      <c r="BQ25" s="218">
        <v>0</v>
      </c>
      <c r="BR25" s="219">
        <v>0</v>
      </c>
      <c r="BS25" s="240">
        <v>0</v>
      </c>
      <c r="BT25" s="241">
        <v>0</v>
      </c>
      <c r="BU25" s="217">
        <v>0</v>
      </c>
      <c r="BV25" s="219">
        <v>0</v>
      </c>
      <c r="BW25" s="219">
        <v>0</v>
      </c>
      <c r="BX25" s="220">
        <v>0</v>
      </c>
      <c r="BY25" s="218">
        <v>0</v>
      </c>
      <c r="BZ25" s="218">
        <v>0</v>
      </c>
      <c r="CA25" s="218">
        <v>0</v>
      </c>
      <c r="CB25" s="219">
        <v>0</v>
      </c>
      <c r="CC25" s="240">
        <v>0</v>
      </c>
      <c r="CD25" s="242">
        <v>0</v>
      </c>
      <c r="CE25" s="222">
        <v>0</v>
      </c>
      <c r="CF25" s="219">
        <v>0</v>
      </c>
      <c r="CG25" s="219">
        <v>0</v>
      </c>
      <c r="CH25" s="220">
        <v>0</v>
      </c>
      <c r="CI25" s="218">
        <v>0</v>
      </c>
      <c r="CJ25" s="218">
        <v>0</v>
      </c>
      <c r="CK25" s="218">
        <v>0</v>
      </c>
      <c r="CL25" s="219">
        <v>0</v>
      </c>
      <c r="CM25" s="240">
        <v>0</v>
      </c>
      <c r="CN25" s="242">
        <v>0</v>
      </c>
      <c r="CO25" s="222">
        <v>0</v>
      </c>
      <c r="CP25" s="219">
        <v>0</v>
      </c>
      <c r="CQ25" s="219">
        <v>0</v>
      </c>
      <c r="CR25" s="220">
        <v>0</v>
      </c>
      <c r="CS25" s="218">
        <v>0</v>
      </c>
      <c r="CT25" s="218">
        <v>1</v>
      </c>
      <c r="CU25" s="218">
        <v>6</v>
      </c>
      <c r="CV25" s="219">
        <v>3</v>
      </c>
      <c r="CW25" s="240">
        <v>10</v>
      </c>
      <c r="CX25" s="241">
        <v>10</v>
      </c>
      <c r="CY25" s="217">
        <v>0</v>
      </c>
      <c r="CZ25" s="219">
        <v>0</v>
      </c>
      <c r="DA25" s="219">
        <v>0</v>
      </c>
      <c r="DB25" s="220">
        <v>0</v>
      </c>
      <c r="DC25" s="218">
        <v>0</v>
      </c>
      <c r="DD25" s="218">
        <v>1</v>
      </c>
      <c r="DE25" s="218">
        <v>6</v>
      </c>
      <c r="DF25" s="219">
        <v>1</v>
      </c>
      <c r="DG25" s="240">
        <v>8</v>
      </c>
      <c r="DH25" s="242">
        <v>8</v>
      </c>
      <c r="DI25" s="222">
        <v>0</v>
      </c>
      <c r="DJ25" s="219">
        <v>0</v>
      </c>
      <c r="DK25" s="219">
        <v>0</v>
      </c>
      <c r="DL25" s="220">
        <v>0</v>
      </c>
      <c r="DM25" s="218">
        <v>0</v>
      </c>
      <c r="DN25" s="218">
        <v>0</v>
      </c>
      <c r="DO25" s="218">
        <v>0</v>
      </c>
      <c r="DP25" s="219">
        <v>2</v>
      </c>
      <c r="DQ25" s="240">
        <v>2</v>
      </c>
      <c r="DR25" s="242">
        <v>2</v>
      </c>
      <c r="DS25" s="222">
        <v>0</v>
      </c>
      <c r="DT25" s="219">
        <v>0</v>
      </c>
      <c r="DU25" s="219">
        <v>0</v>
      </c>
      <c r="DV25" s="220">
        <v>13</v>
      </c>
      <c r="DW25" s="218">
        <v>27</v>
      </c>
      <c r="DX25" s="218">
        <v>80</v>
      </c>
      <c r="DY25" s="218">
        <v>111</v>
      </c>
      <c r="DZ25" s="219">
        <v>56</v>
      </c>
      <c r="EA25" s="240">
        <v>287</v>
      </c>
      <c r="EB25" s="242">
        <v>287</v>
      </c>
      <c r="EC25" s="239"/>
    </row>
    <row r="26" spans="2:133" ht="21" customHeight="1" x14ac:dyDescent="0.2">
      <c r="B26" s="106" t="s">
        <v>23</v>
      </c>
      <c r="C26" s="217">
        <v>0</v>
      </c>
      <c r="D26" s="219">
        <v>0</v>
      </c>
      <c r="E26" s="219">
        <v>0</v>
      </c>
      <c r="F26" s="220">
        <v>2</v>
      </c>
      <c r="G26" s="218">
        <v>13</v>
      </c>
      <c r="H26" s="218">
        <v>94</v>
      </c>
      <c r="I26" s="218">
        <v>137</v>
      </c>
      <c r="J26" s="219">
        <v>96</v>
      </c>
      <c r="K26" s="240">
        <v>342</v>
      </c>
      <c r="L26" s="241">
        <v>342</v>
      </c>
      <c r="M26" s="217">
        <v>0</v>
      </c>
      <c r="N26" s="219">
        <v>0</v>
      </c>
      <c r="O26" s="240">
        <v>0</v>
      </c>
      <c r="P26" s="220">
        <v>2</v>
      </c>
      <c r="Q26" s="218">
        <v>13</v>
      </c>
      <c r="R26" s="218">
        <v>94</v>
      </c>
      <c r="S26" s="218">
        <v>135</v>
      </c>
      <c r="T26" s="219">
        <v>96</v>
      </c>
      <c r="U26" s="240">
        <v>340</v>
      </c>
      <c r="V26" s="242">
        <v>340</v>
      </c>
      <c r="W26" s="222">
        <v>0</v>
      </c>
      <c r="X26" s="219">
        <v>0</v>
      </c>
      <c r="Y26" s="240">
        <v>0</v>
      </c>
      <c r="Z26" s="222">
        <v>0</v>
      </c>
      <c r="AA26" s="218">
        <v>0</v>
      </c>
      <c r="AB26" s="218">
        <v>0</v>
      </c>
      <c r="AC26" s="218">
        <v>2</v>
      </c>
      <c r="AD26" s="219">
        <v>0</v>
      </c>
      <c r="AE26" s="240">
        <v>2</v>
      </c>
      <c r="AF26" s="221">
        <v>2</v>
      </c>
      <c r="AG26" s="222">
        <v>0</v>
      </c>
      <c r="AH26" s="219">
        <v>0</v>
      </c>
      <c r="AI26" s="240">
        <v>0</v>
      </c>
      <c r="AJ26" s="222">
        <v>15</v>
      </c>
      <c r="AK26" s="218">
        <v>28</v>
      </c>
      <c r="AL26" s="218">
        <v>38</v>
      </c>
      <c r="AM26" s="218">
        <v>56</v>
      </c>
      <c r="AN26" s="219">
        <v>29</v>
      </c>
      <c r="AO26" s="240">
        <v>166</v>
      </c>
      <c r="AP26" s="221">
        <v>166</v>
      </c>
      <c r="AQ26" s="222">
        <v>0</v>
      </c>
      <c r="AR26" s="219">
        <v>0</v>
      </c>
      <c r="AS26" s="240">
        <v>0</v>
      </c>
      <c r="AT26" s="220">
        <v>15</v>
      </c>
      <c r="AU26" s="218">
        <v>28</v>
      </c>
      <c r="AV26" s="218">
        <v>38</v>
      </c>
      <c r="AW26" s="218">
        <v>56</v>
      </c>
      <c r="AX26" s="219">
        <v>27</v>
      </c>
      <c r="AY26" s="240">
        <v>164</v>
      </c>
      <c r="AZ26" s="241">
        <v>164</v>
      </c>
      <c r="BA26" s="217">
        <v>0</v>
      </c>
      <c r="BB26" s="219">
        <v>0</v>
      </c>
      <c r="BC26" s="219">
        <v>0</v>
      </c>
      <c r="BD26" s="220">
        <v>0</v>
      </c>
      <c r="BE26" s="218">
        <v>0</v>
      </c>
      <c r="BF26" s="218">
        <v>0</v>
      </c>
      <c r="BG26" s="218">
        <v>0</v>
      </c>
      <c r="BH26" s="219">
        <v>2</v>
      </c>
      <c r="BI26" s="240">
        <v>2</v>
      </c>
      <c r="BJ26" s="242">
        <v>2</v>
      </c>
      <c r="BK26" s="222">
        <v>0</v>
      </c>
      <c r="BL26" s="219">
        <v>0</v>
      </c>
      <c r="BM26" s="219">
        <v>0</v>
      </c>
      <c r="BN26" s="220">
        <v>0</v>
      </c>
      <c r="BO26" s="218">
        <v>0</v>
      </c>
      <c r="BP26" s="218">
        <v>0</v>
      </c>
      <c r="BQ26" s="218">
        <v>0</v>
      </c>
      <c r="BR26" s="219">
        <v>0</v>
      </c>
      <c r="BS26" s="240">
        <v>0</v>
      </c>
      <c r="BT26" s="241">
        <v>0</v>
      </c>
      <c r="BU26" s="217">
        <v>0</v>
      </c>
      <c r="BV26" s="219">
        <v>0</v>
      </c>
      <c r="BW26" s="219">
        <v>0</v>
      </c>
      <c r="BX26" s="220">
        <v>0</v>
      </c>
      <c r="BY26" s="218">
        <v>0</v>
      </c>
      <c r="BZ26" s="218">
        <v>0</v>
      </c>
      <c r="CA26" s="218">
        <v>0</v>
      </c>
      <c r="CB26" s="219">
        <v>0</v>
      </c>
      <c r="CC26" s="240">
        <v>0</v>
      </c>
      <c r="CD26" s="242">
        <v>0</v>
      </c>
      <c r="CE26" s="222">
        <v>0</v>
      </c>
      <c r="CF26" s="219">
        <v>0</v>
      </c>
      <c r="CG26" s="219">
        <v>0</v>
      </c>
      <c r="CH26" s="220">
        <v>0</v>
      </c>
      <c r="CI26" s="218">
        <v>0</v>
      </c>
      <c r="CJ26" s="218">
        <v>0</v>
      </c>
      <c r="CK26" s="218">
        <v>0</v>
      </c>
      <c r="CL26" s="219">
        <v>0</v>
      </c>
      <c r="CM26" s="240">
        <v>0</v>
      </c>
      <c r="CN26" s="242">
        <v>0</v>
      </c>
      <c r="CO26" s="222">
        <v>0</v>
      </c>
      <c r="CP26" s="219">
        <v>0</v>
      </c>
      <c r="CQ26" s="219">
        <v>0</v>
      </c>
      <c r="CR26" s="220">
        <v>0</v>
      </c>
      <c r="CS26" s="218">
        <v>0</v>
      </c>
      <c r="CT26" s="218">
        <v>0</v>
      </c>
      <c r="CU26" s="218">
        <v>3</v>
      </c>
      <c r="CV26" s="219">
        <v>10</v>
      </c>
      <c r="CW26" s="240">
        <v>13</v>
      </c>
      <c r="CX26" s="241">
        <v>13</v>
      </c>
      <c r="CY26" s="217">
        <v>0</v>
      </c>
      <c r="CZ26" s="219">
        <v>0</v>
      </c>
      <c r="DA26" s="219">
        <v>0</v>
      </c>
      <c r="DB26" s="220">
        <v>0</v>
      </c>
      <c r="DC26" s="218">
        <v>0</v>
      </c>
      <c r="DD26" s="218">
        <v>0</v>
      </c>
      <c r="DE26" s="218">
        <v>3</v>
      </c>
      <c r="DF26" s="219">
        <v>10</v>
      </c>
      <c r="DG26" s="240">
        <v>13</v>
      </c>
      <c r="DH26" s="242">
        <v>13</v>
      </c>
      <c r="DI26" s="222">
        <v>0</v>
      </c>
      <c r="DJ26" s="219">
        <v>0</v>
      </c>
      <c r="DK26" s="219">
        <v>0</v>
      </c>
      <c r="DL26" s="220">
        <v>0</v>
      </c>
      <c r="DM26" s="218">
        <v>0</v>
      </c>
      <c r="DN26" s="218">
        <v>0</v>
      </c>
      <c r="DO26" s="218">
        <v>0</v>
      </c>
      <c r="DP26" s="219">
        <v>0</v>
      </c>
      <c r="DQ26" s="240">
        <v>0</v>
      </c>
      <c r="DR26" s="242">
        <v>0</v>
      </c>
      <c r="DS26" s="222">
        <v>0</v>
      </c>
      <c r="DT26" s="219">
        <v>0</v>
      </c>
      <c r="DU26" s="219">
        <v>0</v>
      </c>
      <c r="DV26" s="220">
        <v>17</v>
      </c>
      <c r="DW26" s="218">
        <v>41</v>
      </c>
      <c r="DX26" s="218">
        <v>132</v>
      </c>
      <c r="DY26" s="218">
        <v>195</v>
      </c>
      <c r="DZ26" s="219">
        <v>135</v>
      </c>
      <c r="EA26" s="240">
        <v>520</v>
      </c>
      <c r="EB26" s="242">
        <v>520</v>
      </c>
      <c r="EC26" s="239"/>
    </row>
    <row r="27" spans="2:133" ht="21" customHeight="1" x14ac:dyDescent="0.2">
      <c r="B27" s="106" t="s">
        <v>24</v>
      </c>
      <c r="C27" s="217">
        <v>0</v>
      </c>
      <c r="D27" s="219">
        <v>0</v>
      </c>
      <c r="E27" s="219">
        <v>0</v>
      </c>
      <c r="F27" s="220">
        <v>1</v>
      </c>
      <c r="G27" s="218">
        <v>0</v>
      </c>
      <c r="H27" s="218">
        <v>26</v>
      </c>
      <c r="I27" s="218">
        <v>92</v>
      </c>
      <c r="J27" s="219">
        <v>52</v>
      </c>
      <c r="K27" s="240">
        <v>171</v>
      </c>
      <c r="L27" s="241">
        <v>171</v>
      </c>
      <c r="M27" s="217">
        <v>0</v>
      </c>
      <c r="N27" s="219">
        <v>0</v>
      </c>
      <c r="O27" s="240">
        <v>0</v>
      </c>
      <c r="P27" s="220">
        <v>1</v>
      </c>
      <c r="Q27" s="218">
        <v>0</v>
      </c>
      <c r="R27" s="218">
        <v>26</v>
      </c>
      <c r="S27" s="218">
        <v>92</v>
      </c>
      <c r="T27" s="219">
        <v>52</v>
      </c>
      <c r="U27" s="240">
        <v>171</v>
      </c>
      <c r="V27" s="242">
        <v>171</v>
      </c>
      <c r="W27" s="222">
        <v>0</v>
      </c>
      <c r="X27" s="219">
        <v>0</v>
      </c>
      <c r="Y27" s="240">
        <v>0</v>
      </c>
      <c r="Z27" s="222">
        <v>0</v>
      </c>
      <c r="AA27" s="218">
        <v>0</v>
      </c>
      <c r="AB27" s="218">
        <v>0</v>
      </c>
      <c r="AC27" s="218">
        <v>0</v>
      </c>
      <c r="AD27" s="219">
        <v>0</v>
      </c>
      <c r="AE27" s="240">
        <v>0</v>
      </c>
      <c r="AF27" s="221">
        <v>0</v>
      </c>
      <c r="AG27" s="222">
        <v>0</v>
      </c>
      <c r="AH27" s="219">
        <v>0</v>
      </c>
      <c r="AI27" s="240">
        <v>0</v>
      </c>
      <c r="AJ27" s="222">
        <v>15</v>
      </c>
      <c r="AK27" s="218">
        <v>8</v>
      </c>
      <c r="AL27" s="218">
        <v>23</v>
      </c>
      <c r="AM27" s="218">
        <v>32</v>
      </c>
      <c r="AN27" s="219">
        <v>9</v>
      </c>
      <c r="AO27" s="240">
        <v>87</v>
      </c>
      <c r="AP27" s="221">
        <v>87</v>
      </c>
      <c r="AQ27" s="222">
        <v>0</v>
      </c>
      <c r="AR27" s="219">
        <v>0</v>
      </c>
      <c r="AS27" s="240">
        <v>0</v>
      </c>
      <c r="AT27" s="220">
        <v>15</v>
      </c>
      <c r="AU27" s="218">
        <v>8</v>
      </c>
      <c r="AV27" s="218">
        <v>23</v>
      </c>
      <c r="AW27" s="218">
        <v>30</v>
      </c>
      <c r="AX27" s="219">
        <v>9</v>
      </c>
      <c r="AY27" s="240">
        <v>85</v>
      </c>
      <c r="AZ27" s="241">
        <v>85</v>
      </c>
      <c r="BA27" s="217">
        <v>0</v>
      </c>
      <c r="BB27" s="219">
        <v>0</v>
      </c>
      <c r="BC27" s="219">
        <v>0</v>
      </c>
      <c r="BD27" s="220">
        <v>0</v>
      </c>
      <c r="BE27" s="218">
        <v>0</v>
      </c>
      <c r="BF27" s="218">
        <v>0</v>
      </c>
      <c r="BG27" s="218">
        <v>2</v>
      </c>
      <c r="BH27" s="219">
        <v>0</v>
      </c>
      <c r="BI27" s="240">
        <v>2</v>
      </c>
      <c r="BJ27" s="242">
        <v>2</v>
      </c>
      <c r="BK27" s="222">
        <v>0</v>
      </c>
      <c r="BL27" s="219">
        <v>0</v>
      </c>
      <c r="BM27" s="219">
        <v>0</v>
      </c>
      <c r="BN27" s="220">
        <v>0</v>
      </c>
      <c r="BO27" s="218">
        <v>0</v>
      </c>
      <c r="BP27" s="218">
        <v>0</v>
      </c>
      <c r="BQ27" s="218">
        <v>0</v>
      </c>
      <c r="BR27" s="219">
        <v>0</v>
      </c>
      <c r="BS27" s="240">
        <v>0</v>
      </c>
      <c r="BT27" s="241">
        <v>0</v>
      </c>
      <c r="BU27" s="217">
        <v>0</v>
      </c>
      <c r="BV27" s="219">
        <v>0</v>
      </c>
      <c r="BW27" s="219">
        <v>0</v>
      </c>
      <c r="BX27" s="220">
        <v>0</v>
      </c>
      <c r="BY27" s="218">
        <v>0</v>
      </c>
      <c r="BZ27" s="218">
        <v>0</v>
      </c>
      <c r="CA27" s="218">
        <v>0</v>
      </c>
      <c r="CB27" s="219">
        <v>0</v>
      </c>
      <c r="CC27" s="240">
        <v>0</v>
      </c>
      <c r="CD27" s="242">
        <v>0</v>
      </c>
      <c r="CE27" s="222">
        <v>0</v>
      </c>
      <c r="CF27" s="219">
        <v>0</v>
      </c>
      <c r="CG27" s="219">
        <v>0</v>
      </c>
      <c r="CH27" s="220">
        <v>0</v>
      </c>
      <c r="CI27" s="218">
        <v>0</v>
      </c>
      <c r="CJ27" s="218">
        <v>0</v>
      </c>
      <c r="CK27" s="218">
        <v>0</v>
      </c>
      <c r="CL27" s="219">
        <v>0</v>
      </c>
      <c r="CM27" s="240">
        <v>0</v>
      </c>
      <c r="CN27" s="242">
        <v>0</v>
      </c>
      <c r="CO27" s="222">
        <v>0</v>
      </c>
      <c r="CP27" s="219">
        <v>0</v>
      </c>
      <c r="CQ27" s="219">
        <v>0</v>
      </c>
      <c r="CR27" s="220">
        <v>0</v>
      </c>
      <c r="CS27" s="218">
        <v>0</v>
      </c>
      <c r="CT27" s="218">
        <v>0</v>
      </c>
      <c r="CU27" s="218">
        <v>0</v>
      </c>
      <c r="CV27" s="219">
        <v>0</v>
      </c>
      <c r="CW27" s="240">
        <v>0</v>
      </c>
      <c r="CX27" s="241">
        <v>0</v>
      </c>
      <c r="CY27" s="217">
        <v>0</v>
      </c>
      <c r="CZ27" s="219">
        <v>0</v>
      </c>
      <c r="DA27" s="219">
        <v>0</v>
      </c>
      <c r="DB27" s="220">
        <v>0</v>
      </c>
      <c r="DC27" s="218">
        <v>0</v>
      </c>
      <c r="DD27" s="218">
        <v>0</v>
      </c>
      <c r="DE27" s="218">
        <v>0</v>
      </c>
      <c r="DF27" s="219">
        <v>0</v>
      </c>
      <c r="DG27" s="240">
        <v>0</v>
      </c>
      <c r="DH27" s="242">
        <v>0</v>
      </c>
      <c r="DI27" s="222">
        <v>0</v>
      </c>
      <c r="DJ27" s="219">
        <v>0</v>
      </c>
      <c r="DK27" s="219">
        <v>0</v>
      </c>
      <c r="DL27" s="220">
        <v>0</v>
      </c>
      <c r="DM27" s="218">
        <v>0</v>
      </c>
      <c r="DN27" s="218">
        <v>0</v>
      </c>
      <c r="DO27" s="218">
        <v>0</v>
      </c>
      <c r="DP27" s="219">
        <v>0</v>
      </c>
      <c r="DQ27" s="240">
        <v>0</v>
      </c>
      <c r="DR27" s="242">
        <v>0</v>
      </c>
      <c r="DS27" s="222">
        <v>0</v>
      </c>
      <c r="DT27" s="219">
        <v>0</v>
      </c>
      <c r="DU27" s="219">
        <v>0</v>
      </c>
      <c r="DV27" s="220">
        <v>16</v>
      </c>
      <c r="DW27" s="218">
        <v>8</v>
      </c>
      <c r="DX27" s="218">
        <v>48</v>
      </c>
      <c r="DY27" s="218">
        <v>124</v>
      </c>
      <c r="DZ27" s="219">
        <v>60</v>
      </c>
      <c r="EA27" s="240">
        <v>256</v>
      </c>
      <c r="EB27" s="242">
        <v>256</v>
      </c>
      <c r="EC27" s="239"/>
    </row>
    <row r="28" spans="2:133" ht="21" customHeight="1" x14ac:dyDescent="0.2">
      <c r="B28" s="106" t="s">
        <v>25</v>
      </c>
      <c r="C28" s="217">
        <v>0</v>
      </c>
      <c r="D28" s="219">
        <v>0</v>
      </c>
      <c r="E28" s="219">
        <v>0</v>
      </c>
      <c r="F28" s="220">
        <v>2</v>
      </c>
      <c r="G28" s="218">
        <v>4</v>
      </c>
      <c r="H28" s="218">
        <v>57</v>
      </c>
      <c r="I28" s="218">
        <v>77</v>
      </c>
      <c r="J28" s="219">
        <v>48</v>
      </c>
      <c r="K28" s="240">
        <v>188</v>
      </c>
      <c r="L28" s="241">
        <v>188</v>
      </c>
      <c r="M28" s="217">
        <v>0</v>
      </c>
      <c r="N28" s="219">
        <v>0</v>
      </c>
      <c r="O28" s="240">
        <v>0</v>
      </c>
      <c r="P28" s="220">
        <v>2</v>
      </c>
      <c r="Q28" s="218">
        <v>4</v>
      </c>
      <c r="R28" s="218">
        <v>57</v>
      </c>
      <c r="S28" s="218">
        <v>76</v>
      </c>
      <c r="T28" s="219">
        <v>44</v>
      </c>
      <c r="U28" s="240">
        <v>183</v>
      </c>
      <c r="V28" s="242">
        <v>183</v>
      </c>
      <c r="W28" s="222">
        <v>0</v>
      </c>
      <c r="X28" s="219">
        <v>0</v>
      </c>
      <c r="Y28" s="240">
        <v>0</v>
      </c>
      <c r="Z28" s="222">
        <v>0</v>
      </c>
      <c r="AA28" s="218">
        <v>0</v>
      </c>
      <c r="AB28" s="218">
        <v>0</v>
      </c>
      <c r="AC28" s="218">
        <v>1</v>
      </c>
      <c r="AD28" s="219">
        <v>4</v>
      </c>
      <c r="AE28" s="240">
        <v>5</v>
      </c>
      <c r="AF28" s="221">
        <v>5</v>
      </c>
      <c r="AG28" s="222">
        <v>0</v>
      </c>
      <c r="AH28" s="219">
        <v>0</v>
      </c>
      <c r="AI28" s="240">
        <v>0</v>
      </c>
      <c r="AJ28" s="222">
        <v>10</v>
      </c>
      <c r="AK28" s="218">
        <v>28</v>
      </c>
      <c r="AL28" s="218">
        <v>19</v>
      </c>
      <c r="AM28" s="218">
        <v>49</v>
      </c>
      <c r="AN28" s="219">
        <v>16</v>
      </c>
      <c r="AO28" s="240">
        <v>122</v>
      </c>
      <c r="AP28" s="221">
        <v>122</v>
      </c>
      <c r="AQ28" s="222">
        <v>0</v>
      </c>
      <c r="AR28" s="219">
        <v>0</v>
      </c>
      <c r="AS28" s="240">
        <v>0</v>
      </c>
      <c r="AT28" s="220">
        <v>9</v>
      </c>
      <c r="AU28" s="218">
        <v>28</v>
      </c>
      <c r="AV28" s="218">
        <v>19</v>
      </c>
      <c r="AW28" s="218">
        <v>49</v>
      </c>
      <c r="AX28" s="219">
        <v>16</v>
      </c>
      <c r="AY28" s="240">
        <v>121</v>
      </c>
      <c r="AZ28" s="241">
        <v>121</v>
      </c>
      <c r="BA28" s="217">
        <v>0</v>
      </c>
      <c r="BB28" s="219">
        <v>0</v>
      </c>
      <c r="BC28" s="219">
        <v>0</v>
      </c>
      <c r="BD28" s="220">
        <v>1</v>
      </c>
      <c r="BE28" s="218">
        <v>0</v>
      </c>
      <c r="BF28" s="218">
        <v>0</v>
      </c>
      <c r="BG28" s="218">
        <v>0</v>
      </c>
      <c r="BH28" s="219">
        <v>0</v>
      </c>
      <c r="BI28" s="240">
        <v>1</v>
      </c>
      <c r="BJ28" s="242">
        <v>1</v>
      </c>
      <c r="BK28" s="222">
        <v>0</v>
      </c>
      <c r="BL28" s="219">
        <v>0</v>
      </c>
      <c r="BM28" s="219">
        <v>0</v>
      </c>
      <c r="BN28" s="220">
        <v>0</v>
      </c>
      <c r="BO28" s="218">
        <v>0</v>
      </c>
      <c r="BP28" s="218">
        <v>0</v>
      </c>
      <c r="BQ28" s="218">
        <v>0</v>
      </c>
      <c r="BR28" s="219">
        <v>0</v>
      </c>
      <c r="BS28" s="240">
        <v>0</v>
      </c>
      <c r="BT28" s="241">
        <v>0</v>
      </c>
      <c r="BU28" s="217">
        <v>0</v>
      </c>
      <c r="BV28" s="219">
        <v>0</v>
      </c>
      <c r="BW28" s="219">
        <v>0</v>
      </c>
      <c r="BX28" s="220">
        <v>0</v>
      </c>
      <c r="BY28" s="218">
        <v>0</v>
      </c>
      <c r="BZ28" s="218">
        <v>0</v>
      </c>
      <c r="CA28" s="218">
        <v>0</v>
      </c>
      <c r="CB28" s="219">
        <v>0</v>
      </c>
      <c r="CC28" s="240">
        <v>0</v>
      </c>
      <c r="CD28" s="242">
        <v>0</v>
      </c>
      <c r="CE28" s="222">
        <v>0</v>
      </c>
      <c r="CF28" s="219">
        <v>0</v>
      </c>
      <c r="CG28" s="219">
        <v>0</v>
      </c>
      <c r="CH28" s="220">
        <v>0</v>
      </c>
      <c r="CI28" s="218">
        <v>0</v>
      </c>
      <c r="CJ28" s="218">
        <v>0</v>
      </c>
      <c r="CK28" s="218">
        <v>0</v>
      </c>
      <c r="CL28" s="219">
        <v>0</v>
      </c>
      <c r="CM28" s="240">
        <v>0</v>
      </c>
      <c r="CN28" s="242">
        <v>0</v>
      </c>
      <c r="CO28" s="222">
        <v>0</v>
      </c>
      <c r="CP28" s="219">
        <v>0</v>
      </c>
      <c r="CQ28" s="219">
        <v>0</v>
      </c>
      <c r="CR28" s="220">
        <v>0</v>
      </c>
      <c r="CS28" s="218">
        <v>0</v>
      </c>
      <c r="CT28" s="218">
        <v>0</v>
      </c>
      <c r="CU28" s="218">
        <v>0</v>
      </c>
      <c r="CV28" s="219">
        <v>2</v>
      </c>
      <c r="CW28" s="240">
        <v>2</v>
      </c>
      <c r="CX28" s="241">
        <v>2</v>
      </c>
      <c r="CY28" s="217">
        <v>0</v>
      </c>
      <c r="CZ28" s="219">
        <v>0</v>
      </c>
      <c r="DA28" s="219">
        <v>0</v>
      </c>
      <c r="DB28" s="220">
        <v>0</v>
      </c>
      <c r="DC28" s="218">
        <v>0</v>
      </c>
      <c r="DD28" s="218">
        <v>0</v>
      </c>
      <c r="DE28" s="218">
        <v>0</v>
      </c>
      <c r="DF28" s="219">
        <v>2</v>
      </c>
      <c r="DG28" s="240">
        <v>2</v>
      </c>
      <c r="DH28" s="242">
        <v>2</v>
      </c>
      <c r="DI28" s="222">
        <v>0</v>
      </c>
      <c r="DJ28" s="219">
        <v>0</v>
      </c>
      <c r="DK28" s="219">
        <v>0</v>
      </c>
      <c r="DL28" s="220">
        <v>0</v>
      </c>
      <c r="DM28" s="218">
        <v>0</v>
      </c>
      <c r="DN28" s="218">
        <v>0</v>
      </c>
      <c r="DO28" s="218">
        <v>0</v>
      </c>
      <c r="DP28" s="219">
        <v>0</v>
      </c>
      <c r="DQ28" s="240">
        <v>0</v>
      </c>
      <c r="DR28" s="242">
        <v>0</v>
      </c>
      <c r="DS28" s="222">
        <v>0</v>
      </c>
      <c r="DT28" s="219">
        <v>0</v>
      </c>
      <c r="DU28" s="219">
        <v>0</v>
      </c>
      <c r="DV28" s="220">
        <v>12</v>
      </c>
      <c r="DW28" s="218">
        <v>32</v>
      </c>
      <c r="DX28" s="218">
        <v>76</v>
      </c>
      <c r="DY28" s="218">
        <v>126</v>
      </c>
      <c r="DZ28" s="219">
        <v>66</v>
      </c>
      <c r="EA28" s="240">
        <v>312</v>
      </c>
      <c r="EB28" s="242">
        <v>312</v>
      </c>
      <c r="EC28" s="239"/>
    </row>
    <row r="29" spans="2:133" ht="21" customHeight="1" x14ac:dyDescent="0.2">
      <c r="B29" s="106" t="s">
        <v>26</v>
      </c>
      <c r="C29" s="217">
        <v>0</v>
      </c>
      <c r="D29" s="219">
        <v>0</v>
      </c>
      <c r="E29" s="219">
        <v>0</v>
      </c>
      <c r="F29" s="220">
        <v>2</v>
      </c>
      <c r="G29" s="218">
        <v>4</v>
      </c>
      <c r="H29" s="218">
        <v>31</v>
      </c>
      <c r="I29" s="218">
        <v>63</v>
      </c>
      <c r="J29" s="219">
        <v>50</v>
      </c>
      <c r="K29" s="240">
        <v>150</v>
      </c>
      <c r="L29" s="241">
        <v>150</v>
      </c>
      <c r="M29" s="217">
        <v>0</v>
      </c>
      <c r="N29" s="219">
        <v>0</v>
      </c>
      <c r="O29" s="240">
        <v>0</v>
      </c>
      <c r="P29" s="220">
        <v>2</v>
      </c>
      <c r="Q29" s="218">
        <v>4</v>
      </c>
      <c r="R29" s="218">
        <v>31</v>
      </c>
      <c r="S29" s="218">
        <v>61</v>
      </c>
      <c r="T29" s="219">
        <v>50</v>
      </c>
      <c r="U29" s="240">
        <v>148</v>
      </c>
      <c r="V29" s="242">
        <v>148</v>
      </c>
      <c r="W29" s="222">
        <v>0</v>
      </c>
      <c r="X29" s="219">
        <v>0</v>
      </c>
      <c r="Y29" s="240">
        <v>0</v>
      </c>
      <c r="Z29" s="222">
        <v>0</v>
      </c>
      <c r="AA29" s="218">
        <v>0</v>
      </c>
      <c r="AB29" s="218">
        <v>0</v>
      </c>
      <c r="AC29" s="218">
        <v>2</v>
      </c>
      <c r="AD29" s="219">
        <v>0</v>
      </c>
      <c r="AE29" s="240">
        <v>2</v>
      </c>
      <c r="AF29" s="221">
        <v>2</v>
      </c>
      <c r="AG29" s="222">
        <v>0</v>
      </c>
      <c r="AH29" s="219">
        <v>0</v>
      </c>
      <c r="AI29" s="240">
        <v>0</v>
      </c>
      <c r="AJ29" s="222">
        <v>3</v>
      </c>
      <c r="AK29" s="218">
        <v>17</v>
      </c>
      <c r="AL29" s="218">
        <v>33</v>
      </c>
      <c r="AM29" s="218">
        <v>17</v>
      </c>
      <c r="AN29" s="219">
        <v>14</v>
      </c>
      <c r="AO29" s="240">
        <v>84</v>
      </c>
      <c r="AP29" s="221">
        <v>84</v>
      </c>
      <c r="AQ29" s="222">
        <v>0</v>
      </c>
      <c r="AR29" s="219">
        <v>0</v>
      </c>
      <c r="AS29" s="240">
        <v>0</v>
      </c>
      <c r="AT29" s="220">
        <v>3</v>
      </c>
      <c r="AU29" s="218">
        <v>16</v>
      </c>
      <c r="AV29" s="218">
        <v>33</v>
      </c>
      <c r="AW29" s="218">
        <v>16</v>
      </c>
      <c r="AX29" s="219">
        <v>14</v>
      </c>
      <c r="AY29" s="240">
        <v>82</v>
      </c>
      <c r="AZ29" s="241">
        <v>82</v>
      </c>
      <c r="BA29" s="217">
        <v>0</v>
      </c>
      <c r="BB29" s="219">
        <v>0</v>
      </c>
      <c r="BC29" s="219">
        <v>0</v>
      </c>
      <c r="BD29" s="220">
        <v>0</v>
      </c>
      <c r="BE29" s="218">
        <v>1</v>
      </c>
      <c r="BF29" s="218">
        <v>0</v>
      </c>
      <c r="BG29" s="218">
        <v>1</v>
      </c>
      <c r="BH29" s="219">
        <v>0</v>
      </c>
      <c r="BI29" s="240">
        <v>2</v>
      </c>
      <c r="BJ29" s="242">
        <v>2</v>
      </c>
      <c r="BK29" s="222">
        <v>0</v>
      </c>
      <c r="BL29" s="219">
        <v>0</v>
      </c>
      <c r="BM29" s="219">
        <v>0</v>
      </c>
      <c r="BN29" s="220">
        <v>0</v>
      </c>
      <c r="BO29" s="218">
        <v>0</v>
      </c>
      <c r="BP29" s="218">
        <v>0</v>
      </c>
      <c r="BQ29" s="218">
        <v>0</v>
      </c>
      <c r="BR29" s="219">
        <v>0</v>
      </c>
      <c r="BS29" s="240">
        <v>0</v>
      </c>
      <c r="BT29" s="241">
        <v>0</v>
      </c>
      <c r="BU29" s="217">
        <v>0</v>
      </c>
      <c r="BV29" s="219">
        <v>0</v>
      </c>
      <c r="BW29" s="219">
        <v>0</v>
      </c>
      <c r="BX29" s="220">
        <v>0</v>
      </c>
      <c r="BY29" s="218">
        <v>0</v>
      </c>
      <c r="BZ29" s="218">
        <v>0</v>
      </c>
      <c r="CA29" s="218">
        <v>0</v>
      </c>
      <c r="CB29" s="219">
        <v>0</v>
      </c>
      <c r="CC29" s="240">
        <v>0</v>
      </c>
      <c r="CD29" s="242">
        <v>0</v>
      </c>
      <c r="CE29" s="222">
        <v>0</v>
      </c>
      <c r="CF29" s="219">
        <v>0</v>
      </c>
      <c r="CG29" s="219">
        <v>0</v>
      </c>
      <c r="CH29" s="220">
        <v>0</v>
      </c>
      <c r="CI29" s="218">
        <v>0</v>
      </c>
      <c r="CJ29" s="218">
        <v>0</v>
      </c>
      <c r="CK29" s="218">
        <v>0</v>
      </c>
      <c r="CL29" s="219">
        <v>0</v>
      </c>
      <c r="CM29" s="240">
        <v>0</v>
      </c>
      <c r="CN29" s="242">
        <v>0</v>
      </c>
      <c r="CO29" s="222">
        <v>0</v>
      </c>
      <c r="CP29" s="219">
        <v>0</v>
      </c>
      <c r="CQ29" s="219">
        <v>0</v>
      </c>
      <c r="CR29" s="220">
        <v>0</v>
      </c>
      <c r="CS29" s="218">
        <v>0</v>
      </c>
      <c r="CT29" s="218">
        <v>1</v>
      </c>
      <c r="CU29" s="218">
        <v>1</v>
      </c>
      <c r="CV29" s="219">
        <v>3</v>
      </c>
      <c r="CW29" s="240">
        <v>5</v>
      </c>
      <c r="CX29" s="241">
        <v>5</v>
      </c>
      <c r="CY29" s="217">
        <v>0</v>
      </c>
      <c r="CZ29" s="219">
        <v>0</v>
      </c>
      <c r="DA29" s="219">
        <v>0</v>
      </c>
      <c r="DB29" s="220">
        <v>0</v>
      </c>
      <c r="DC29" s="218">
        <v>0</v>
      </c>
      <c r="DD29" s="218">
        <v>1</v>
      </c>
      <c r="DE29" s="218">
        <v>1</v>
      </c>
      <c r="DF29" s="219">
        <v>3</v>
      </c>
      <c r="DG29" s="240">
        <v>5</v>
      </c>
      <c r="DH29" s="242">
        <v>5</v>
      </c>
      <c r="DI29" s="222">
        <v>0</v>
      </c>
      <c r="DJ29" s="219">
        <v>0</v>
      </c>
      <c r="DK29" s="219">
        <v>0</v>
      </c>
      <c r="DL29" s="220">
        <v>0</v>
      </c>
      <c r="DM29" s="218">
        <v>0</v>
      </c>
      <c r="DN29" s="218">
        <v>0</v>
      </c>
      <c r="DO29" s="218">
        <v>0</v>
      </c>
      <c r="DP29" s="219">
        <v>0</v>
      </c>
      <c r="DQ29" s="240">
        <v>0</v>
      </c>
      <c r="DR29" s="242">
        <v>0</v>
      </c>
      <c r="DS29" s="222">
        <v>0</v>
      </c>
      <c r="DT29" s="219">
        <v>0</v>
      </c>
      <c r="DU29" s="219">
        <v>0</v>
      </c>
      <c r="DV29" s="220">
        <v>5</v>
      </c>
      <c r="DW29" s="218">
        <v>21</v>
      </c>
      <c r="DX29" s="218">
        <v>65</v>
      </c>
      <c r="DY29" s="218">
        <v>81</v>
      </c>
      <c r="DZ29" s="219">
        <v>67</v>
      </c>
      <c r="EA29" s="240">
        <v>239</v>
      </c>
      <c r="EB29" s="242">
        <v>239</v>
      </c>
      <c r="EC29" s="239"/>
    </row>
    <row r="30" spans="2:133" ht="21" customHeight="1" x14ac:dyDescent="0.2">
      <c r="B30" s="106" t="s">
        <v>27</v>
      </c>
      <c r="C30" s="217">
        <v>0</v>
      </c>
      <c r="D30" s="219">
        <v>0</v>
      </c>
      <c r="E30" s="219">
        <v>0</v>
      </c>
      <c r="F30" s="220">
        <v>2</v>
      </c>
      <c r="G30" s="218">
        <v>1</v>
      </c>
      <c r="H30" s="218">
        <v>31</v>
      </c>
      <c r="I30" s="218">
        <v>64</v>
      </c>
      <c r="J30" s="219">
        <v>36</v>
      </c>
      <c r="K30" s="240">
        <v>134</v>
      </c>
      <c r="L30" s="241">
        <v>134</v>
      </c>
      <c r="M30" s="217">
        <v>0</v>
      </c>
      <c r="N30" s="219">
        <v>0</v>
      </c>
      <c r="O30" s="240">
        <v>0</v>
      </c>
      <c r="P30" s="220">
        <v>2</v>
      </c>
      <c r="Q30" s="218">
        <v>1</v>
      </c>
      <c r="R30" s="218">
        <v>30</v>
      </c>
      <c r="S30" s="218">
        <v>63</v>
      </c>
      <c r="T30" s="219">
        <v>36</v>
      </c>
      <c r="U30" s="240">
        <v>132</v>
      </c>
      <c r="V30" s="242">
        <v>132</v>
      </c>
      <c r="W30" s="222">
        <v>0</v>
      </c>
      <c r="X30" s="219">
        <v>0</v>
      </c>
      <c r="Y30" s="240">
        <v>0</v>
      </c>
      <c r="Z30" s="222">
        <v>0</v>
      </c>
      <c r="AA30" s="218">
        <v>0</v>
      </c>
      <c r="AB30" s="218">
        <v>1</v>
      </c>
      <c r="AC30" s="218">
        <v>1</v>
      </c>
      <c r="AD30" s="219">
        <v>0</v>
      </c>
      <c r="AE30" s="240">
        <v>2</v>
      </c>
      <c r="AF30" s="221">
        <v>2</v>
      </c>
      <c r="AG30" s="222">
        <v>0</v>
      </c>
      <c r="AH30" s="219">
        <v>0</v>
      </c>
      <c r="AI30" s="240">
        <v>0</v>
      </c>
      <c r="AJ30" s="222">
        <v>9</v>
      </c>
      <c r="AK30" s="218">
        <v>18</v>
      </c>
      <c r="AL30" s="218">
        <v>16</v>
      </c>
      <c r="AM30" s="218">
        <v>23</v>
      </c>
      <c r="AN30" s="219">
        <v>16</v>
      </c>
      <c r="AO30" s="240">
        <v>82</v>
      </c>
      <c r="AP30" s="221">
        <v>82</v>
      </c>
      <c r="AQ30" s="222">
        <v>0</v>
      </c>
      <c r="AR30" s="219">
        <v>0</v>
      </c>
      <c r="AS30" s="240">
        <v>0</v>
      </c>
      <c r="AT30" s="220">
        <v>9</v>
      </c>
      <c r="AU30" s="218">
        <v>16</v>
      </c>
      <c r="AV30" s="218">
        <v>16</v>
      </c>
      <c r="AW30" s="218">
        <v>23</v>
      </c>
      <c r="AX30" s="219">
        <v>16</v>
      </c>
      <c r="AY30" s="240">
        <v>80</v>
      </c>
      <c r="AZ30" s="241">
        <v>80</v>
      </c>
      <c r="BA30" s="217">
        <v>0</v>
      </c>
      <c r="BB30" s="219">
        <v>0</v>
      </c>
      <c r="BC30" s="219">
        <v>0</v>
      </c>
      <c r="BD30" s="220">
        <v>0</v>
      </c>
      <c r="BE30" s="218">
        <v>2</v>
      </c>
      <c r="BF30" s="218">
        <v>0</v>
      </c>
      <c r="BG30" s="218">
        <v>0</v>
      </c>
      <c r="BH30" s="219">
        <v>0</v>
      </c>
      <c r="BI30" s="240">
        <v>2</v>
      </c>
      <c r="BJ30" s="242">
        <v>2</v>
      </c>
      <c r="BK30" s="222">
        <v>0</v>
      </c>
      <c r="BL30" s="219">
        <v>0</v>
      </c>
      <c r="BM30" s="219">
        <v>0</v>
      </c>
      <c r="BN30" s="220">
        <v>0</v>
      </c>
      <c r="BO30" s="218">
        <v>0</v>
      </c>
      <c r="BP30" s="218">
        <v>0</v>
      </c>
      <c r="BQ30" s="218">
        <v>0</v>
      </c>
      <c r="BR30" s="219">
        <v>0</v>
      </c>
      <c r="BS30" s="240">
        <v>0</v>
      </c>
      <c r="BT30" s="241">
        <v>0</v>
      </c>
      <c r="BU30" s="217">
        <v>0</v>
      </c>
      <c r="BV30" s="219">
        <v>0</v>
      </c>
      <c r="BW30" s="219">
        <v>0</v>
      </c>
      <c r="BX30" s="220">
        <v>0</v>
      </c>
      <c r="BY30" s="218">
        <v>0</v>
      </c>
      <c r="BZ30" s="218">
        <v>0</v>
      </c>
      <c r="CA30" s="218">
        <v>0</v>
      </c>
      <c r="CB30" s="219">
        <v>0</v>
      </c>
      <c r="CC30" s="240">
        <v>0</v>
      </c>
      <c r="CD30" s="242">
        <v>0</v>
      </c>
      <c r="CE30" s="222">
        <v>0</v>
      </c>
      <c r="CF30" s="219">
        <v>0</v>
      </c>
      <c r="CG30" s="219">
        <v>0</v>
      </c>
      <c r="CH30" s="220">
        <v>0</v>
      </c>
      <c r="CI30" s="218">
        <v>0</v>
      </c>
      <c r="CJ30" s="218">
        <v>0</v>
      </c>
      <c r="CK30" s="218">
        <v>0</v>
      </c>
      <c r="CL30" s="219">
        <v>0</v>
      </c>
      <c r="CM30" s="240">
        <v>0</v>
      </c>
      <c r="CN30" s="242">
        <v>0</v>
      </c>
      <c r="CO30" s="222">
        <v>0</v>
      </c>
      <c r="CP30" s="219">
        <v>0</v>
      </c>
      <c r="CQ30" s="219">
        <v>0</v>
      </c>
      <c r="CR30" s="220">
        <v>0</v>
      </c>
      <c r="CS30" s="218">
        <v>0</v>
      </c>
      <c r="CT30" s="218">
        <v>0</v>
      </c>
      <c r="CU30" s="218">
        <v>2</v>
      </c>
      <c r="CV30" s="219">
        <v>3</v>
      </c>
      <c r="CW30" s="240">
        <v>5</v>
      </c>
      <c r="CX30" s="241">
        <v>5</v>
      </c>
      <c r="CY30" s="217">
        <v>0</v>
      </c>
      <c r="CZ30" s="219">
        <v>0</v>
      </c>
      <c r="DA30" s="219">
        <v>0</v>
      </c>
      <c r="DB30" s="220">
        <v>0</v>
      </c>
      <c r="DC30" s="218">
        <v>0</v>
      </c>
      <c r="DD30" s="218">
        <v>0</v>
      </c>
      <c r="DE30" s="218">
        <v>1</v>
      </c>
      <c r="DF30" s="219">
        <v>3</v>
      </c>
      <c r="DG30" s="240">
        <v>4</v>
      </c>
      <c r="DH30" s="242">
        <v>4</v>
      </c>
      <c r="DI30" s="222">
        <v>0</v>
      </c>
      <c r="DJ30" s="219">
        <v>0</v>
      </c>
      <c r="DK30" s="219">
        <v>0</v>
      </c>
      <c r="DL30" s="220">
        <v>0</v>
      </c>
      <c r="DM30" s="218">
        <v>0</v>
      </c>
      <c r="DN30" s="218">
        <v>0</v>
      </c>
      <c r="DO30" s="218">
        <v>1</v>
      </c>
      <c r="DP30" s="219">
        <v>0</v>
      </c>
      <c r="DQ30" s="240">
        <v>1</v>
      </c>
      <c r="DR30" s="242">
        <v>1</v>
      </c>
      <c r="DS30" s="222">
        <v>0</v>
      </c>
      <c r="DT30" s="219">
        <v>0</v>
      </c>
      <c r="DU30" s="219">
        <v>0</v>
      </c>
      <c r="DV30" s="220">
        <v>11</v>
      </c>
      <c r="DW30" s="218">
        <v>19</v>
      </c>
      <c r="DX30" s="218">
        <v>46</v>
      </c>
      <c r="DY30" s="218">
        <v>88</v>
      </c>
      <c r="DZ30" s="219">
        <v>54</v>
      </c>
      <c r="EA30" s="240">
        <v>218</v>
      </c>
      <c r="EB30" s="242">
        <v>218</v>
      </c>
      <c r="EC30" s="239"/>
    </row>
    <row r="31" spans="2:133" ht="21" customHeight="1" x14ac:dyDescent="0.2">
      <c r="B31" s="106" t="s">
        <v>28</v>
      </c>
      <c r="C31" s="217">
        <v>0</v>
      </c>
      <c r="D31" s="219">
        <v>0</v>
      </c>
      <c r="E31" s="219">
        <v>0</v>
      </c>
      <c r="F31" s="220">
        <v>0</v>
      </c>
      <c r="G31" s="218">
        <v>1</v>
      </c>
      <c r="H31" s="218">
        <v>12</v>
      </c>
      <c r="I31" s="218">
        <v>18</v>
      </c>
      <c r="J31" s="219">
        <v>20</v>
      </c>
      <c r="K31" s="240">
        <v>51</v>
      </c>
      <c r="L31" s="241">
        <v>51</v>
      </c>
      <c r="M31" s="217">
        <v>0</v>
      </c>
      <c r="N31" s="219">
        <v>0</v>
      </c>
      <c r="O31" s="240">
        <v>0</v>
      </c>
      <c r="P31" s="220">
        <v>0</v>
      </c>
      <c r="Q31" s="218">
        <v>1</v>
      </c>
      <c r="R31" s="218">
        <v>12</v>
      </c>
      <c r="S31" s="218">
        <v>18</v>
      </c>
      <c r="T31" s="219">
        <v>19</v>
      </c>
      <c r="U31" s="240">
        <v>50</v>
      </c>
      <c r="V31" s="242">
        <v>50</v>
      </c>
      <c r="W31" s="222">
        <v>0</v>
      </c>
      <c r="X31" s="219">
        <v>0</v>
      </c>
      <c r="Y31" s="240">
        <v>0</v>
      </c>
      <c r="Z31" s="222">
        <v>0</v>
      </c>
      <c r="AA31" s="218">
        <v>0</v>
      </c>
      <c r="AB31" s="218">
        <v>0</v>
      </c>
      <c r="AC31" s="218">
        <v>0</v>
      </c>
      <c r="AD31" s="219">
        <v>1</v>
      </c>
      <c r="AE31" s="240">
        <v>1</v>
      </c>
      <c r="AF31" s="221">
        <v>1</v>
      </c>
      <c r="AG31" s="222">
        <v>0</v>
      </c>
      <c r="AH31" s="219">
        <v>0</v>
      </c>
      <c r="AI31" s="240">
        <v>0</v>
      </c>
      <c r="AJ31" s="222">
        <v>2</v>
      </c>
      <c r="AK31" s="218">
        <v>9</v>
      </c>
      <c r="AL31" s="218">
        <v>10</v>
      </c>
      <c r="AM31" s="218">
        <v>6</v>
      </c>
      <c r="AN31" s="219">
        <v>2</v>
      </c>
      <c r="AO31" s="240">
        <v>29</v>
      </c>
      <c r="AP31" s="221">
        <v>29</v>
      </c>
      <c r="AQ31" s="222">
        <v>0</v>
      </c>
      <c r="AR31" s="219">
        <v>0</v>
      </c>
      <c r="AS31" s="240">
        <v>0</v>
      </c>
      <c r="AT31" s="220">
        <v>2</v>
      </c>
      <c r="AU31" s="218">
        <v>9</v>
      </c>
      <c r="AV31" s="218">
        <v>10</v>
      </c>
      <c r="AW31" s="218">
        <v>6</v>
      </c>
      <c r="AX31" s="219">
        <v>2</v>
      </c>
      <c r="AY31" s="240">
        <v>29</v>
      </c>
      <c r="AZ31" s="241">
        <v>29</v>
      </c>
      <c r="BA31" s="217">
        <v>0</v>
      </c>
      <c r="BB31" s="219">
        <v>0</v>
      </c>
      <c r="BC31" s="219">
        <v>0</v>
      </c>
      <c r="BD31" s="220">
        <v>0</v>
      </c>
      <c r="BE31" s="218">
        <v>0</v>
      </c>
      <c r="BF31" s="218">
        <v>0</v>
      </c>
      <c r="BG31" s="218">
        <v>0</v>
      </c>
      <c r="BH31" s="219">
        <v>0</v>
      </c>
      <c r="BI31" s="240">
        <v>0</v>
      </c>
      <c r="BJ31" s="242">
        <v>0</v>
      </c>
      <c r="BK31" s="222">
        <v>0</v>
      </c>
      <c r="BL31" s="219">
        <v>0</v>
      </c>
      <c r="BM31" s="219">
        <v>0</v>
      </c>
      <c r="BN31" s="220">
        <v>0</v>
      </c>
      <c r="BO31" s="218">
        <v>0</v>
      </c>
      <c r="BP31" s="218">
        <v>0</v>
      </c>
      <c r="BQ31" s="218">
        <v>0</v>
      </c>
      <c r="BR31" s="219">
        <v>0</v>
      </c>
      <c r="BS31" s="240">
        <v>0</v>
      </c>
      <c r="BT31" s="241">
        <v>0</v>
      </c>
      <c r="BU31" s="217">
        <v>0</v>
      </c>
      <c r="BV31" s="219">
        <v>0</v>
      </c>
      <c r="BW31" s="219">
        <v>0</v>
      </c>
      <c r="BX31" s="220">
        <v>0</v>
      </c>
      <c r="BY31" s="218">
        <v>0</v>
      </c>
      <c r="BZ31" s="218">
        <v>0</v>
      </c>
      <c r="CA31" s="218">
        <v>0</v>
      </c>
      <c r="CB31" s="219">
        <v>0</v>
      </c>
      <c r="CC31" s="240">
        <v>0</v>
      </c>
      <c r="CD31" s="242">
        <v>0</v>
      </c>
      <c r="CE31" s="222">
        <v>0</v>
      </c>
      <c r="CF31" s="219">
        <v>0</v>
      </c>
      <c r="CG31" s="219">
        <v>0</v>
      </c>
      <c r="CH31" s="220">
        <v>0</v>
      </c>
      <c r="CI31" s="218">
        <v>0</v>
      </c>
      <c r="CJ31" s="218">
        <v>0</v>
      </c>
      <c r="CK31" s="218">
        <v>0</v>
      </c>
      <c r="CL31" s="219">
        <v>0</v>
      </c>
      <c r="CM31" s="240">
        <v>0</v>
      </c>
      <c r="CN31" s="242">
        <v>0</v>
      </c>
      <c r="CO31" s="222">
        <v>0</v>
      </c>
      <c r="CP31" s="219">
        <v>0</v>
      </c>
      <c r="CQ31" s="219">
        <v>0</v>
      </c>
      <c r="CR31" s="220">
        <v>0</v>
      </c>
      <c r="CS31" s="218">
        <v>0</v>
      </c>
      <c r="CT31" s="218">
        <v>0</v>
      </c>
      <c r="CU31" s="218">
        <v>0</v>
      </c>
      <c r="CV31" s="219">
        <v>0</v>
      </c>
      <c r="CW31" s="240">
        <v>0</v>
      </c>
      <c r="CX31" s="241">
        <v>0</v>
      </c>
      <c r="CY31" s="217">
        <v>0</v>
      </c>
      <c r="CZ31" s="219">
        <v>0</v>
      </c>
      <c r="DA31" s="219">
        <v>0</v>
      </c>
      <c r="DB31" s="220">
        <v>0</v>
      </c>
      <c r="DC31" s="218">
        <v>0</v>
      </c>
      <c r="DD31" s="218">
        <v>0</v>
      </c>
      <c r="DE31" s="218">
        <v>0</v>
      </c>
      <c r="DF31" s="219">
        <v>0</v>
      </c>
      <c r="DG31" s="240">
        <v>0</v>
      </c>
      <c r="DH31" s="242">
        <v>0</v>
      </c>
      <c r="DI31" s="222">
        <v>0</v>
      </c>
      <c r="DJ31" s="219">
        <v>0</v>
      </c>
      <c r="DK31" s="219">
        <v>0</v>
      </c>
      <c r="DL31" s="220">
        <v>0</v>
      </c>
      <c r="DM31" s="218">
        <v>0</v>
      </c>
      <c r="DN31" s="218">
        <v>0</v>
      </c>
      <c r="DO31" s="218">
        <v>0</v>
      </c>
      <c r="DP31" s="219">
        <v>0</v>
      </c>
      <c r="DQ31" s="240">
        <v>0</v>
      </c>
      <c r="DR31" s="242">
        <v>0</v>
      </c>
      <c r="DS31" s="222">
        <v>0</v>
      </c>
      <c r="DT31" s="219">
        <v>0</v>
      </c>
      <c r="DU31" s="219">
        <v>0</v>
      </c>
      <c r="DV31" s="220">
        <v>2</v>
      </c>
      <c r="DW31" s="218">
        <v>10</v>
      </c>
      <c r="DX31" s="218">
        <v>22</v>
      </c>
      <c r="DY31" s="218">
        <v>24</v>
      </c>
      <c r="DZ31" s="219">
        <v>22</v>
      </c>
      <c r="EA31" s="240">
        <v>80</v>
      </c>
      <c r="EB31" s="242">
        <v>80</v>
      </c>
      <c r="EC31" s="239"/>
    </row>
    <row r="32" spans="2:133" ht="21" customHeight="1" x14ac:dyDescent="0.2">
      <c r="B32" s="106" t="s">
        <v>29</v>
      </c>
      <c r="C32" s="217">
        <v>0</v>
      </c>
      <c r="D32" s="219">
        <v>0</v>
      </c>
      <c r="E32" s="219">
        <v>0</v>
      </c>
      <c r="F32" s="220">
        <v>0</v>
      </c>
      <c r="G32" s="218">
        <v>2</v>
      </c>
      <c r="H32" s="218">
        <v>12</v>
      </c>
      <c r="I32" s="218">
        <v>27</v>
      </c>
      <c r="J32" s="219">
        <v>20</v>
      </c>
      <c r="K32" s="240">
        <v>61</v>
      </c>
      <c r="L32" s="241">
        <v>61</v>
      </c>
      <c r="M32" s="217">
        <v>0</v>
      </c>
      <c r="N32" s="219">
        <v>0</v>
      </c>
      <c r="O32" s="240">
        <v>0</v>
      </c>
      <c r="P32" s="220">
        <v>0</v>
      </c>
      <c r="Q32" s="218">
        <v>2</v>
      </c>
      <c r="R32" s="218">
        <v>12</v>
      </c>
      <c r="S32" s="218">
        <v>27</v>
      </c>
      <c r="T32" s="219">
        <v>20</v>
      </c>
      <c r="U32" s="240">
        <v>61</v>
      </c>
      <c r="V32" s="242">
        <v>61</v>
      </c>
      <c r="W32" s="222">
        <v>0</v>
      </c>
      <c r="X32" s="219">
        <v>0</v>
      </c>
      <c r="Y32" s="240">
        <v>0</v>
      </c>
      <c r="Z32" s="222">
        <v>0</v>
      </c>
      <c r="AA32" s="218">
        <v>0</v>
      </c>
      <c r="AB32" s="218">
        <v>0</v>
      </c>
      <c r="AC32" s="218">
        <v>0</v>
      </c>
      <c r="AD32" s="219">
        <v>0</v>
      </c>
      <c r="AE32" s="240">
        <v>0</v>
      </c>
      <c r="AF32" s="221">
        <v>0</v>
      </c>
      <c r="AG32" s="222">
        <v>0</v>
      </c>
      <c r="AH32" s="219">
        <v>0</v>
      </c>
      <c r="AI32" s="240">
        <v>0</v>
      </c>
      <c r="AJ32" s="222">
        <v>4</v>
      </c>
      <c r="AK32" s="218">
        <v>7</v>
      </c>
      <c r="AL32" s="218">
        <v>7</v>
      </c>
      <c r="AM32" s="218">
        <v>14</v>
      </c>
      <c r="AN32" s="219">
        <v>10</v>
      </c>
      <c r="AO32" s="240">
        <v>42</v>
      </c>
      <c r="AP32" s="221">
        <v>42</v>
      </c>
      <c r="AQ32" s="222">
        <v>0</v>
      </c>
      <c r="AR32" s="219">
        <v>0</v>
      </c>
      <c r="AS32" s="240">
        <v>0</v>
      </c>
      <c r="AT32" s="220">
        <v>4</v>
      </c>
      <c r="AU32" s="218">
        <v>7</v>
      </c>
      <c r="AV32" s="218">
        <v>7</v>
      </c>
      <c r="AW32" s="218">
        <v>14</v>
      </c>
      <c r="AX32" s="219">
        <v>10</v>
      </c>
      <c r="AY32" s="240">
        <v>42</v>
      </c>
      <c r="AZ32" s="241">
        <v>42</v>
      </c>
      <c r="BA32" s="217">
        <v>0</v>
      </c>
      <c r="BB32" s="219">
        <v>0</v>
      </c>
      <c r="BC32" s="219">
        <v>0</v>
      </c>
      <c r="BD32" s="220">
        <v>0</v>
      </c>
      <c r="BE32" s="218">
        <v>0</v>
      </c>
      <c r="BF32" s="218">
        <v>0</v>
      </c>
      <c r="BG32" s="218">
        <v>0</v>
      </c>
      <c r="BH32" s="219">
        <v>0</v>
      </c>
      <c r="BI32" s="240">
        <v>0</v>
      </c>
      <c r="BJ32" s="242">
        <v>0</v>
      </c>
      <c r="BK32" s="222">
        <v>0</v>
      </c>
      <c r="BL32" s="219">
        <v>0</v>
      </c>
      <c r="BM32" s="219">
        <v>0</v>
      </c>
      <c r="BN32" s="220">
        <v>0</v>
      </c>
      <c r="BO32" s="218">
        <v>0</v>
      </c>
      <c r="BP32" s="218">
        <v>0</v>
      </c>
      <c r="BQ32" s="218">
        <v>0</v>
      </c>
      <c r="BR32" s="219">
        <v>0</v>
      </c>
      <c r="BS32" s="240">
        <v>0</v>
      </c>
      <c r="BT32" s="241">
        <v>0</v>
      </c>
      <c r="BU32" s="217">
        <v>0</v>
      </c>
      <c r="BV32" s="219">
        <v>0</v>
      </c>
      <c r="BW32" s="219">
        <v>0</v>
      </c>
      <c r="BX32" s="220">
        <v>0</v>
      </c>
      <c r="BY32" s="218">
        <v>0</v>
      </c>
      <c r="BZ32" s="218">
        <v>0</v>
      </c>
      <c r="CA32" s="218">
        <v>0</v>
      </c>
      <c r="CB32" s="219">
        <v>0</v>
      </c>
      <c r="CC32" s="240">
        <v>0</v>
      </c>
      <c r="CD32" s="242">
        <v>0</v>
      </c>
      <c r="CE32" s="222">
        <v>0</v>
      </c>
      <c r="CF32" s="219">
        <v>0</v>
      </c>
      <c r="CG32" s="219">
        <v>0</v>
      </c>
      <c r="CH32" s="220">
        <v>0</v>
      </c>
      <c r="CI32" s="218">
        <v>0</v>
      </c>
      <c r="CJ32" s="218">
        <v>0</v>
      </c>
      <c r="CK32" s="218">
        <v>0</v>
      </c>
      <c r="CL32" s="219">
        <v>0</v>
      </c>
      <c r="CM32" s="240">
        <v>0</v>
      </c>
      <c r="CN32" s="242">
        <v>0</v>
      </c>
      <c r="CO32" s="222">
        <v>0</v>
      </c>
      <c r="CP32" s="219">
        <v>0</v>
      </c>
      <c r="CQ32" s="219">
        <v>0</v>
      </c>
      <c r="CR32" s="220">
        <v>0</v>
      </c>
      <c r="CS32" s="218">
        <v>0</v>
      </c>
      <c r="CT32" s="218">
        <v>0</v>
      </c>
      <c r="CU32" s="218">
        <v>0</v>
      </c>
      <c r="CV32" s="219">
        <v>0</v>
      </c>
      <c r="CW32" s="240">
        <v>0</v>
      </c>
      <c r="CX32" s="241">
        <v>0</v>
      </c>
      <c r="CY32" s="217">
        <v>0</v>
      </c>
      <c r="CZ32" s="219">
        <v>0</v>
      </c>
      <c r="DA32" s="219">
        <v>0</v>
      </c>
      <c r="DB32" s="220">
        <v>0</v>
      </c>
      <c r="DC32" s="218">
        <v>0</v>
      </c>
      <c r="DD32" s="218">
        <v>0</v>
      </c>
      <c r="DE32" s="218">
        <v>0</v>
      </c>
      <c r="DF32" s="219">
        <v>0</v>
      </c>
      <c r="DG32" s="240">
        <v>0</v>
      </c>
      <c r="DH32" s="242">
        <v>0</v>
      </c>
      <c r="DI32" s="222">
        <v>0</v>
      </c>
      <c r="DJ32" s="219">
        <v>0</v>
      </c>
      <c r="DK32" s="219">
        <v>0</v>
      </c>
      <c r="DL32" s="220">
        <v>0</v>
      </c>
      <c r="DM32" s="218">
        <v>0</v>
      </c>
      <c r="DN32" s="218">
        <v>0</v>
      </c>
      <c r="DO32" s="218">
        <v>0</v>
      </c>
      <c r="DP32" s="219">
        <v>0</v>
      </c>
      <c r="DQ32" s="240">
        <v>0</v>
      </c>
      <c r="DR32" s="242">
        <v>0</v>
      </c>
      <c r="DS32" s="222">
        <v>0</v>
      </c>
      <c r="DT32" s="219">
        <v>0</v>
      </c>
      <c r="DU32" s="219">
        <v>0</v>
      </c>
      <c r="DV32" s="220">
        <v>4</v>
      </c>
      <c r="DW32" s="218">
        <v>9</v>
      </c>
      <c r="DX32" s="218">
        <v>19</v>
      </c>
      <c r="DY32" s="218">
        <v>41</v>
      </c>
      <c r="DZ32" s="219">
        <v>30</v>
      </c>
      <c r="EA32" s="240">
        <v>103</v>
      </c>
      <c r="EB32" s="242">
        <v>103</v>
      </c>
      <c r="EC32" s="239"/>
    </row>
    <row r="33" spans="2:133" ht="21" customHeight="1" x14ac:dyDescent="0.2">
      <c r="B33" s="106" t="s">
        <v>30</v>
      </c>
      <c r="C33" s="217">
        <v>0</v>
      </c>
      <c r="D33" s="219">
        <v>0</v>
      </c>
      <c r="E33" s="219">
        <v>0</v>
      </c>
      <c r="F33" s="220">
        <v>0</v>
      </c>
      <c r="G33" s="218">
        <v>5</v>
      </c>
      <c r="H33" s="218">
        <v>22</v>
      </c>
      <c r="I33" s="218">
        <v>32</v>
      </c>
      <c r="J33" s="219">
        <v>20</v>
      </c>
      <c r="K33" s="240">
        <v>79</v>
      </c>
      <c r="L33" s="241">
        <v>79</v>
      </c>
      <c r="M33" s="217">
        <v>0</v>
      </c>
      <c r="N33" s="219">
        <v>0</v>
      </c>
      <c r="O33" s="240">
        <v>0</v>
      </c>
      <c r="P33" s="220">
        <v>0</v>
      </c>
      <c r="Q33" s="218">
        <v>5</v>
      </c>
      <c r="R33" s="218">
        <v>22</v>
      </c>
      <c r="S33" s="218">
        <v>32</v>
      </c>
      <c r="T33" s="219">
        <v>20</v>
      </c>
      <c r="U33" s="240">
        <v>79</v>
      </c>
      <c r="V33" s="242">
        <v>79</v>
      </c>
      <c r="W33" s="222">
        <v>0</v>
      </c>
      <c r="X33" s="219">
        <v>0</v>
      </c>
      <c r="Y33" s="240">
        <v>0</v>
      </c>
      <c r="Z33" s="222">
        <v>0</v>
      </c>
      <c r="AA33" s="218">
        <v>0</v>
      </c>
      <c r="AB33" s="218">
        <v>0</v>
      </c>
      <c r="AC33" s="218">
        <v>0</v>
      </c>
      <c r="AD33" s="219">
        <v>0</v>
      </c>
      <c r="AE33" s="240">
        <v>0</v>
      </c>
      <c r="AF33" s="221">
        <v>0</v>
      </c>
      <c r="AG33" s="222">
        <v>0</v>
      </c>
      <c r="AH33" s="219">
        <v>0</v>
      </c>
      <c r="AI33" s="240">
        <v>0</v>
      </c>
      <c r="AJ33" s="222">
        <v>12</v>
      </c>
      <c r="AK33" s="218">
        <v>6</v>
      </c>
      <c r="AL33" s="218">
        <v>10</v>
      </c>
      <c r="AM33" s="218">
        <v>13</v>
      </c>
      <c r="AN33" s="219">
        <v>7</v>
      </c>
      <c r="AO33" s="240">
        <v>48</v>
      </c>
      <c r="AP33" s="221">
        <v>48</v>
      </c>
      <c r="AQ33" s="222">
        <v>0</v>
      </c>
      <c r="AR33" s="219">
        <v>0</v>
      </c>
      <c r="AS33" s="240">
        <v>0</v>
      </c>
      <c r="AT33" s="220">
        <v>12</v>
      </c>
      <c r="AU33" s="218">
        <v>6</v>
      </c>
      <c r="AV33" s="218">
        <v>10</v>
      </c>
      <c r="AW33" s="218">
        <v>12</v>
      </c>
      <c r="AX33" s="219">
        <v>7</v>
      </c>
      <c r="AY33" s="240">
        <v>47</v>
      </c>
      <c r="AZ33" s="241">
        <v>47</v>
      </c>
      <c r="BA33" s="217">
        <v>0</v>
      </c>
      <c r="BB33" s="219">
        <v>0</v>
      </c>
      <c r="BC33" s="219">
        <v>0</v>
      </c>
      <c r="BD33" s="220">
        <v>0</v>
      </c>
      <c r="BE33" s="218">
        <v>0</v>
      </c>
      <c r="BF33" s="218">
        <v>0</v>
      </c>
      <c r="BG33" s="218">
        <v>1</v>
      </c>
      <c r="BH33" s="219">
        <v>0</v>
      </c>
      <c r="BI33" s="240">
        <v>1</v>
      </c>
      <c r="BJ33" s="242">
        <v>1</v>
      </c>
      <c r="BK33" s="222">
        <v>0</v>
      </c>
      <c r="BL33" s="219">
        <v>0</v>
      </c>
      <c r="BM33" s="219">
        <v>0</v>
      </c>
      <c r="BN33" s="220">
        <v>0</v>
      </c>
      <c r="BO33" s="218">
        <v>0</v>
      </c>
      <c r="BP33" s="218">
        <v>0</v>
      </c>
      <c r="BQ33" s="218">
        <v>0</v>
      </c>
      <c r="BR33" s="219">
        <v>0</v>
      </c>
      <c r="BS33" s="240">
        <v>0</v>
      </c>
      <c r="BT33" s="241">
        <v>0</v>
      </c>
      <c r="BU33" s="217">
        <v>0</v>
      </c>
      <c r="BV33" s="219">
        <v>0</v>
      </c>
      <c r="BW33" s="219">
        <v>0</v>
      </c>
      <c r="BX33" s="220">
        <v>0</v>
      </c>
      <c r="BY33" s="218">
        <v>0</v>
      </c>
      <c r="BZ33" s="218">
        <v>0</v>
      </c>
      <c r="CA33" s="218">
        <v>0</v>
      </c>
      <c r="CB33" s="219">
        <v>0</v>
      </c>
      <c r="CC33" s="240">
        <v>0</v>
      </c>
      <c r="CD33" s="242">
        <v>0</v>
      </c>
      <c r="CE33" s="222">
        <v>0</v>
      </c>
      <c r="CF33" s="219">
        <v>0</v>
      </c>
      <c r="CG33" s="219">
        <v>0</v>
      </c>
      <c r="CH33" s="220">
        <v>0</v>
      </c>
      <c r="CI33" s="218">
        <v>0</v>
      </c>
      <c r="CJ33" s="218">
        <v>0</v>
      </c>
      <c r="CK33" s="218">
        <v>0</v>
      </c>
      <c r="CL33" s="219">
        <v>0</v>
      </c>
      <c r="CM33" s="240">
        <v>0</v>
      </c>
      <c r="CN33" s="242">
        <v>0</v>
      </c>
      <c r="CO33" s="222">
        <v>0</v>
      </c>
      <c r="CP33" s="219">
        <v>0</v>
      </c>
      <c r="CQ33" s="219">
        <v>0</v>
      </c>
      <c r="CR33" s="220">
        <v>0</v>
      </c>
      <c r="CS33" s="218">
        <v>0</v>
      </c>
      <c r="CT33" s="218">
        <v>0</v>
      </c>
      <c r="CU33" s="218">
        <v>0</v>
      </c>
      <c r="CV33" s="219">
        <v>3</v>
      </c>
      <c r="CW33" s="240">
        <v>3</v>
      </c>
      <c r="CX33" s="241">
        <v>3</v>
      </c>
      <c r="CY33" s="217">
        <v>0</v>
      </c>
      <c r="CZ33" s="219">
        <v>0</v>
      </c>
      <c r="DA33" s="219">
        <v>0</v>
      </c>
      <c r="DB33" s="220">
        <v>0</v>
      </c>
      <c r="DC33" s="218">
        <v>0</v>
      </c>
      <c r="DD33" s="218">
        <v>0</v>
      </c>
      <c r="DE33" s="218">
        <v>0</v>
      </c>
      <c r="DF33" s="219">
        <v>3</v>
      </c>
      <c r="DG33" s="240">
        <v>3</v>
      </c>
      <c r="DH33" s="242">
        <v>3</v>
      </c>
      <c r="DI33" s="222">
        <v>0</v>
      </c>
      <c r="DJ33" s="219">
        <v>0</v>
      </c>
      <c r="DK33" s="219">
        <v>0</v>
      </c>
      <c r="DL33" s="220">
        <v>0</v>
      </c>
      <c r="DM33" s="218">
        <v>0</v>
      </c>
      <c r="DN33" s="218">
        <v>0</v>
      </c>
      <c r="DO33" s="218">
        <v>0</v>
      </c>
      <c r="DP33" s="219">
        <v>0</v>
      </c>
      <c r="DQ33" s="240">
        <v>0</v>
      </c>
      <c r="DR33" s="242">
        <v>0</v>
      </c>
      <c r="DS33" s="222">
        <v>0</v>
      </c>
      <c r="DT33" s="219">
        <v>0</v>
      </c>
      <c r="DU33" s="219">
        <v>0</v>
      </c>
      <c r="DV33" s="220">
        <v>12</v>
      </c>
      <c r="DW33" s="218">
        <v>11</v>
      </c>
      <c r="DX33" s="218">
        <v>31</v>
      </c>
      <c r="DY33" s="218">
        <v>44</v>
      </c>
      <c r="DZ33" s="219">
        <v>30</v>
      </c>
      <c r="EA33" s="240">
        <v>128</v>
      </c>
      <c r="EB33" s="242">
        <v>128</v>
      </c>
      <c r="EC33" s="239"/>
    </row>
    <row r="34" spans="2:133" ht="21" customHeight="1" x14ac:dyDescent="0.2">
      <c r="B34" s="106" t="s">
        <v>31</v>
      </c>
      <c r="C34" s="217">
        <v>0</v>
      </c>
      <c r="D34" s="219">
        <v>0</v>
      </c>
      <c r="E34" s="219">
        <v>0</v>
      </c>
      <c r="F34" s="220">
        <v>2</v>
      </c>
      <c r="G34" s="218">
        <v>3</v>
      </c>
      <c r="H34" s="218">
        <v>25</v>
      </c>
      <c r="I34" s="218">
        <v>27</v>
      </c>
      <c r="J34" s="219">
        <v>24</v>
      </c>
      <c r="K34" s="240">
        <v>81</v>
      </c>
      <c r="L34" s="241">
        <v>81</v>
      </c>
      <c r="M34" s="217">
        <v>0</v>
      </c>
      <c r="N34" s="219">
        <v>0</v>
      </c>
      <c r="O34" s="240">
        <v>0</v>
      </c>
      <c r="P34" s="220">
        <v>2</v>
      </c>
      <c r="Q34" s="218">
        <v>3</v>
      </c>
      <c r="R34" s="218">
        <v>25</v>
      </c>
      <c r="S34" s="218">
        <v>27</v>
      </c>
      <c r="T34" s="219">
        <v>24</v>
      </c>
      <c r="U34" s="240">
        <v>81</v>
      </c>
      <c r="V34" s="242">
        <v>81</v>
      </c>
      <c r="W34" s="222">
        <v>0</v>
      </c>
      <c r="X34" s="219">
        <v>0</v>
      </c>
      <c r="Y34" s="240">
        <v>0</v>
      </c>
      <c r="Z34" s="222">
        <v>0</v>
      </c>
      <c r="AA34" s="218">
        <v>0</v>
      </c>
      <c r="AB34" s="218">
        <v>0</v>
      </c>
      <c r="AC34" s="218">
        <v>0</v>
      </c>
      <c r="AD34" s="219">
        <v>0</v>
      </c>
      <c r="AE34" s="240">
        <v>0</v>
      </c>
      <c r="AF34" s="221">
        <v>0</v>
      </c>
      <c r="AG34" s="222">
        <v>0</v>
      </c>
      <c r="AH34" s="219">
        <v>0</v>
      </c>
      <c r="AI34" s="240">
        <v>0</v>
      </c>
      <c r="AJ34" s="222">
        <v>4</v>
      </c>
      <c r="AK34" s="218">
        <v>6</v>
      </c>
      <c r="AL34" s="218">
        <v>13</v>
      </c>
      <c r="AM34" s="218">
        <v>10</v>
      </c>
      <c r="AN34" s="219">
        <v>2</v>
      </c>
      <c r="AO34" s="240">
        <v>35</v>
      </c>
      <c r="AP34" s="221">
        <v>35</v>
      </c>
      <c r="AQ34" s="222">
        <v>0</v>
      </c>
      <c r="AR34" s="219">
        <v>0</v>
      </c>
      <c r="AS34" s="240">
        <v>0</v>
      </c>
      <c r="AT34" s="220">
        <v>4</v>
      </c>
      <c r="AU34" s="218">
        <v>6</v>
      </c>
      <c r="AV34" s="218">
        <v>13</v>
      </c>
      <c r="AW34" s="218">
        <v>10</v>
      </c>
      <c r="AX34" s="219">
        <v>2</v>
      </c>
      <c r="AY34" s="240">
        <v>35</v>
      </c>
      <c r="AZ34" s="241">
        <v>35</v>
      </c>
      <c r="BA34" s="217">
        <v>0</v>
      </c>
      <c r="BB34" s="219">
        <v>0</v>
      </c>
      <c r="BC34" s="219">
        <v>0</v>
      </c>
      <c r="BD34" s="220">
        <v>0</v>
      </c>
      <c r="BE34" s="218">
        <v>0</v>
      </c>
      <c r="BF34" s="218">
        <v>0</v>
      </c>
      <c r="BG34" s="218">
        <v>0</v>
      </c>
      <c r="BH34" s="219">
        <v>0</v>
      </c>
      <c r="BI34" s="240">
        <v>0</v>
      </c>
      <c r="BJ34" s="242">
        <v>0</v>
      </c>
      <c r="BK34" s="222">
        <v>0</v>
      </c>
      <c r="BL34" s="219">
        <v>0</v>
      </c>
      <c r="BM34" s="219">
        <v>0</v>
      </c>
      <c r="BN34" s="220">
        <v>0</v>
      </c>
      <c r="BO34" s="218">
        <v>0</v>
      </c>
      <c r="BP34" s="218">
        <v>0</v>
      </c>
      <c r="BQ34" s="218">
        <v>0</v>
      </c>
      <c r="BR34" s="219">
        <v>0</v>
      </c>
      <c r="BS34" s="240">
        <v>0</v>
      </c>
      <c r="BT34" s="241">
        <v>0</v>
      </c>
      <c r="BU34" s="217">
        <v>0</v>
      </c>
      <c r="BV34" s="219">
        <v>0</v>
      </c>
      <c r="BW34" s="219">
        <v>0</v>
      </c>
      <c r="BX34" s="220">
        <v>0</v>
      </c>
      <c r="BY34" s="218">
        <v>0</v>
      </c>
      <c r="BZ34" s="218">
        <v>0</v>
      </c>
      <c r="CA34" s="218">
        <v>0</v>
      </c>
      <c r="CB34" s="219">
        <v>0</v>
      </c>
      <c r="CC34" s="240">
        <v>0</v>
      </c>
      <c r="CD34" s="242">
        <v>0</v>
      </c>
      <c r="CE34" s="222">
        <v>0</v>
      </c>
      <c r="CF34" s="219">
        <v>0</v>
      </c>
      <c r="CG34" s="219">
        <v>0</v>
      </c>
      <c r="CH34" s="220">
        <v>0</v>
      </c>
      <c r="CI34" s="218">
        <v>0</v>
      </c>
      <c r="CJ34" s="218">
        <v>0</v>
      </c>
      <c r="CK34" s="218">
        <v>0</v>
      </c>
      <c r="CL34" s="219">
        <v>0</v>
      </c>
      <c r="CM34" s="240">
        <v>0</v>
      </c>
      <c r="CN34" s="242">
        <v>0</v>
      </c>
      <c r="CO34" s="222">
        <v>0</v>
      </c>
      <c r="CP34" s="219">
        <v>0</v>
      </c>
      <c r="CQ34" s="219">
        <v>0</v>
      </c>
      <c r="CR34" s="220">
        <v>1</v>
      </c>
      <c r="CS34" s="218">
        <v>0</v>
      </c>
      <c r="CT34" s="218">
        <v>0</v>
      </c>
      <c r="CU34" s="218">
        <v>2</v>
      </c>
      <c r="CV34" s="219">
        <v>2</v>
      </c>
      <c r="CW34" s="240">
        <v>5</v>
      </c>
      <c r="CX34" s="241">
        <v>5</v>
      </c>
      <c r="CY34" s="217">
        <v>0</v>
      </c>
      <c r="CZ34" s="219">
        <v>0</v>
      </c>
      <c r="DA34" s="219">
        <v>0</v>
      </c>
      <c r="DB34" s="220">
        <v>1</v>
      </c>
      <c r="DC34" s="218">
        <v>0</v>
      </c>
      <c r="DD34" s="218">
        <v>0</v>
      </c>
      <c r="DE34" s="218">
        <v>2</v>
      </c>
      <c r="DF34" s="219">
        <v>2</v>
      </c>
      <c r="DG34" s="240">
        <v>5</v>
      </c>
      <c r="DH34" s="242">
        <v>5</v>
      </c>
      <c r="DI34" s="222">
        <v>0</v>
      </c>
      <c r="DJ34" s="219">
        <v>0</v>
      </c>
      <c r="DK34" s="219">
        <v>0</v>
      </c>
      <c r="DL34" s="220">
        <v>0</v>
      </c>
      <c r="DM34" s="218">
        <v>0</v>
      </c>
      <c r="DN34" s="218">
        <v>0</v>
      </c>
      <c r="DO34" s="218">
        <v>0</v>
      </c>
      <c r="DP34" s="219">
        <v>0</v>
      </c>
      <c r="DQ34" s="240">
        <v>0</v>
      </c>
      <c r="DR34" s="242">
        <v>0</v>
      </c>
      <c r="DS34" s="222">
        <v>0</v>
      </c>
      <c r="DT34" s="219">
        <v>0</v>
      </c>
      <c r="DU34" s="219">
        <v>0</v>
      </c>
      <c r="DV34" s="220">
        <v>7</v>
      </c>
      <c r="DW34" s="218">
        <v>9</v>
      </c>
      <c r="DX34" s="218">
        <v>38</v>
      </c>
      <c r="DY34" s="218">
        <v>39</v>
      </c>
      <c r="DZ34" s="219">
        <v>28</v>
      </c>
      <c r="EA34" s="240">
        <v>121</v>
      </c>
      <c r="EB34" s="242">
        <v>121</v>
      </c>
      <c r="EC34" s="239"/>
    </row>
    <row r="35" spans="2:133" ht="21" customHeight="1" x14ac:dyDescent="0.2">
      <c r="B35" s="106" t="s">
        <v>32</v>
      </c>
      <c r="C35" s="217">
        <v>0</v>
      </c>
      <c r="D35" s="219">
        <v>0</v>
      </c>
      <c r="E35" s="219">
        <v>0</v>
      </c>
      <c r="F35" s="220">
        <v>2</v>
      </c>
      <c r="G35" s="218">
        <v>0</v>
      </c>
      <c r="H35" s="218">
        <v>13</v>
      </c>
      <c r="I35" s="218">
        <v>25</v>
      </c>
      <c r="J35" s="219">
        <v>20</v>
      </c>
      <c r="K35" s="240">
        <v>60</v>
      </c>
      <c r="L35" s="241">
        <v>60</v>
      </c>
      <c r="M35" s="217">
        <v>0</v>
      </c>
      <c r="N35" s="219">
        <v>0</v>
      </c>
      <c r="O35" s="240">
        <v>0</v>
      </c>
      <c r="P35" s="220">
        <v>2</v>
      </c>
      <c r="Q35" s="218">
        <v>0</v>
      </c>
      <c r="R35" s="218">
        <v>13</v>
      </c>
      <c r="S35" s="218">
        <v>25</v>
      </c>
      <c r="T35" s="219">
        <v>20</v>
      </c>
      <c r="U35" s="240">
        <v>60</v>
      </c>
      <c r="V35" s="242">
        <v>60</v>
      </c>
      <c r="W35" s="222">
        <v>0</v>
      </c>
      <c r="X35" s="219">
        <v>0</v>
      </c>
      <c r="Y35" s="240">
        <v>0</v>
      </c>
      <c r="Z35" s="222">
        <v>0</v>
      </c>
      <c r="AA35" s="218">
        <v>0</v>
      </c>
      <c r="AB35" s="218">
        <v>0</v>
      </c>
      <c r="AC35" s="218">
        <v>0</v>
      </c>
      <c r="AD35" s="219">
        <v>0</v>
      </c>
      <c r="AE35" s="240">
        <v>0</v>
      </c>
      <c r="AF35" s="221">
        <v>0</v>
      </c>
      <c r="AG35" s="222">
        <v>0</v>
      </c>
      <c r="AH35" s="219">
        <v>0</v>
      </c>
      <c r="AI35" s="240">
        <v>0</v>
      </c>
      <c r="AJ35" s="222">
        <v>4</v>
      </c>
      <c r="AK35" s="218">
        <v>6</v>
      </c>
      <c r="AL35" s="218">
        <v>11</v>
      </c>
      <c r="AM35" s="218">
        <v>19</v>
      </c>
      <c r="AN35" s="219">
        <v>6</v>
      </c>
      <c r="AO35" s="240">
        <v>46</v>
      </c>
      <c r="AP35" s="221">
        <v>46</v>
      </c>
      <c r="AQ35" s="222">
        <v>0</v>
      </c>
      <c r="AR35" s="219">
        <v>0</v>
      </c>
      <c r="AS35" s="240">
        <v>0</v>
      </c>
      <c r="AT35" s="220">
        <v>4</v>
      </c>
      <c r="AU35" s="218">
        <v>6</v>
      </c>
      <c r="AV35" s="218">
        <v>11</v>
      </c>
      <c r="AW35" s="218">
        <v>19</v>
      </c>
      <c r="AX35" s="219">
        <v>6</v>
      </c>
      <c r="AY35" s="240">
        <v>46</v>
      </c>
      <c r="AZ35" s="241">
        <v>46</v>
      </c>
      <c r="BA35" s="217">
        <v>0</v>
      </c>
      <c r="BB35" s="219">
        <v>0</v>
      </c>
      <c r="BC35" s="219">
        <v>0</v>
      </c>
      <c r="BD35" s="220">
        <v>0</v>
      </c>
      <c r="BE35" s="218">
        <v>0</v>
      </c>
      <c r="BF35" s="218">
        <v>0</v>
      </c>
      <c r="BG35" s="218">
        <v>0</v>
      </c>
      <c r="BH35" s="219">
        <v>0</v>
      </c>
      <c r="BI35" s="240">
        <v>0</v>
      </c>
      <c r="BJ35" s="242">
        <v>0</v>
      </c>
      <c r="BK35" s="222">
        <v>0</v>
      </c>
      <c r="BL35" s="219">
        <v>0</v>
      </c>
      <c r="BM35" s="219">
        <v>0</v>
      </c>
      <c r="BN35" s="220">
        <v>0</v>
      </c>
      <c r="BO35" s="218">
        <v>0</v>
      </c>
      <c r="BP35" s="218">
        <v>0</v>
      </c>
      <c r="BQ35" s="218">
        <v>0</v>
      </c>
      <c r="BR35" s="219">
        <v>0</v>
      </c>
      <c r="BS35" s="240">
        <v>0</v>
      </c>
      <c r="BT35" s="241">
        <v>0</v>
      </c>
      <c r="BU35" s="217">
        <v>0</v>
      </c>
      <c r="BV35" s="219">
        <v>0</v>
      </c>
      <c r="BW35" s="219">
        <v>0</v>
      </c>
      <c r="BX35" s="220">
        <v>0</v>
      </c>
      <c r="BY35" s="218">
        <v>0</v>
      </c>
      <c r="BZ35" s="218">
        <v>0</v>
      </c>
      <c r="CA35" s="218">
        <v>0</v>
      </c>
      <c r="CB35" s="219">
        <v>0</v>
      </c>
      <c r="CC35" s="240">
        <v>0</v>
      </c>
      <c r="CD35" s="242">
        <v>0</v>
      </c>
      <c r="CE35" s="222">
        <v>0</v>
      </c>
      <c r="CF35" s="219">
        <v>0</v>
      </c>
      <c r="CG35" s="219">
        <v>0</v>
      </c>
      <c r="CH35" s="220">
        <v>0</v>
      </c>
      <c r="CI35" s="218">
        <v>0</v>
      </c>
      <c r="CJ35" s="218">
        <v>0</v>
      </c>
      <c r="CK35" s="218">
        <v>0</v>
      </c>
      <c r="CL35" s="219">
        <v>0</v>
      </c>
      <c r="CM35" s="240">
        <v>0</v>
      </c>
      <c r="CN35" s="242">
        <v>0</v>
      </c>
      <c r="CO35" s="222">
        <v>0</v>
      </c>
      <c r="CP35" s="219">
        <v>0</v>
      </c>
      <c r="CQ35" s="219">
        <v>0</v>
      </c>
      <c r="CR35" s="220">
        <v>1</v>
      </c>
      <c r="CS35" s="218">
        <v>1</v>
      </c>
      <c r="CT35" s="218">
        <v>2</v>
      </c>
      <c r="CU35" s="218">
        <v>0</v>
      </c>
      <c r="CV35" s="219">
        <v>1</v>
      </c>
      <c r="CW35" s="240">
        <v>5</v>
      </c>
      <c r="CX35" s="241">
        <v>5</v>
      </c>
      <c r="CY35" s="217">
        <v>0</v>
      </c>
      <c r="CZ35" s="219">
        <v>0</v>
      </c>
      <c r="DA35" s="219">
        <v>0</v>
      </c>
      <c r="DB35" s="220">
        <v>1</v>
      </c>
      <c r="DC35" s="218">
        <v>1</v>
      </c>
      <c r="DD35" s="218">
        <v>2</v>
      </c>
      <c r="DE35" s="218">
        <v>0</v>
      </c>
      <c r="DF35" s="219">
        <v>1</v>
      </c>
      <c r="DG35" s="240">
        <v>5</v>
      </c>
      <c r="DH35" s="242">
        <v>5</v>
      </c>
      <c r="DI35" s="222">
        <v>0</v>
      </c>
      <c r="DJ35" s="219">
        <v>0</v>
      </c>
      <c r="DK35" s="219">
        <v>0</v>
      </c>
      <c r="DL35" s="220">
        <v>0</v>
      </c>
      <c r="DM35" s="218">
        <v>0</v>
      </c>
      <c r="DN35" s="218">
        <v>0</v>
      </c>
      <c r="DO35" s="218">
        <v>0</v>
      </c>
      <c r="DP35" s="219">
        <v>0</v>
      </c>
      <c r="DQ35" s="240">
        <v>0</v>
      </c>
      <c r="DR35" s="242">
        <v>0</v>
      </c>
      <c r="DS35" s="222">
        <v>0</v>
      </c>
      <c r="DT35" s="219">
        <v>0</v>
      </c>
      <c r="DU35" s="219">
        <v>0</v>
      </c>
      <c r="DV35" s="220">
        <v>7</v>
      </c>
      <c r="DW35" s="218">
        <v>7</v>
      </c>
      <c r="DX35" s="218">
        <v>26</v>
      </c>
      <c r="DY35" s="218">
        <v>44</v>
      </c>
      <c r="DZ35" s="219">
        <v>27</v>
      </c>
      <c r="EA35" s="240">
        <v>111</v>
      </c>
      <c r="EB35" s="242">
        <v>111</v>
      </c>
      <c r="EC35" s="239"/>
    </row>
    <row r="36" spans="2:133" ht="21" customHeight="1" x14ac:dyDescent="0.2">
      <c r="B36" s="106" t="s">
        <v>33</v>
      </c>
      <c r="C36" s="217">
        <v>0</v>
      </c>
      <c r="D36" s="219">
        <v>0</v>
      </c>
      <c r="E36" s="219">
        <v>0</v>
      </c>
      <c r="F36" s="220">
        <v>0</v>
      </c>
      <c r="G36" s="218">
        <v>7</v>
      </c>
      <c r="H36" s="218">
        <v>24</v>
      </c>
      <c r="I36" s="218">
        <v>28</v>
      </c>
      <c r="J36" s="219">
        <v>18</v>
      </c>
      <c r="K36" s="240">
        <v>77</v>
      </c>
      <c r="L36" s="241">
        <v>77</v>
      </c>
      <c r="M36" s="217">
        <v>0</v>
      </c>
      <c r="N36" s="219">
        <v>0</v>
      </c>
      <c r="O36" s="240">
        <v>0</v>
      </c>
      <c r="P36" s="220">
        <v>0</v>
      </c>
      <c r="Q36" s="218">
        <v>7</v>
      </c>
      <c r="R36" s="218">
        <v>24</v>
      </c>
      <c r="S36" s="218">
        <v>28</v>
      </c>
      <c r="T36" s="219">
        <v>18</v>
      </c>
      <c r="U36" s="240">
        <v>77</v>
      </c>
      <c r="V36" s="242">
        <v>77</v>
      </c>
      <c r="W36" s="222">
        <v>0</v>
      </c>
      <c r="X36" s="219">
        <v>0</v>
      </c>
      <c r="Y36" s="240">
        <v>0</v>
      </c>
      <c r="Z36" s="222">
        <v>0</v>
      </c>
      <c r="AA36" s="218">
        <v>0</v>
      </c>
      <c r="AB36" s="218">
        <v>0</v>
      </c>
      <c r="AC36" s="218">
        <v>0</v>
      </c>
      <c r="AD36" s="219">
        <v>0</v>
      </c>
      <c r="AE36" s="240">
        <v>0</v>
      </c>
      <c r="AF36" s="221">
        <v>0</v>
      </c>
      <c r="AG36" s="222">
        <v>0</v>
      </c>
      <c r="AH36" s="219">
        <v>0</v>
      </c>
      <c r="AI36" s="240">
        <v>0</v>
      </c>
      <c r="AJ36" s="222">
        <v>6</v>
      </c>
      <c r="AK36" s="218">
        <v>9</v>
      </c>
      <c r="AL36" s="218">
        <v>12</v>
      </c>
      <c r="AM36" s="218">
        <v>18</v>
      </c>
      <c r="AN36" s="219">
        <v>9</v>
      </c>
      <c r="AO36" s="240">
        <v>54</v>
      </c>
      <c r="AP36" s="221">
        <v>54</v>
      </c>
      <c r="AQ36" s="222">
        <v>0</v>
      </c>
      <c r="AR36" s="219">
        <v>0</v>
      </c>
      <c r="AS36" s="240">
        <v>0</v>
      </c>
      <c r="AT36" s="220">
        <v>6</v>
      </c>
      <c r="AU36" s="218">
        <v>9</v>
      </c>
      <c r="AV36" s="218">
        <v>12</v>
      </c>
      <c r="AW36" s="218">
        <v>18</v>
      </c>
      <c r="AX36" s="219">
        <v>9</v>
      </c>
      <c r="AY36" s="240">
        <v>54</v>
      </c>
      <c r="AZ36" s="241">
        <v>54</v>
      </c>
      <c r="BA36" s="217">
        <v>0</v>
      </c>
      <c r="BB36" s="219">
        <v>0</v>
      </c>
      <c r="BC36" s="219">
        <v>0</v>
      </c>
      <c r="BD36" s="220">
        <v>0</v>
      </c>
      <c r="BE36" s="218">
        <v>0</v>
      </c>
      <c r="BF36" s="218">
        <v>0</v>
      </c>
      <c r="BG36" s="218">
        <v>0</v>
      </c>
      <c r="BH36" s="219">
        <v>0</v>
      </c>
      <c r="BI36" s="240">
        <v>0</v>
      </c>
      <c r="BJ36" s="242">
        <v>0</v>
      </c>
      <c r="BK36" s="222">
        <v>0</v>
      </c>
      <c r="BL36" s="219">
        <v>0</v>
      </c>
      <c r="BM36" s="219">
        <v>0</v>
      </c>
      <c r="BN36" s="220">
        <v>0</v>
      </c>
      <c r="BO36" s="218">
        <v>0</v>
      </c>
      <c r="BP36" s="218">
        <v>0</v>
      </c>
      <c r="BQ36" s="218">
        <v>0</v>
      </c>
      <c r="BR36" s="219">
        <v>0</v>
      </c>
      <c r="BS36" s="240">
        <v>0</v>
      </c>
      <c r="BT36" s="241">
        <v>0</v>
      </c>
      <c r="BU36" s="217">
        <v>0</v>
      </c>
      <c r="BV36" s="219">
        <v>0</v>
      </c>
      <c r="BW36" s="219">
        <v>0</v>
      </c>
      <c r="BX36" s="220">
        <v>0</v>
      </c>
      <c r="BY36" s="218">
        <v>0</v>
      </c>
      <c r="BZ36" s="218">
        <v>0</v>
      </c>
      <c r="CA36" s="218">
        <v>0</v>
      </c>
      <c r="CB36" s="219">
        <v>0</v>
      </c>
      <c r="CC36" s="240">
        <v>0</v>
      </c>
      <c r="CD36" s="242">
        <v>0</v>
      </c>
      <c r="CE36" s="222">
        <v>0</v>
      </c>
      <c r="CF36" s="219">
        <v>0</v>
      </c>
      <c r="CG36" s="219">
        <v>0</v>
      </c>
      <c r="CH36" s="220">
        <v>0</v>
      </c>
      <c r="CI36" s="218">
        <v>0</v>
      </c>
      <c r="CJ36" s="218">
        <v>0</v>
      </c>
      <c r="CK36" s="218">
        <v>0</v>
      </c>
      <c r="CL36" s="219">
        <v>0</v>
      </c>
      <c r="CM36" s="240">
        <v>0</v>
      </c>
      <c r="CN36" s="242">
        <v>0</v>
      </c>
      <c r="CO36" s="222">
        <v>0</v>
      </c>
      <c r="CP36" s="219">
        <v>0</v>
      </c>
      <c r="CQ36" s="219">
        <v>0</v>
      </c>
      <c r="CR36" s="220">
        <v>4</v>
      </c>
      <c r="CS36" s="218">
        <v>8</v>
      </c>
      <c r="CT36" s="218">
        <v>9</v>
      </c>
      <c r="CU36" s="218">
        <v>12</v>
      </c>
      <c r="CV36" s="219">
        <v>11</v>
      </c>
      <c r="CW36" s="240">
        <v>44</v>
      </c>
      <c r="CX36" s="241">
        <v>44</v>
      </c>
      <c r="CY36" s="217">
        <v>0</v>
      </c>
      <c r="CZ36" s="219">
        <v>0</v>
      </c>
      <c r="DA36" s="219">
        <v>0</v>
      </c>
      <c r="DB36" s="220">
        <v>4</v>
      </c>
      <c r="DC36" s="218">
        <v>8</v>
      </c>
      <c r="DD36" s="218">
        <v>9</v>
      </c>
      <c r="DE36" s="218">
        <v>12</v>
      </c>
      <c r="DF36" s="219">
        <v>11</v>
      </c>
      <c r="DG36" s="240">
        <v>44</v>
      </c>
      <c r="DH36" s="242">
        <v>44</v>
      </c>
      <c r="DI36" s="222">
        <v>0</v>
      </c>
      <c r="DJ36" s="219">
        <v>0</v>
      </c>
      <c r="DK36" s="219">
        <v>0</v>
      </c>
      <c r="DL36" s="220">
        <v>0</v>
      </c>
      <c r="DM36" s="218">
        <v>0</v>
      </c>
      <c r="DN36" s="218">
        <v>0</v>
      </c>
      <c r="DO36" s="218">
        <v>0</v>
      </c>
      <c r="DP36" s="219">
        <v>0</v>
      </c>
      <c r="DQ36" s="240">
        <v>0</v>
      </c>
      <c r="DR36" s="242">
        <v>0</v>
      </c>
      <c r="DS36" s="222">
        <v>0</v>
      </c>
      <c r="DT36" s="219">
        <v>0</v>
      </c>
      <c r="DU36" s="219">
        <v>0</v>
      </c>
      <c r="DV36" s="220">
        <v>10</v>
      </c>
      <c r="DW36" s="218">
        <v>24</v>
      </c>
      <c r="DX36" s="218">
        <v>45</v>
      </c>
      <c r="DY36" s="218">
        <v>58</v>
      </c>
      <c r="DZ36" s="219">
        <v>38</v>
      </c>
      <c r="EA36" s="240">
        <v>175</v>
      </c>
      <c r="EB36" s="242">
        <v>175</v>
      </c>
      <c r="EC36" s="239"/>
    </row>
    <row r="37" spans="2:133" ht="21" customHeight="1" x14ac:dyDescent="0.2">
      <c r="B37" s="106" t="s">
        <v>34</v>
      </c>
      <c r="C37" s="217">
        <v>0</v>
      </c>
      <c r="D37" s="219">
        <v>0</v>
      </c>
      <c r="E37" s="219">
        <v>0</v>
      </c>
      <c r="F37" s="220">
        <v>0</v>
      </c>
      <c r="G37" s="218">
        <v>0</v>
      </c>
      <c r="H37" s="218">
        <v>7</v>
      </c>
      <c r="I37" s="218">
        <v>27</v>
      </c>
      <c r="J37" s="219">
        <v>8</v>
      </c>
      <c r="K37" s="240">
        <v>42</v>
      </c>
      <c r="L37" s="241">
        <v>42</v>
      </c>
      <c r="M37" s="217">
        <v>0</v>
      </c>
      <c r="N37" s="219">
        <v>0</v>
      </c>
      <c r="O37" s="240">
        <v>0</v>
      </c>
      <c r="P37" s="220">
        <v>0</v>
      </c>
      <c r="Q37" s="218">
        <v>0</v>
      </c>
      <c r="R37" s="218">
        <v>7</v>
      </c>
      <c r="S37" s="218">
        <v>27</v>
      </c>
      <c r="T37" s="219">
        <v>8</v>
      </c>
      <c r="U37" s="240">
        <v>42</v>
      </c>
      <c r="V37" s="242">
        <v>42</v>
      </c>
      <c r="W37" s="222">
        <v>0</v>
      </c>
      <c r="X37" s="219">
        <v>0</v>
      </c>
      <c r="Y37" s="240">
        <v>0</v>
      </c>
      <c r="Z37" s="222">
        <v>0</v>
      </c>
      <c r="AA37" s="218">
        <v>0</v>
      </c>
      <c r="AB37" s="218">
        <v>0</v>
      </c>
      <c r="AC37" s="218">
        <v>0</v>
      </c>
      <c r="AD37" s="219">
        <v>0</v>
      </c>
      <c r="AE37" s="240">
        <v>0</v>
      </c>
      <c r="AF37" s="221">
        <v>0</v>
      </c>
      <c r="AG37" s="222">
        <v>0</v>
      </c>
      <c r="AH37" s="219">
        <v>0</v>
      </c>
      <c r="AI37" s="240">
        <v>0</v>
      </c>
      <c r="AJ37" s="222">
        <v>3</v>
      </c>
      <c r="AK37" s="218">
        <v>2</v>
      </c>
      <c r="AL37" s="218">
        <v>6</v>
      </c>
      <c r="AM37" s="218">
        <v>2</v>
      </c>
      <c r="AN37" s="219">
        <v>3</v>
      </c>
      <c r="AO37" s="240">
        <v>16</v>
      </c>
      <c r="AP37" s="221">
        <v>16</v>
      </c>
      <c r="AQ37" s="222">
        <v>0</v>
      </c>
      <c r="AR37" s="219">
        <v>0</v>
      </c>
      <c r="AS37" s="240">
        <v>0</v>
      </c>
      <c r="AT37" s="220">
        <v>3</v>
      </c>
      <c r="AU37" s="218">
        <v>1</v>
      </c>
      <c r="AV37" s="218">
        <v>6</v>
      </c>
      <c r="AW37" s="218">
        <v>2</v>
      </c>
      <c r="AX37" s="219">
        <v>3</v>
      </c>
      <c r="AY37" s="240">
        <v>15</v>
      </c>
      <c r="AZ37" s="241">
        <v>15</v>
      </c>
      <c r="BA37" s="217">
        <v>0</v>
      </c>
      <c r="BB37" s="219">
        <v>0</v>
      </c>
      <c r="BC37" s="219">
        <v>0</v>
      </c>
      <c r="BD37" s="220">
        <v>0</v>
      </c>
      <c r="BE37" s="218">
        <v>1</v>
      </c>
      <c r="BF37" s="218">
        <v>0</v>
      </c>
      <c r="BG37" s="218">
        <v>0</v>
      </c>
      <c r="BH37" s="219">
        <v>0</v>
      </c>
      <c r="BI37" s="240">
        <v>1</v>
      </c>
      <c r="BJ37" s="242">
        <v>1</v>
      </c>
      <c r="BK37" s="222">
        <v>0</v>
      </c>
      <c r="BL37" s="219">
        <v>0</v>
      </c>
      <c r="BM37" s="219">
        <v>0</v>
      </c>
      <c r="BN37" s="220">
        <v>0</v>
      </c>
      <c r="BO37" s="218">
        <v>0</v>
      </c>
      <c r="BP37" s="218">
        <v>0</v>
      </c>
      <c r="BQ37" s="218">
        <v>0</v>
      </c>
      <c r="BR37" s="219">
        <v>0</v>
      </c>
      <c r="BS37" s="240">
        <v>0</v>
      </c>
      <c r="BT37" s="241">
        <v>0</v>
      </c>
      <c r="BU37" s="217">
        <v>0</v>
      </c>
      <c r="BV37" s="219">
        <v>0</v>
      </c>
      <c r="BW37" s="219">
        <v>0</v>
      </c>
      <c r="BX37" s="220">
        <v>0</v>
      </c>
      <c r="BY37" s="218">
        <v>0</v>
      </c>
      <c r="BZ37" s="218">
        <v>0</v>
      </c>
      <c r="CA37" s="218">
        <v>0</v>
      </c>
      <c r="CB37" s="219">
        <v>0</v>
      </c>
      <c r="CC37" s="240">
        <v>0</v>
      </c>
      <c r="CD37" s="242">
        <v>0</v>
      </c>
      <c r="CE37" s="222">
        <v>0</v>
      </c>
      <c r="CF37" s="219">
        <v>0</v>
      </c>
      <c r="CG37" s="219">
        <v>0</v>
      </c>
      <c r="CH37" s="220">
        <v>0</v>
      </c>
      <c r="CI37" s="218">
        <v>0</v>
      </c>
      <c r="CJ37" s="218">
        <v>0</v>
      </c>
      <c r="CK37" s="218">
        <v>0</v>
      </c>
      <c r="CL37" s="219">
        <v>0</v>
      </c>
      <c r="CM37" s="240">
        <v>0</v>
      </c>
      <c r="CN37" s="242">
        <v>0</v>
      </c>
      <c r="CO37" s="222">
        <v>0</v>
      </c>
      <c r="CP37" s="219">
        <v>0</v>
      </c>
      <c r="CQ37" s="219">
        <v>0</v>
      </c>
      <c r="CR37" s="220">
        <v>0</v>
      </c>
      <c r="CS37" s="218">
        <v>0</v>
      </c>
      <c r="CT37" s="218">
        <v>0</v>
      </c>
      <c r="CU37" s="218">
        <v>1</v>
      </c>
      <c r="CV37" s="219">
        <v>2</v>
      </c>
      <c r="CW37" s="240">
        <v>3</v>
      </c>
      <c r="CX37" s="241">
        <v>3</v>
      </c>
      <c r="CY37" s="217">
        <v>0</v>
      </c>
      <c r="CZ37" s="219">
        <v>0</v>
      </c>
      <c r="DA37" s="219">
        <v>0</v>
      </c>
      <c r="DB37" s="220">
        <v>0</v>
      </c>
      <c r="DC37" s="218">
        <v>0</v>
      </c>
      <c r="DD37" s="218">
        <v>0</v>
      </c>
      <c r="DE37" s="218">
        <v>1</v>
      </c>
      <c r="DF37" s="219">
        <v>1</v>
      </c>
      <c r="DG37" s="240">
        <v>2</v>
      </c>
      <c r="DH37" s="242">
        <v>2</v>
      </c>
      <c r="DI37" s="222">
        <v>0</v>
      </c>
      <c r="DJ37" s="219">
        <v>0</v>
      </c>
      <c r="DK37" s="219">
        <v>0</v>
      </c>
      <c r="DL37" s="220">
        <v>0</v>
      </c>
      <c r="DM37" s="218">
        <v>0</v>
      </c>
      <c r="DN37" s="218">
        <v>0</v>
      </c>
      <c r="DO37" s="218">
        <v>0</v>
      </c>
      <c r="DP37" s="219">
        <v>1</v>
      </c>
      <c r="DQ37" s="240">
        <v>1</v>
      </c>
      <c r="DR37" s="242">
        <v>1</v>
      </c>
      <c r="DS37" s="222">
        <v>0</v>
      </c>
      <c r="DT37" s="219">
        <v>0</v>
      </c>
      <c r="DU37" s="219">
        <v>0</v>
      </c>
      <c r="DV37" s="220">
        <v>3</v>
      </c>
      <c r="DW37" s="218">
        <v>2</v>
      </c>
      <c r="DX37" s="218">
        <v>13</v>
      </c>
      <c r="DY37" s="218">
        <v>30</v>
      </c>
      <c r="DZ37" s="219">
        <v>13</v>
      </c>
      <c r="EA37" s="240">
        <v>61</v>
      </c>
      <c r="EB37" s="242">
        <v>61</v>
      </c>
      <c r="EC37" s="239"/>
    </row>
    <row r="38" spans="2:133" ht="21" customHeight="1" x14ac:dyDescent="0.2">
      <c r="B38" s="106" t="s">
        <v>35</v>
      </c>
      <c r="C38" s="217">
        <v>0</v>
      </c>
      <c r="D38" s="219">
        <v>0</v>
      </c>
      <c r="E38" s="219">
        <v>0</v>
      </c>
      <c r="F38" s="220">
        <v>1</v>
      </c>
      <c r="G38" s="218">
        <v>1</v>
      </c>
      <c r="H38" s="218">
        <v>24</v>
      </c>
      <c r="I38" s="218">
        <v>48</v>
      </c>
      <c r="J38" s="219">
        <v>31</v>
      </c>
      <c r="K38" s="240">
        <v>105</v>
      </c>
      <c r="L38" s="241">
        <v>105</v>
      </c>
      <c r="M38" s="217">
        <v>0</v>
      </c>
      <c r="N38" s="219">
        <v>0</v>
      </c>
      <c r="O38" s="240">
        <v>0</v>
      </c>
      <c r="P38" s="220">
        <v>1</v>
      </c>
      <c r="Q38" s="218">
        <v>1</v>
      </c>
      <c r="R38" s="218">
        <v>24</v>
      </c>
      <c r="S38" s="218">
        <v>48</v>
      </c>
      <c r="T38" s="219">
        <v>31</v>
      </c>
      <c r="U38" s="240">
        <v>105</v>
      </c>
      <c r="V38" s="242">
        <v>105</v>
      </c>
      <c r="W38" s="222">
        <v>0</v>
      </c>
      <c r="X38" s="219">
        <v>0</v>
      </c>
      <c r="Y38" s="240">
        <v>0</v>
      </c>
      <c r="Z38" s="222">
        <v>0</v>
      </c>
      <c r="AA38" s="218">
        <v>0</v>
      </c>
      <c r="AB38" s="218">
        <v>0</v>
      </c>
      <c r="AC38" s="218">
        <v>0</v>
      </c>
      <c r="AD38" s="219">
        <v>0</v>
      </c>
      <c r="AE38" s="240">
        <v>0</v>
      </c>
      <c r="AF38" s="221">
        <v>0</v>
      </c>
      <c r="AG38" s="222">
        <v>0</v>
      </c>
      <c r="AH38" s="219">
        <v>0</v>
      </c>
      <c r="AI38" s="240">
        <v>0</v>
      </c>
      <c r="AJ38" s="222">
        <v>18</v>
      </c>
      <c r="AK38" s="218">
        <v>31</v>
      </c>
      <c r="AL38" s="218">
        <v>28</v>
      </c>
      <c r="AM38" s="218">
        <v>15</v>
      </c>
      <c r="AN38" s="219">
        <v>9</v>
      </c>
      <c r="AO38" s="240">
        <v>101</v>
      </c>
      <c r="AP38" s="221">
        <v>101</v>
      </c>
      <c r="AQ38" s="222">
        <v>0</v>
      </c>
      <c r="AR38" s="219">
        <v>0</v>
      </c>
      <c r="AS38" s="240">
        <v>0</v>
      </c>
      <c r="AT38" s="220">
        <v>18</v>
      </c>
      <c r="AU38" s="218">
        <v>31</v>
      </c>
      <c r="AV38" s="218">
        <v>28</v>
      </c>
      <c r="AW38" s="218">
        <v>15</v>
      </c>
      <c r="AX38" s="219">
        <v>9</v>
      </c>
      <c r="AY38" s="240">
        <v>101</v>
      </c>
      <c r="AZ38" s="241">
        <v>101</v>
      </c>
      <c r="BA38" s="217">
        <v>0</v>
      </c>
      <c r="BB38" s="219">
        <v>0</v>
      </c>
      <c r="BC38" s="219">
        <v>0</v>
      </c>
      <c r="BD38" s="220">
        <v>0</v>
      </c>
      <c r="BE38" s="218">
        <v>0</v>
      </c>
      <c r="BF38" s="218">
        <v>0</v>
      </c>
      <c r="BG38" s="218">
        <v>0</v>
      </c>
      <c r="BH38" s="219">
        <v>0</v>
      </c>
      <c r="BI38" s="240">
        <v>0</v>
      </c>
      <c r="BJ38" s="242">
        <v>0</v>
      </c>
      <c r="BK38" s="222">
        <v>0</v>
      </c>
      <c r="BL38" s="219">
        <v>0</v>
      </c>
      <c r="BM38" s="219">
        <v>0</v>
      </c>
      <c r="BN38" s="220">
        <v>0</v>
      </c>
      <c r="BO38" s="218">
        <v>0</v>
      </c>
      <c r="BP38" s="218">
        <v>0</v>
      </c>
      <c r="BQ38" s="218">
        <v>0</v>
      </c>
      <c r="BR38" s="219">
        <v>0</v>
      </c>
      <c r="BS38" s="240">
        <v>0</v>
      </c>
      <c r="BT38" s="241">
        <v>0</v>
      </c>
      <c r="BU38" s="217">
        <v>0</v>
      </c>
      <c r="BV38" s="219">
        <v>0</v>
      </c>
      <c r="BW38" s="219">
        <v>0</v>
      </c>
      <c r="BX38" s="220">
        <v>0</v>
      </c>
      <c r="BY38" s="218">
        <v>0</v>
      </c>
      <c r="BZ38" s="218">
        <v>0</v>
      </c>
      <c r="CA38" s="218">
        <v>0</v>
      </c>
      <c r="CB38" s="219">
        <v>0</v>
      </c>
      <c r="CC38" s="240">
        <v>0</v>
      </c>
      <c r="CD38" s="242">
        <v>0</v>
      </c>
      <c r="CE38" s="222">
        <v>0</v>
      </c>
      <c r="CF38" s="219">
        <v>0</v>
      </c>
      <c r="CG38" s="219">
        <v>0</v>
      </c>
      <c r="CH38" s="220">
        <v>0</v>
      </c>
      <c r="CI38" s="218">
        <v>0</v>
      </c>
      <c r="CJ38" s="218">
        <v>0</v>
      </c>
      <c r="CK38" s="218">
        <v>0</v>
      </c>
      <c r="CL38" s="219">
        <v>0</v>
      </c>
      <c r="CM38" s="240">
        <v>0</v>
      </c>
      <c r="CN38" s="242">
        <v>0</v>
      </c>
      <c r="CO38" s="222">
        <v>0</v>
      </c>
      <c r="CP38" s="219">
        <v>0</v>
      </c>
      <c r="CQ38" s="219">
        <v>0</v>
      </c>
      <c r="CR38" s="220">
        <v>3</v>
      </c>
      <c r="CS38" s="218">
        <v>2</v>
      </c>
      <c r="CT38" s="218">
        <v>7</v>
      </c>
      <c r="CU38" s="218">
        <v>4</v>
      </c>
      <c r="CV38" s="219">
        <v>5</v>
      </c>
      <c r="CW38" s="240">
        <v>21</v>
      </c>
      <c r="CX38" s="241">
        <v>21</v>
      </c>
      <c r="CY38" s="217">
        <v>0</v>
      </c>
      <c r="CZ38" s="219">
        <v>0</v>
      </c>
      <c r="DA38" s="219">
        <v>0</v>
      </c>
      <c r="DB38" s="220">
        <v>2</v>
      </c>
      <c r="DC38" s="218">
        <v>2</v>
      </c>
      <c r="DD38" s="218">
        <v>7</v>
      </c>
      <c r="DE38" s="218">
        <v>4</v>
      </c>
      <c r="DF38" s="219">
        <v>5</v>
      </c>
      <c r="DG38" s="240">
        <v>20</v>
      </c>
      <c r="DH38" s="242">
        <v>20</v>
      </c>
      <c r="DI38" s="222">
        <v>0</v>
      </c>
      <c r="DJ38" s="219">
        <v>0</v>
      </c>
      <c r="DK38" s="219">
        <v>0</v>
      </c>
      <c r="DL38" s="220">
        <v>1</v>
      </c>
      <c r="DM38" s="218">
        <v>0</v>
      </c>
      <c r="DN38" s="218">
        <v>0</v>
      </c>
      <c r="DO38" s="218">
        <v>0</v>
      </c>
      <c r="DP38" s="219">
        <v>0</v>
      </c>
      <c r="DQ38" s="240">
        <v>1</v>
      </c>
      <c r="DR38" s="242">
        <v>1</v>
      </c>
      <c r="DS38" s="222">
        <v>0</v>
      </c>
      <c r="DT38" s="219">
        <v>0</v>
      </c>
      <c r="DU38" s="219">
        <v>0</v>
      </c>
      <c r="DV38" s="220">
        <v>22</v>
      </c>
      <c r="DW38" s="218">
        <v>34</v>
      </c>
      <c r="DX38" s="218">
        <v>59</v>
      </c>
      <c r="DY38" s="218">
        <v>67</v>
      </c>
      <c r="DZ38" s="219">
        <v>45</v>
      </c>
      <c r="EA38" s="240">
        <v>227</v>
      </c>
      <c r="EB38" s="242">
        <v>227</v>
      </c>
      <c r="EC38" s="239"/>
    </row>
    <row r="39" spans="2:133" ht="21" customHeight="1" x14ac:dyDescent="0.2">
      <c r="B39" s="106" t="s">
        <v>36</v>
      </c>
      <c r="C39" s="217">
        <v>0</v>
      </c>
      <c r="D39" s="219">
        <v>0</v>
      </c>
      <c r="E39" s="219">
        <v>0</v>
      </c>
      <c r="F39" s="220">
        <v>0</v>
      </c>
      <c r="G39" s="218">
        <v>4</v>
      </c>
      <c r="H39" s="218">
        <v>57</v>
      </c>
      <c r="I39" s="218">
        <v>84</v>
      </c>
      <c r="J39" s="219">
        <v>64</v>
      </c>
      <c r="K39" s="240">
        <v>209</v>
      </c>
      <c r="L39" s="241">
        <v>209</v>
      </c>
      <c r="M39" s="217">
        <v>0</v>
      </c>
      <c r="N39" s="219">
        <v>0</v>
      </c>
      <c r="O39" s="240">
        <v>0</v>
      </c>
      <c r="P39" s="220">
        <v>0</v>
      </c>
      <c r="Q39" s="218">
        <v>4</v>
      </c>
      <c r="R39" s="218">
        <v>56</v>
      </c>
      <c r="S39" s="218">
        <v>80</v>
      </c>
      <c r="T39" s="219">
        <v>63</v>
      </c>
      <c r="U39" s="240">
        <v>203</v>
      </c>
      <c r="V39" s="242">
        <v>203</v>
      </c>
      <c r="W39" s="222">
        <v>0</v>
      </c>
      <c r="X39" s="219">
        <v>0</v>
      </c>
      <c r="Y39" s="240">
        <v>0</v>
      </c>
      <c r="Z39" s="222">
        <v>0</v>
      </c>
      <c r="AA39" s="218">
        <v>0</v>
      </c>
      <c r="AB39" s="218">
        <v>1</v>
      </c>
      <c r="AC39" s="218">
        <v>4</v>
      </c>
      <c r="AD39" s="219">
        <v>1</v>
      </c>
      <c r="AE39" s="240">
        <v>6</v>
      </c>
      <c r="AF39" s="221">
        <v>6</v>
      </c>
      <c r="AG39" s="222">
        <v>0</v>
      </c>
      <c r="AH39" s="219">
        <v>0</v>
      </c>
      <c r="AI39" s="240">
        <v>0</v>
      </c>
      <c r="AJ39" s="222">
        <v>16</v>
      </c>
      <c r="AK39" s="218">
        <v>18</v>
      </c>
      <c r="AL39" s="218">
        <v>39</v>
      </c>
      <c r="AM39" s="218">
        <v>48</v>
      </c>
      <c r="AN39" s="219">
        <v>20</v>
      </c>
      <c r="AO39" s="240">
        <v>141</v>
      </c>
      <c r="AP39" s="221">
        <v>141</v>
      </c>
      <c r="AQ39" s="222">
        <v>0</v>
      </c>
      <c r="AR39" s="219">
        <v>0</v>
      </c>
      <c r="AS39" s="240">
        <v>0</v>
      </c>
      <c r="AT39" s="220">
        <v>16</v>
      </c>
      <c r="AU39" s="218">
        <v>18</v>
      </c>
      <c r="AV39" s="218">
        <v>39</v>
      </c>
      <c r="AW39" s="218">
        <v>46</v>
      </c>
      <c r="AX39" s="219">
        <v>20</v>
      </c>
      <c r="AY39" s="240">
        <v>139</v>
      </c>
      <c r="AZ39" s="241">
        <v>139</v>
      </c>
      <c r="BA39" s="217">
        <v>0</v>
      </c>
      <c r="BB39" s="219">
        <v>0</v>
      </c>
      <c r="BC39" s="219">
        <v>0</v>
      </c>
      <c r="BD39" s="220">
        <v>0</v>
      </c>
      <c r="BE39" s="218">
        <v>0</v>
      </c>
      <c r="BF39" s="218">
        <v>0</v>
      </c>
      <c r="BG39" s="218">
        <v>2</v>
      </c>
      <c r="BH39" s="219">
        <v>0</v>
      </c>
      <c r="BI39" s="240">
        <v>2</v>
      </c>
      <c r="BJ39" s="242">
        <v>2</v>
      </c>
      <c r="BK39" s="222">
        <v>0</v>
      </c>
      <c r="BL39" s="219">
        <v>0</v>
      </c>
      <c r="BM39" s="219">
        <v>0</v>
      </c>
      <c r="BN39" s="220">
        <v>0</v>
      </c>
      <c r="BO39" s="218">
        <v>0</v>
      </c>
      <c r="BP39" s="218">
        <v>0</v>
      </c>
      <c r="BQ39" s="218">
        <v>0</v>
      </c>
      <c r="BR39" s="219">
        <v>0</v>
      </c>
      <c r="BS39" s="240">
        <v>0</v>
      </c>
      <c r="BT39" s="241">
        <v>0</v>
      </c>
      <c r="BU39" s="217">
        <v>0</v>
      </c>
      <c r="BV39" s="219">
        <v>0</v>
      </c>
      <c r="BW39" s="219">
        <v>0</v>
      </c>
      <c r="BX39" s="220">
        <v>0</v>
      </c>
      <c r="BY39" s="218">
        <v>0</v>
      </c>
      <c r="BZ39" s="218">
        <v>0</v>
      </c>
      <c r="CA39" s="218">
        <v>0</v>
      </c>
      <c r="CB39" s="219">
        <v>0</v>
      </c>
      <c r="CC39" s="240">
        <v>0</v>
      </c>
      <c r="CD39" s="242">
        <v>0</v>
      </c>
      <c r="CE39" s="222">
        <v>0</v>
      </c>
      <c r="CF39" s="219">
        <v>0</v>
      </c>
      <c r="CG39" s="219">
        <v>0</v>
      </c>
      <c r="CH39" s="220">
        <v>0</v>
      </c>
      <c r="CI39" s="218">
        <v>0</v>
      </c>
      <c r="CJ39" s="218">
        <v>0</v>
      </c>
      <c r="CK39" s="218">
        <v>0</v>
      </c>
      <c r="CL39" s="219">
        <v>0</v>
      </c>
      <c r="CM39" s="240">
        <v>0</v>
      </c>
      <c r="CN39" s="242">
        <v>0</v>
      </c>
      <c r="CO39" s="222">
        <v>0</v>
      </c>
      <c r="CP39" s="219">
        <v>0</v>
      </c>
      <c r="CQ39" s="219">
        <v>0</v>
      </c>
      <c r="CR39" s="220">
        <v>0</v>
      </c>
      <c r="CS39" s="218">
        <v>0</v>
      </c>
      <c r="CT39" s="218">
        <v>0</v>
      </c>
      <c r="CU39" s="218">
        <v>8</v>
      </c>
      <c r="CV39" s="219">
        <v>5</v>
      </c>
      <c r="CW39" s="240">
        <v>13</v>
      </c>
      <c r="CX39" s="241">
        <v>13</v>
      </c>
      <c r="CY39" s="217">
        <v>0</v>
      </c>
      <c r="CZ39" s="219">
        <v>0</v>
      </c>
      <c r="DA39" s="219">
        <v>0</v>
      </c>
      <c r="DB39" s="220">
        <v>0</v>
      </c>
      <c r="DC39" s="218">
        <v>0</v>
      </c>
      <c r="DD39" s="218">
        <v>0</v>
      </c>
      <c r="DE39" s="218">
        <v>7</v>
      </c>
      <c r="DF39" s="219">
        <v>5</v>
      </c>
      <c r="DG39" s="240">
        <v>12</v>
      </c>
      <c r="DH39" s="242">
        <v>12</v>
      </c>
      <c r="DI39" s="222">
        <v>0</v>
      </c>
      <c r="DJ39" s="219">
        <v>0</v>
      </c>
      <c r="DK39" s="219">
        <v>0</v>
      </c>
      <c r="DL39" s="220">
        <v>0</v>
      </c>
      <c r="DM39" s="218">
        <v>0</v>
      </c>
      <c r="DN39" s="218">
        <v>0</v>
      </c>
      <c r="DO39" s="218">
        <v>1</v>
      </c>
      <c r="DP39" s="219">
        <v>0</v>
      </c>
      <c r="DQ39" s="240">
        <v>1</v>
      </c>
      <c r="DR39" s="242">
        <v>1</v>
      </c>
      <c r="DS39" s="222">
        <v>0</v>
      </c>
      <c r="DT39" s="219">
        <v>0</v>
      </c>
      <c r="DU39" s="219">
        <v>0</v>
      </c>
      <c r="DV39" s="220">
        <v>16</v>
      </c>
      <c r="DW39" s="218">
        <v>22</v>
      </c>
      <c r="DX39" s="218">
        <v>96</v>
      </c>
      <c r="DY39" s="218">
        <v>138</v>
      </c>
      <c r="DZ39" s="219">
        <v>88</v>
      </c>
      <c r="EA39" s="240">
        <v>360</v>
      </c>
      <c r="EB39" s="242">
        <v>360</v>
      </c>
      <c r="EC39" s="239"/>
    </row>
    <row r="40" spans="2:133" ht="21" customHeight="1" thickBot="1" x14ac:dyDescent="0.25">
      <c r="B40" s="108" t="s">
        <v>37</v>
      </c>
      <c r="C40" s="223">
        <v>0</v>
      </c>
      <c r="D40" s="225">
        <v>0</v>
      </c>
      <c r="E40" s="225">
        <v>0</v>
      </c>
      <c r="F40" s="226">
        <v>0</v>
      </c>
      <c r="G40" s="224">
        <v>0</v>
      </c>
      <c r="H40" s="224">
        <v>6</v>
      </c>
      <c r="I40" s="224">
        <v>7</v>
      </c>
      <c r="J40" s="225">
        <v>8</v>
      </c>
      <c r="K40" s="243">
        <v>21</v>
      </c>
      <c r="L40" s="244">
        <v>21</v>
      </c>
      <c r="M40" s="223">
        <v>0</v>
      </c>
      <c r="N40" s="225">
        <v>0</v>
      </c>
      <c r="O40" s="243">
        <v>0</v>
      </c>
      <c r="P40" s="226">
        <v>0</v>
      </c>
      <c r="Q40" s="224">
        <v>0</v>
      </c>
      <c r="R40" s="224">
        <v>6</v>
      </c>
      <c r="S40" s="224">
        <v>7</v>
      </c>
      <c r="T40" s="225">
        <v>8</v>
      </c>
      <c r="U40" s="243">
        <v>21</v>
      </c>
      <c r="V40" s="245">
        <v>21</v>
      </c>
      <c r="W40" s="228">
        <v>0</v>
      </c>
      <c r="X40" s="225">
        <v>0</v>
      </c>
      <c r="Y40" s="243">
        <v>0</v>
      </c>
      <c r="Z40" s="228">
        <v>0</v>
      </c>
      <c r="AA40" s="224">
        <v>0</v>
      </c>
      <c r="AB40" s="224">
        <v>0</v>
      </c>
      <c r="AC40" s="224">
        <v>0</v>
      </c>
      <c r="AD40" s="225">
        <v>0</v>
      </c>
      <c r="AE40" s="243">
        <v>0</v>
      </c>
      <c r="AF40" s="227">
        <v>0</v>
      </c>
      <c r="AG40" s="228">
        <v>0</v>
      </c>
      <c r="AH40" s="225">
        <v>0</v>
      </c>
      <c r="AI40" s="243">
        <v>0</v>
      </c>
      <c r="AJ40" s="228">
        <v>1</v>
      </c>
      <c r="AK40" s="224">
        <v>3</v>
      </c>
      <c r="AL40" s="224">
        <v>7</v>
      </c>
      <c r="AM40" s="224">
        <v>3</v>
      </c>
      <c r="AN40" s="225">
        <v>3</v>
      </c>
      <c r="AO40" s="243">
        <v>17</v>
      </c>
      <c r="AP40" s="227">
        <v>17</v>
      </c>
      <c r="AQ40" s="228">
        <v>0</v>
      </c>
      <c r="AR40" s="225">
        <v>0</v>
      </c>
      <c r="AS40" s="243">
        <v>0</v>
      </c>
      <c r="AT40" s="226">
        <v>1</v>
      </c>
      <c r="AU40" s="224">
        <v>3</v>
      </c>
      <c r="AV40" s="224">
        <v>7</v>
      </c>
      <c r="AW40" s="224">
        <v>3</v>
      </c>
      <c r="AX40" s="225">
        <v>3</v>
      </c>
      <c r="AY40" s="243">
        <v>17</v>
      </c>
      <c r="AZ40" s="244">
        <v>17</v>
      </c>
      <c r="BA40" s="223">
        <v>0</v>
      </c>
      <c r="BB40" s="225">
        <v>0</v>
      </c>
      <c r="BC40" s="225">
        <v>0</v>
      </c>
      <c r="BD40" s="226">
        <v>0</v>
      </c>
      <c r="BE40" s="224">
        <v>0</v>
      </c>
      <c r="BF40" s="224">
        <v>0</v>
      </c>
      <c r="BG40" s="224">
        <v>0</v>
      </c>
      <c r="BH40" s="225">
        <v>0</v>
      </c>
      <c r="BI40" s="243">
        <v>0</v>
      </c>
      <c r="BJ40" s="245">
        <v>0</v>
      </c>
      <c r="BK40" s="228">
        <v>0</v>
      </c>
      <c r="BL40" s="225">
        <v>0</v>
      </c>
      <c r="BM40" s="225">
        <v>0</v>
      </c>
      <c r="BN40" s="226">
        <v>0</v>
      </c>
      <c r="BO40" s="224">
        <v>0</v>
      </c>
      <c r="BP40" s="224">
        <v>0</v>
      </c>
      <c r="BQ40" s="224">
        <v>0</v>
      </c>
      <c r="BR40" s="225">
        <v>0</v>
      </c>
      <c r="BS40" s="243">
        <v>0</v>
      </c>
      <c r="BT40" s="244">
        <v>0</v>
      </c>
      <c r="BU40" s="223">
        <v>0</v>
      </c>
      <c r="BV40" s="225">
        <v>0</v>
      </c>
      <c r="BW40" s="225">
        <v>0</v>
      </c>
      <c r="BX40" s="226">
        <v>0</v>
      </c>
      <c r="BY40" s="224">
        <v>0</v>
      </c>
      <c r="BZ40" s="224">
        <v>0</v>
      </c>
      <c r="CA40" s="224">
        <v>0</v>
      </c>
      <c r="CB40" s="225">
        <v>0</v>
      </c>
      <c r="CC40" s="243">
        <v>0</v>
      </c>
      <c r="CD40" s="245">
        <v>0</v>
      </c>
      <c r="CE40" s="228">
        <v>0</v>
      </c>
      <c r="CF40" s="225">
        <v>0</v>
      </c>
      <c r="CG40" s="225">
        <v>0</v>
      </c>
      <c r="CH40" s="226">
        <v>0</v>
      </c>
      <c r="CI40" s="224">
        <v>0</v>
      </c>
      <c r="CJ40" s="224">
        <v>0</v>
      </c>
      <c r="CK40" s="224">
        <v>0</v>
      </c>
      <c r="CL40" s="225">
        <v>0</v>
      </c>
      <c r="CM40" s="243">
        <v>0</v>
      </c>
      <c r="CN40" s="245">
        <v>0</v>
      </c>
      <c r="CO40" s="228">
        <v>0</v>
      </c>
      <c r="CP40" s="225">
        <v>0</v>
      </c>
      <c r="CQ40" s="225">
        <v>0</v>
      </c>
      <c r="CR40" s="226">
        <v>0</v>
      </c>
      <c r="CS40" s="224">
        <v>0</v>
      </c>
      <c r="CT40" s="224">
        <v>0</v>
      </c>
      <c r="CU40" s="224">
        <v>0</v>
      </c>
      <c r="CV40" s="225">
        <v>1</v>
      </c>
      <c r="CW40" s="243">
        <v>1</v>
      </c>
      <c r="CX40" s="244">
        <v>1</v>
      </c>
      <c r="CY40" s="223">
        <v>0</v>
      </c>
      <c r="CZ40" s="225">
        <v>0</v>
      </c>
      <c r="DA40" s="225">
        <v>0</v>
      </c>
      <c r="DB40" s="226">
        <v>0</v>
      </c>
      <c r="DC40" s="224">
        <v>0</v>
      </c>
      <c r="DD40" s="224">
        <v>0</v>
      </c>
      <c r="DE40" s="224">
        <v>0</v>
      </c>
      <c r="DF40" s="225">
        <v>1</v>
      </c>
      <c r="DG40" s="243">
        <v>1</v>
      </c>
      <c r="DH40" s="245">
        <v>1</v>
      </c>
      <c r="DI40" s="228">
        <v>0</v>
      </c>
      <c r="DJ40" s="225">
        <v>0</v>
      </c>
      <c r="DK40" s="225">
        <v>0</v>
      </c>
      <c r="DL40" s="226">
        <v>0</v>
      </c>
      <c r="DM40" s="224">
        <v>0</v>
      </c>
      <c r="DN40" s="224">
        <v>0</v>
      </c>
      <c r="DO40" s="224">
        <v>0</v>
      </c>
      <c r="DP40" s="225">
        <v>0</v>
      </c>
      <c r="DQ40" s="243">
        <v>0</v>
      </c>
      <c r="DR40" s="245">
        <v>0</v>
      </c>
      <c r="DS40" s="228">
        <v>0</v>
      </c>
      <c r="DT40" s="225">
        <v>0</v>
      </c>
      <c r="DU40" s="225">
        <v>0</v>
      </c>
      <c r="DV40" s="226">
        <v>1</v>
      </c>
      <c r="DW40" s="224">
        <v>3</v>
      </c>
      <c r="DX40" s="224">
        <v>13</v>
      </c>
      <c r="DY40" s="224">
        <v>10</v>
      </c>
      <c r="DZ40" s="225">
        <v>12</v>
      </c>
      <c r="EA40" s="243">
        <v>39</v>
      </c>
      <c r="EB40" s="245">
        <v>39</v>
      </c>
      <c r="EC40" s="239"/>
    </row>
    <row r="41" spans="2:133" x14ac:dyDescent="0.2">
      <c r="C41" s="246"/>
      <c r="D41" s="246"/>
      <c r="E41" s="246"/>
      <c r="F41" s="246"/>
      <c r="G41" s="246"/>
      <c r="H41" s="246"/>
      <c r="I41" s="246"/>
      <c r="J41" s="246"/>
      <c r="K41" s="246"/>
      <c r="L41" s="246"/>
      <c r="M41" s="246"/>
      <c r="N41" s="246"/>
      <c r="O41" s="246"/>
      <c r="P41" s="246"/>
      <c r="Q41" s="246"/>
      <c r="R41" s="246"/>
      <c r="S41" s="246"/>
      <c r="T41" s="246"/>
      <c r="U41" s="246"/>
      <c r="V41" s="246"/>
      <c r="W41" s="246"/>
      <c r="X41" s="246"/>
      <c r="Y41" s="246"/>
      <c r="Z41" s="246"/>
      <c r="AA41" s="246"/>
      <c r="AB41" s="246"/>
      <c r="AC41" s="246"/>
      <c r="AD41" s="246"/>
      <c r="AE41" s="246"/>
      <c r="AF41" s="246"/>
      <c r="AG41" s="239"/>
      <c r="AH41" s="239"/>
      <c r="AI41" s="239"/>
      <c r="AJ41" s="239"/>
      <c r="AK41" s="239"/>
      <c r="AL41" s="239"/>
      <c r="AM41" s="239"/>
      <c r="AN41" s="239"/>
      <c r="AO41" s="239"/>
      <c r="AP41" s="239"/>
      <c r="AQ41" s="239"/>
      <c r="AR41" s="239"/>
      <c r="AS41" s="239"/>
      <c r="AT41" s="239"/>
      <c r="AU41" s="239"/>
      <c r="AV41" s="239"/>
      <c r="AW41" s="239"/>
      <c r="AX41" s="239"/>
      <c r="AY41" s="239"/>
      <c r="AZ41" s="239"/>
      <c r="BA41" s="239"/>
      <c r="BB41" s="239"/>
      <c r="BC41" s="239"/>
      <c r="BD41" s="239"/>
      <c r="BE41" s="239"/>
      <c r="BF41" s="239"/>
      <c r="BG41" s="239"/>
      <c r="BH41" s="239"/>
      <c r="BI41" s="239"/>
      <c r="BJ41" s="239"/>
      <c r="BK41" s="239"/>
      <c r="BL41" s="239"/>
      <c r="BM41" s="239"/>
      <c r="BN41" s="239"/>
      <c r="BO41" s="239"/>
      <c r="BP41" s="239"/>
      <c r="BQ41" s="239"/>
      <c r="BR41" s="239"/>
      <c r="BS41" s="239"/>
      <c r="BT41" s="239"/>
      <c r="BU41" s="239"/>
      <c r="BV41" s="239"/>
      <c r="BW41" s="239"/>
      <c r="BX41" s="239"/>
      <c r="BY41" s="239"/>
      <c r="BZ41" s="239"/>
      <c r="CA41" s="239"/>
      <c r="CB41" s="239"/>
      <c r="CC41" s="239"/>
      <c r="CD41" s="239"/>
      <c r="CE41" s="239"/>
      <c r="CF41" s="239"/>
      <c r="CG41" s="239"/>
      <c r="CH41" s="239"/>
      <c r="CI41" s="239"/>
      <c r="CJ41" s="239"/>
      <c r="CK41" s="239"/>
      <c r="CL41" s="239"/>
      <c r="CM41" s="239"/>
      <c r="CN41" s="239"/>
      <c r="CO41" s="239"/>
      <c r="CP41" s="239"/>
      <c r="CQ41" s="239"/>
      <c r="CR41" s="239"/>
      <c r="CS41" s="239"/>
      <c r="CT41" s="239"/>
      <c r="CU41" s="239"/>
      <c r="CV41" s="239"/>
      <c r="CW41" s="239"/>
      <c r="CX41" s="239"/>
      <c r="CY41" s="239"/>
      <c r="CZ41" s="239"/>
      <c r="DA41" s="239"/>
      <c r="DB41" s="239"/>
      <c r="DC41" s="239"/>
      <c r="DD41" s="239"/>
      <c r="DE41" s="239"/>
      <c r="DF41" s="239"/>
      <c r="DG41" s="239"/>
      <c r="DH41" s="239"/>
      <c r="DI41" s="239"/>
      <c r="DJ41" s="239"/>
      <c r="DK41" s="239"/>
      <c r="DL41" s="239"/>
      <c r="DM41" s="239"/>
      <c r="DN41" s="239"/>
      <c r="DO41" s="239"/>
      <c r="DP41" s="239"/>
      <c r="DQ41" s="239"/>
      <c r="DR41" s="239"/>
      <c r="DS41" s="239"/>
      <c r="DT41" s="239"/>
      <c r="DU41" s="239"/>
      <c r="DV41" s="239"/>
      <c r="DW41" s="239"/>
      <c r="DX41" s="239"/>
      <c r="DY41" s="239"/>
      <c r="DZ41" s="239"/>
      <c r="EA41" s="239"/>
      <c r="EB41" s="239"/>
      <c r="EC41" s="239"/>
    </row>
    <row r="42" spans="2:133" x14ac:dyDescent="0.2">
      <c r="C42" s="246"/>
      <c r="D42" s="246"/>
      <c r="E42" s="246"/>
      <c r="F42" s="246"/>
      <c r="G42" s="246"/>
      <c r="H42" s="246"/>
      <c r="I42" s="246"/>
      <c r="J42" s="246"/>
      <c r="K42" s="246"/>
      <c r="L42" s="246"/>
      <c r="M42" s="246"/>
      <c r="N42" s="246"/>
      <c r="O42" s="246"/>
      <c r="P42" s="246"/>
      <c r="Q42" s="246"/>
      <c r="R42" s="246"/>
      <c r="S42" s="246"/>
      <c r="T42" s="246"/>
      <c r="U42" s="246"/>
      <c r="V42" s="246"/>
      <c r="W42" s="246"/>
      <c r="X42" s="246"/>
      <c r="Y42" s="246"/>
      <c r="Z42" s="246"/>
      <c r="AA42" s="246"/>
      <c r="AB42" s="246"/>
      <c r="AC42" s="246"/>
      <c r="AD42" s="246"/>
      <c r="AE42" s="246"/>
      <c r="AF42" s="246"/>
      <c r="AG42" s="239"/>
      <c r="AH42" s="239"/>
      <c r="AI42" s="239"/>
      <c r="AJ42" s="239"/>
      <c r="AK42" s="239"/>
      <c r="AL42" s="239"/>
      <c r="AM42" s="239"/>
      <c r="AN42" s="239"/>
      <c r="AO42" s="239"/>
      <c r="AP42" s="239"/>
      <c r="AQ42" s="239"/>
      <c r="AR42" s="239"/>
      <c r="AS42" s="239"/>
      <c r="AT42" s="239"/>
      <c r="AU42" s="239"/>
      <c r="AV42" s="239"/>
      <c r="AW42" s="239"/>
      <c r="AX42" s="239"/>
      <c r="AY42" s="239"/>
      <c r="AZ42" s="239"/>
      <c r="BA42" s="239"/>
      <c r="BB42" s="239"/>
      <c r="BC42" s="239"/>
      <c r="BD42" s="239"/>
      <c r="BE42" s="239"/>
      <c r="BF42" s="239"/>
      <c r="BG42" s="239"/>
      <c r="BH42" s="239"/>
      <c r="BI42" s="239"/>
      <c r="BJ42" s="239"/>
      <c r="BK42" s="239"/>
      <c r="BL42" s="239"/>
      <c r="BM42" s="239"/>
      <c r="BN42" s="239"/>
      <c r="BO42" s="239"/>
      <c r="BP42" s="239"/>
      <c r="BQ42" s="239"/>
      <c r="BR42" s="239"/>
      <c r="BS42" s="239"/>
      <c r="BT42" s="239"/>
      <c r="BU42" s="239"/>
      <c r="BV42" s="239"/>
      <c r="BW42" s="239"/>
      <c r="BX42" s="239"/>
      <c r="BY42" s="239"/>
      <c r="BZ42" s="239"/>
      <c r="CA42" s="239"/>
      <c r="CB42" s="239"/>
      <c r="CC42" s="239"/>
      <c r="CD42" s="239"/>
      <c r="CE42" s="239"/>
      <c r="CF42" s="239"/>
      <c r="CG42" s="239"/>
      <c r="CH42" s="239"/>
      <c r="CI42" s="239"/>
      <c r="CJ42" s="239"/>
      <c r="CK42" s="239"/>
      <c r="CL42" s="239"/>
      <c r="CM42" s="239"/>
      <c r="CN42" s="239"/>
      <c r="CO42" s="239"/>
      <c r="CP42" s="239"/>
      <c r="CQ42" s="239"/>
      <c r="CR42" s="239"/>
      <c r="CS42" s="239"/>
      <c r="CT42" s="239"/>
      <c r="CU42" s="239"/>
      <c r="CV42" s="239"/>
      <c r="CW42" s="239"/>
      <c r="CX42" s="239"/>
      <c r="CY42" s="239"/>
      <c r="CZ42" s="239"/>
      <c r="DA42" s="239"/>
      <c r="DB42" s="239"/>
      <c r="DC42" s="239"/>
      <c r="DD42" s="239"/>
      <c r="DE42" s="239"/>
      <c r="DF42" s="239"/>
      <c r="DG42" s="239"/>
      <c r="DH42" s="239"/>
      <c r="DI42" s="239"/>
      <c r="DJ42" s="239"/>
      <c r="DK42" s="239"/>
      <c r="DL42" s="239"/>
      <c r="DM42" s="239"/>
      <c r="DN42" s="239"/>
      <c r="DO42" s="239"/>
      <c r="DP42" s="239"/>
      <c r="DQ42" s="239"/>
      <c r="DR42" s="239"/>
      <c r="DS42" s="239"/>
      <c r="DT42" s="239"/>
      <c r="DU42" s="239"/>
      <c r="DV42" s="239"/>
      <c r="DW42" s="239"/>
      <c r="DX42" s="239"/>
      <c r="DY42" s="239"/>
      <c r="DZ42" s="239"/>
      <c r="EA42" s="239"/>
      <c r="EB42" s="239"/>
      <c r="EC42" s="239"/>
    </row>
    <row r="43" spans="2:133" x14ac:dyDescent="0.2">
      <c r="C43" s="246"/>
      <c r="D43" s="246"/>
      <c r="E43" s="246"/>
      <c r="F43" s="246"/>
      <c r="G43" s="246"/>
      <c r="H43" s="246"/>
      <c r="I43" s="246"/>
      <c r="J43" s="246"/>
      <c r="K43" s="246"/>
      <c r="L43" s="246"/>
      <c r="M43" s="246"/>
      <c r="N43" s="246"/>
      <c r="O43" s="246"/>
      <c r="P43" s="246"/>
      <c r="Q43" s="246"/>
      <c r="R43" s="246"/>
      <c r="S43" s="246"/>
      <c r="T43" s="246"/>
      <c r="U43" s="246"/>
      <c r="V43" s="246"/>
      <c r="W43" s="246"/>
      <c r="X43" s="246"/>
      <c r="Y43" s="246"/>
      <c r="Z43" s="246"/>
      <c r="AA43" s="246"/>
      <c r="AB43" s="246"/>
      <c r="AC43" s="246"/>
      <c r="AD43" s="246"/>
      <c r="AE43" s="246"/>
      <c r="AF43" s="246"/>
      <c r="AG43" s="239"/>
      <c r="AH43" s="239"/>
      <c r="AI43" s="239"/>
      <c r="AJ43" s="239"/>
      <c r="AK43" s="239"/>
      <c r="AL43" s="239"/>
      <c r="AM43" s="239"/>
      <c r="AN43" s="239"/>
      <c r="AO43" s="239"/>
      <c r="AP43" s="239"/>
      <c r="AQ43" s="239"/>
      <c r="AR43" s="239"/>
      <c r="AS43" s="239"/>
      <c r="AT43" s="239"/>
      <c r="AU43" s="239"/>
      <c r="AV43" s="239"/>
      <c r="AW43" s="239"/>
      <c r="AX43" s="239"/>
      <c r="AY43" s="239"/>
      <c r="AZ43" s="239"/>
      <c r="BA43" s="239"/>
      <c r="BB43" s="239"/>
      <c r="BC43" s="239"/>
      <c r="BD43" s="239"/>
      <c r="BE43" s="239"/>
      <c r="BF43" s="239"/>
      <c r="BG43" s="239"/>
      <c r="BH43" s="239"/>
      <c r="BI43" s="239"/>
      <c r="BJ43" s="239"/>
      <c r="BK43" s="239"/>
      <c r="BL43" s="239"/>
      <c r="BM43" s="239"/>
      <c r="BN43" s="239"/>
      <c r="BO43" s="239"/>
      <c r="BP43" s="239"/>
      <c r="BQ43" s="239"/>
      <c r="BR43" s="239"/>
      <c r="BS43" s="239"/>
      <c r="BT43" s="239"/>
      <c r="BU43" s="239"/>
      <c r="BV43" s="239"/>
      <c r="BW43" s="239"/>
      <c r="BX43" s="239"/>
      <c r="BY43" s="239"/>
      <c r="BZ43" s="239"/>
      <c r="CA43" s="239"/>
      <c r="CB43" s="239"/>
      <c r="CC43" s="239"/>
      <c r="CD43" s="239"/>
      <c r="CE43" s="239"/>
      <c r="CF43" s="239"/>
      <c r="CG43" s="239"/>
      <c r="CH43" s="239"/>
      <c r="CI43" s="239"/>
      <c r="CJ43" s="239"/>
      <c r="CK43" s="239"/>
      <c r="CL43" s="239"/>
      <c r="CM43" s="239"/>
      <c r="CN43" s="239"/>
      <c r="CO43" s="239"/>
      <c r="CP43" s="239"/>
      <c r="CQ43" s="239"/>
      <c r="CR43" s="239"/>
      <c r="CS43" s="239"/>
      <c r="CT43" s="239"/>
      <c r="CU43" s="239"/>
      <c r="CV43" s="239"/>
      <c r="CW43" s="239"/>
      <c r="CX43" s="239"/>
      <c r="CY43" s="239"/>
      <c r="CZ43" s="239"/>
      <c r="DA43" s="239"/>
      <c r="DB43" s="239"/>
      <c r="DC43" s="239"/>
      <c r="DD43" s="239"/>
      <c r="DE43" s="239"/>
      <c r="DF43" s="239"/>
      <c r="DG43" s="239"/>
      <c r="DH43" s="239"/>
      <c r="DI43" s="239"/>
      <c r="DJ43" s="239"/>
      <c r="DK43" s="239"/>
      <c r="DL43" s="239"/>
      <c r="DM43" s="239"/>
      <c r="DN43" s="239"/>
      <c r="DO43" s="239"/>
      <c r="DP43" s="239"/>
      <c r="DQ43" s="239"/>
      <c r="DR43" s="239"/>
      <c r="DS43" s="239"/>
      <c r="DT43" s="239"/>
      <c r="DU43" s="239"/>
      <c r="DV43" s="239"/>
      <c r="DW43" s="239"/>
      <c r="DX43" s="239"/>
      <c r="DY43" s="239"/>
      <c r="DZ43" s="239"/>
      <c r="EA43" s="239"/>
      <c r="EB43" s="239"/>
      <c r="EC43" s="239"/>
    </row>
    <row r="44" spans="2:133" x14ac:dyDescent="0.2">
      <c r="C44" s="246"/>
      <c r="D44" s="246"/>
      <c r="E44" s="246"/>
      <c r="F44" s="246"/>
      <c r="G44" s="246"/>
      <c r="H44" s="246"/>
      <c r="I44" s="246"/>
      <c r="J44" s="246"/>
      <c r="K44" s="246"/>
      <c r="L44" s="246"/>
      <c r="M44" s="246"/>
      <c r="N44" s="246"/>
      <c r="O44" s="246"/>
      <c r="P44" s="246"/>
      <c r="Q44" s="246"/>
      <c r="R44" s="246"/>
      <c r="S44" s="246"/>
      <c r="T44" s="246"/>
      <c r="U44" s="246"/>
      <c r="V44" s="246"/>
      <c r="W44" s="246"/>
      <c r="X44" s="246"/>
      <c r="Y44" s="246"/>
      <c r="Z44" s="246"/>
      <c r="AA44" s="246"/>
      <c r="AB44" s="246"/>
      <c r="AC44" s="246"/>
      <c r="AD44" s="246"/>
      <c r="AE44" s="246"/>
      <c r="AF44" s="246"/>
      <c r="AG44" s="239"/>
      <c r="AH44" s="239"/>
      <c r="AI44" s="239"/>
      <c r="AJ44" s="239"/>
      <c r="AK44" s="239"/>
      <c r="AL44" s="239"/>
      <c r="AM44" s="239"/>
      <c r="AN44" s="239"/>
      <c r="AO44" s="239"/>
      <c r="AP44" s="239"/>
      <c r="AQ44" s="239"/>
      <c r="AR44" s="239"/>
      <c r="AS44" s="239"/>
      <c r="AT44" s="239"/>
      <c r="AU44" s="239"/>
      <c r="AV44" s="239"/>
      <c r="AW44" s="239"/>
      <c r="AX44" s="239"/>
      <c r="AY44" s="239"/>
      <c r="AZ44" s="239"/>
      <c r="BA44" s="239"/>
      <c r="BB44" s="239"/>
      <c r="BC44" s="239"/>
      <c r="BD44" s="239"/>
      <c r="BE44" s="239"/>
      <c r="BF44" s="239"/>
      <c r="BG44" s="239"/>
      <c r="BH44" s="239"/>
      <c r="BI44" s="239"/>
      <c r="BJ44" s="239"/>
      <c r="BK44" s="239"/>
      <c r="BL44" s="239"/>
      <c r="BM44" s="239"/>
      <c r="BN44" s="239"/>
      <c r="BO44" s="239"/>
      <c r="BP44" s="239"/>
      <c r="BQ44" s="239"/>
      <c r="BR44" s="239"/>
      <c r="BS44" s="239"/>
      <c r="BT44" s="239"/>
      <c r="BU44" s="239"/>
      <c r="BV44" s="239"/>
      <c r="BW44" s="239"/>
      <c r="BX44" s="239"/>
      <c r="BY44" s="239"/>
      <c r="BZ44" s="239"/>
      <c r="CA44" s="239"/>
      <c r="CB44" s="239"/>
      <c r="CC44" s="239"/>
      <c r="CD44" s="239"/>
      <c r="CE44" s="239"/>
      <c r="CF44" s="239"/>
      <c r="CG44" s="239"/>
      <c r="CH44" s="239"/>
      <c r="CI44" s="239"/>
      <c r="CJ44" s="239"/>
      <c r="CK44" s="239"/>
      <c r="CL44" s="239"/>
      <c r="CM44" s="239"/>
      <c r="CN44" s="239"/>
      <c r="CO44" s="239"/>
      <c r="CP44" s="239"/>
      <c r="CQ44" s="239"/>
      <c r="CR44" s="239"/>
      <c r="CS44" s="239"/>
      <c r="CT44" s="239"/>
      <c r="CU44" s="239"/>
      <c r="CV44" s="239"/>
      <c r="CW44" s="239"/>
      <c r="CX44" s="239"/>
      <c r="CY44" s="239"/>
      <c r="CZ44" s="239"/>
      <c r="DA44" s="239"/>
      <c r="DB44" s="239"/>
      <c r="DC44" s="239"/>
      <c r="DD44" s="239"/>
      <c r="DE44" s="239"/>
      <c r="DF44" s="239"/>
      <c r="DG44" s="239"/>
      <c r="DH44" s="239"/>
      <c r="DI44" s="239"/>
      <c r="DJ44" s="239"/>
      <c r="DK44" s="239"/>
      <c r="DL44" s="239"/>
      <c r="DM44" s="239"/>
      <c r="DN44" s="239"/>
      <c r="DO44" s="239"/>
      <c r="DP44" s="239"/>
      <c r="DQ44" s="239"/>
      <c r="DR44" s="239"/>
      <c r="DS44" s="239"/>
      <c r="DT44" s="239"/>
      <c r="DU44" s="239"/>
      <c r="DV44" s="239"/>
      <c r="DW44" s="239"/>
      <c r="DX44" s="239"/>
      <c r="DY44" s="239"/>
      <c r="DZ44" s="239"/>
      <c r="EA44" s="239"/>
      <c r="EB44" s="239"/>
      <c r="EC44" s="239"/>
    </row>
    <row r="45" spans="2:133" x14ac:dyDescent="0.2">
      <c r="C45" s="246"/>
      <c r="D45" s="246"/>
      <c r="E45" s="246"/>
      <c r="F45" s="246"/>
      <c r="G45" s="246"/>
      <c r="H45" s="246"/>
      <c r="I45" s="246"/>
      <c r="J45" s="246"/>
      <c r="K45" s="246"/>
      <c r="L45" s="246"/>
      <c r="M45" s="246"/>
      <c r="N45" s="246"/>
      <c r="O45" s="246"/>
      <c r="P45" s="246"/>
      <c r="Q45" s="246"/>
      <c r="R45" s="246"/>
      <c r="S45" s="246"/>
      <c r="T45" s="246"/>
      <c r="U45" s="246"/>
      <c r="V45" s="246"/>
      <c r="W45" s="246"/>
      <c r="X45" s="246"/>
      <c r="Y45" s="246"/>
      <c r="Z45" s="246"/>
      <c r="AA45" s="246"/>
      <c r="AB45" s="246"/>
      <c r="AC45" s="246"/>
      <c r="AD45" s="246"/>
      <c r="AE45" s="246"/>
      <c r="AF45" s="246"/>
      <c r="AG45" s="239"/>
      <c r="AH45" s="239"/>
      <c r="AI45" s="239"/>
      <c r="AJ45" s="239"/>
      <c r="AK45" s="239"/>
      <c r="AL45" s="239"/>
      <c r="AM45" s="239"/>
      <c r="AN45" s="239"/>
      <c r="AO45" s="239"/>
      <c r="AP45" s="239"/>
      <c r="AQ45" s="239"/>
      <c r="AR45" s="239"/>
      <c r="AS45" s="239"/>
      <c r="AT45" s="239"/>
      <c r="AU45" s="239"/>
      <c r="AV45" s="239"/>
      <c r="AW45" s="239"/>
      <c r="AX45" s="239"/>
      <c r="AY45" s="239"/>
      <c r="AZ45" s="239"/>
      <c r="BA45" s="239"/>
      <c r="BB45" s="239"/>
      <c r="BC45" s="239"/>
      <c r="BD45" s="239"/>
      <c r="BE45" s="239"/>
      <c r="BF45" s="239"/>
      <c r="BG45" s="239"/>
      <c r="BH45" s="239"/>
      <c r="BI45" s="239"/>
      <c r="BJ45" s="239"/>
      <c r="BK45" s="239"/>
      <c r="BL45" s="239"/>
      <c r="BM45" s="239"/>
      <c r="BN45" s="239"/>
      <c r="BO45" s="239"/>
      <c r="BP45" s="239"/>
      <c r="BQ45" s="239"/>
      <c r="BR45" s="239"/>
      <c r="BS45" s="239"/>
      <c r="BT45" s="239"/>
      <c r="BU45" s="239"/>
      <c r="BV45" s="239"/>
      <c r="BW45" s="239"/>
      <c r="BX45" s="239"/>
      <c r="BY45" s="239"/>
      <c r="BZ45" s="239"/>
      <c r="CA45" s="239"/>
      <c r="CB45" s="239"/>
      <c r="CC45" s="239"/>
      <c r="CD45" s="239"/>
      <c r="CE45" s="239"/>
      <c r="CF45" s="239"/>
      <c r="CG45" s="239"/>
      <c r="CH45" s="239"/>
      <c r="CI45" s="239"/>
      <c r="CJ45" s="239"/>
      <c r="CK45" s="239"/>
      <c r="CL45" s="239"/>
      <c r="CM45" s="239"/>
      <c r="CN45" s="239"/>
      <c r="CO45" s="239"/>
      <c r="CP45" s="239"/>
      <c r="CQ45" s="239"/>
      <c r="CR45" s="239"/>
      <c r="CS45" s="239"/>
      <c r="CT45" s="239"/>
      <c r="CU45" s="239"/>
      <c r="CV45" s="239"/>
      <c r="CW45" s="239"/>
      <c r="CX45" s="239"/>
      <c r="CY45" s="239"/>
      <c r="CZ45" s="239"/>
      <c r="DA45" s="239"/>
      <c r="DB45" s="239"/>
      <c r="DC45" s="239"/>
      <c r="DD45" s="239"/>
      <c r="DE45" s="239"/>
      <c r="DF45" s="239"/>
      <c r="DG45" s="239"/>
      <c r="DH45" s="239"/>
      <c r="DI45" s="239"/>
      <c r="DJ45" s="239"/>
      <c r="DK45" s="239"/>
      <c r="DL45" s="239"/>
      <c r="DM45" s="239"/>
      <c r="DN45" s="239"/>
      <c r="DO45" s="239"/>
      <c r="DP45" s="239"/>
      <c r="DQ45" s="239"/>
      <c r="DR45" s="239"/>
      <c r="DS45" s="239"/>
      <c r="DT45" s="239"/>
      <c r="DU45" s="239"/>
      <c r="DV45" s="239"/>
      <c r="DW45" s="239"/>
      <c r="DX45" s="239"/>
      <c r="DY45" s="239"/>
      <c r="DZ45" s="239"/>
      <c r="EA45" s="239"/>
      <c r="EB45" s="239"/>
      <c r="EC45" s="239"/>
    </row>
    <row r="46" spans="2:133" x14ac:dyDescent="0.2">
      <c r="C46" s="70"/>
      <c r="D46" s="70"/>
      <c r="E46" s="70"/>
      <c r="F46" s="70"/>
      <c r="G46" s="70"/>
      <c r="H46" s="70"/>
      <c r="I46" s="70"/>
      <c r="J46" s="70"/>
      <c r="K46" s="70"/>
      <c r="L46" s="70"/>
      <c r="M46" s="70"/>
      <c r="N46" s="70"/>
      <c r="O46" s="70"/>
      <c r="P46" s="70"/>
      <c r="Q46" s="70"/>
      <c r="R46" s="70"/>
      <c r="S46" s="70"/>
      <c r="T46" s="70"/>
      <c r="U46" s="70"/>
      <c r="V46" s="70"/>
      <c r="W46" s="70"/>
      <c r="X46" s="70"/>
      <c r="Y46" s="70"/>
      <c r="Z46" s="70"/>
      <c r="AA46" s="70"/>
      <c r="AB46" s="70"/>
      <c r="AC46" s="70"/>
      <c r="AD46" s="70"/>
      <c r="AE46" s="70"/>
      <c r="AF46" s="70"/>
    </row>
    <row r="47" spans="2:133" x14ac:dyDescent="0.2">
      <c r="C47" s="70"/>
      <c r="D47" s="70"/>
      <c r="E47" s="70"/>
      <c r="F47" s="70"/>
      <c r="G47" s="70"/>
      <c r="H47" s="70"/>
      <c r="I47" s="70"/>
      <c r="J47" s="70"/>
      <c r="K47" s="70"/>
      <c r="L47" s="70"/>
      <c r="M47" s="70"/>
      <c r="N47" s="70"/>
      <c r="O47" s="70"/>
      <c r="P47" s="70"/>
      <c r="Q47" s="70"/>
      <c r="R47" s="70"/>
      <c r="S47" s="70"/>
      <c r="T47" s="70"/>
      <c r="U47" s="70"/>
      <c r="V47" s="70"/>
      <c r="W47" s="70"/>
      <c r="X47" s="70"/>
      <c r="Y47" s="70"/>
      <c r="Z47" s="70"/>
      <c r="AA47" s="70"/>
      <c r="AB47" s="70"/>
      <c r="AC47" s="70"/>
      <c r="AD47" s="70"/>
      <c r="AE47" s="70"/>
      <c r="AF47" s="70"/>
    </row>
    <row r="48" spans="2:133" x14ac:dyDescent="0.2">
      <c r="C48" s="70"/>
      <c r="D48" s="70"/>
      <c r="E48" s="70"/>
      <c r="F48" s="70"/>
      <c r="G48" s="70"/>
      <c r="H48" s="70"/>
      <c r="I48" s="70"/>
      <c r="J48" s="70"/>
      <c r="K48" s="70"/>
      <c r="L48" s="70"/>
      <c r="M48" s="70"/>
      <c r="N48" s="70"/>
      <c r="O48" s="70"/>
      <c r="P48" s="70"/>
      <c r="Q48" s="70"/>
      <c r="R48" s="70"/>
      <c r="S48" s="70"/>
      <c r="T48" s="70"/>
      <c r="U48" s="70"/>
      <c r="V48" s="70"/>
      <c r="W48" s="70"/>
      <c r="X48" s="70"/>
      <c r="Y48" s="70"/>
      <c r="Z48" s="70"/>
      <c r="AA48" s="70"/>
      <c r="AB48" s="70"/>
      <c r="AC48" s="70"/>
      <c r="AD48" s="70"/>
      <c r="AE48" s="70"/>
      <c r="AF48" s="70"/>
    </row>
    <row r="49" spans="3:32" x14ac:dyDescent="0.2">
      <c r="C49" s="70"/>
      <c r="D49" s="70"/>
      <c r="E49" s="70"/>
      <c r="F49" s="70"/>
      <c r="G49" s="70"/>
      <c r="H49" s="70"/>
      <c r="I49" s="70"/>
      <c r="J49" s="70"/>
      <c r="K49" s="70"/>
      <c r="L49" s="70"/>
      <c r="M49" s="70"/>
      <c r="N49" s="70"/>
      <c r="O49" s="70"/>
      <c r="P49" s="70"/>
      <c r="Q49" s="70"/>
      <c r="R49" s="70"/>
      <c r="S49" s="70"/>
      <c r="T49" s="70"/>
      <c r="U49" s="70"/>
      <c r="V49" s="70"/>
      <c r="W49" s="70"/>
      <c r="X49" s="70"/>
      <c r="Y49" s="70"/>
      <c r="Z49" s="70"/>
      <c r="AA49" s="70"/>
      <c r="AB49" s="70"/>
      <c r="AC49" s="70"/>
      <c r="AD49" s="70"/>
      <c r="AE49" s="70"/>
      <c r="AF49" s="70"/>
    </row>
    <row r="50" spans="3:32" x14ac:dyDescent="0.2">
      <c r="C50" s="70"/>
      <c r="D50" s="70"/>
      <c r="E50" s="70"/>
      <c r="F50" s="70"/>
      <c r="G50" s="70"/>
      <c r="H50" s="70"/>
      <c r="I50" s="70"/>
      <c r="J50" s="70"/>
      <c r="K50" s="70"/>
      <c r="L50" s="70"/>
      <c r="M50" s="70"/>
      <c r="N50" s="70"/>
      <c r="O50" s="70"/>
      <c r="P50" s="70"/>
      <c r="Q50" s="70"/>
      <c r="R50" s="70"/>
      <c r="S50" s="70"/>
      <c r="T50" s="70"/>
      <c r="U50" s="70"/>
      <c r="V50" s="70"/>
      <c r="W50" s="70"/>
      <c r="X50" s="70"/>
      <c r="Y50" s="70"/>
      <c r="Z50" s="70"/>
      <c r="AA50" s="70"/>
      <c r="AB50" s="70"/>
      <c r="AC50" s="70"/>
      <c r="AD50" s="70"/>
      <c r="AE50" s="70"/>
      <c r="AF50" s="70"/>
    </row>
    <row r="51" spans="3:32" x14ac:dyDescent="0.2">
      <c r="C51" s="70"/>
      <c r="D51" s="70"/>
      <c r="E51" s="70"/>
      <c r="F51" s="70"/>
      <c r="G51" s="70"/>
      <c r="H51" s="70"/>
      <c r="I51" s="70"/>
      <c r="J51" s="70"/>
      <c r="K51" s="70"/>
      <c r="L51" s="70"/>
      <c r="M51" s="70"/>
      <c r="N51" s="70"/>
      <c r="O51" s="70"/>
      <c r="P51" s="70"/>
      <c r="Q51" s="70"/>
      <c r="R51" s="70"/>
      <c r="S51" s="70"/>
      <c r="T51" s="70"/>
      <c r="U51" s="70"/>
      <c r="V51" s="70"/>
      <c r="W51" s="70"/>
      <c r="X51" s="70"/>
      <c r="Y51" s="70"/>
      <c r="Z51" s="70"/>
      <c r="AA51" s="70"/>
      <c r="AB51" s="70"/>
      <c r="AC51" s="70"/>
      <c r="AD51" s="70"/>
      <c r="AE51" s="70"/>
      <c r="AF51" s="70"/>
    </row>
    <row r="52" spans="3:32" x14ac:dyDescent="0.2">
      <c r="C52" s="70"/>
      <c r="D52" s="70"/>
      <c r="E52" s="70"/>
      <c r="F52" s="70"/>
      <c r="G52" s="70"/>
      <c r="H52" s="70"/>
      <c r="I52" s="70"/>
      <c r="J52" s="70"/>
      <c r="K52" s="70"/>
      <c r="L52" s="70"/>
      <c r="M52" s="70"/>
      <c r="N52" s="70"/>
      <c r="O52" s="70"/>
      <c r="P52" s="70"/>
      <c r="Q52" s="70"/>
      <c r="R52" s="70"/>
      <c r="S52" s="70"/>
      <c r="T52" s="70"/>
      <c r="U52" s="70"/>
      <c r="V52" s="70"/>
      <c r="W52" s="70"/>
      <c r="X52" s="70"/>
      <c r="Y52" s="70"/>
      <c r="Z52" s="70"/>
      <c r="AA52" s="70"/>
      <c r="AB52" s="70"/>
      <c r="AC52" s="70"/>
      <c r="AD52" s="70"/>
      <c r="AE52" s="70"/>
      <c r="AF52" s="70"/>
    </row>
    <row r="53" spans="3:32" x14ac:dyDescent="0.2">
      <c r="C53" s="70"/>
      <c r="D53" s="70"/>
      <c r="E53" s="70"/>
      <c r="F53" s="70"/>
      <c r="G53" s="70"/>
      <c r="H53" s="70"/>
      <c r="I53" s="70"/>
      <c r="J53" s="70"/>
      <c r="K53" s="70"/>
      <c r="L53" s="70"/>
      <c r="M53" s="70"/>
      <c r="N53" s="70"/>
      <c r="O53" s="70"/>
      <c r="P53" s="70"/>
      <c r="Q53" s="70"/>
      <c r="R53" s="70"/>
      <c r="S53" s="70"/>
      <c r="T53" s="70"/>
      <c r="U53" s="70"/>
      <c r="V53" s="70"/>
      <c r="W53" s="70"/>
      <c r="X53" s="70"/>
      <c r="Y53" s="70"/>
      <c r="Z53" s="70"/>
      <c r="AA53" s="70"/>
      <c r="AB53" s="70"/>
      <c r="AC53" s="70"/>
      <c r="AD53" s="70"/>
      <c r="AE53" s="70"/>
      <c r="AF53" s="70"/>
    </row>
    <row r="54" spans="3:32" x14ac:dyDescent="0.2">
      <c r="C54" s="70"/>
      <c r="D54" s="70"/>
      <c r="E54" s="70"/>
      <c r="F54" s="70"/>
      <c r="G54" s="70"/>
      <c r="H54" s="70"/>
      <c r="I54" s="70"/>
      <c r="J54" s="70"/>
      <c r="K54" s="70"/>
      <c r="L54" s="70"/>
      <c r="M54" s="70"/>
      <c r="N54" s="70"/>
      <c r="O54" s="70"/>
      <c r="P54" s="70"/>
      <c r="Q54" s="70"/>
      <c r="R54" s="70"/>
      <c r="S54" s="70"/>
      <c r="T54" s="70"/>
      <c r="U54" s="70"/>
      <c r="V54" s="70"/>
      <c r="W54" s="70"/>
      <c r="X54" s="70"/>
      <c r="Y54" s="70"/>
      <c r="Z54" s="70"/>
      <c r="AA54" s="70"/>
      <c r="AB54" s="70"/>
      <c r="AC54" s="70"/>
      <c r="AD54" s="70"/>
      <c r="AE54" s="70"/>
      <c r="AF54" s="70"/>
    </row>
    <row r="55" spans="3:32" x14ac:dyDescent="0.2">
      <c r="C55" s="70"/>
      <c r="D55" s="70"/>
      <c r="E55" s="70"/>
      <c r="F55" s="70"/>
      <c r="G55" s="70"/>
      <c r="H55" s="70"/>
      <c r="I55" s="70"/>
      <c r="J55" s="70"/>
      <c r="K55" s="70"/>
      <c r="L55" s="70"/>
      <c r="M55" s="70"/>
      <c r="N55" s="70"/>
      <c r="O55" s="70"/>
      <c r="P55" s="70"/>
      <c r="Q55" s="70"/>
      <c r="R55" s="70"/>
      <c r="S55" s="70"/>
      <c r="T55" s="70"/>
      <c r="U55" s="70"/>
      <c r="V55" s="70"/>
      <c r="W55" s="70"/>
      <c r="X55" s="70"/>
      <c r="Y55" s="70"/>
      <c r="Z55" s="70"/>
      <c r="AA55" s="70"/>
      <c r="AB55" s="70"/>
      <c r="AC55" s="70"/>
      <c r="AD55" s="70"/>
      <c r="AE55" s="70"/>
      <c r="AF55" s="70"/>
    </row>
    <row r="56" spans="3:32" x14ac:dyDescent="0.2">
      <c r="C56" s="70"/>
      <c r="D56" s="70"/>
      <c r="E56" s="70"/>
      <c r="F56" s="70"/>
      <c r="G56" s="70"/>
      <c r="H56" s="70"/>
      <c r="I56" s="70"/>
      <c r="J56" s="70"/>
      <c r="K56" s="70"/>
      <c r="L56" s="70"/>
      <c r="M56" s="70"/>
      <c r="N56" s="70"/>
      <c r="O56" s="70"/>
      <c r="P56" s="70"/>
      <c r="Q56" s="70"/>
      <c r="R56" s="70"/>
      <c r="S56" s="70"/>
      <c r="T56" s="70"/>
      <c r="U56" s="70"/>
      <c r="V56" s="70"/>
      <c r="W56" s="70"/>
      <c r="X56" s="70"/>
      <c r="Y56" s="70"/>
      <c r="Z56" s="70"/>
      <c r="AA56" s="70"/>
      <c r="AB56" s="70"/>
      <c r="AC56" s="70"/>
      <c r="AD56" s="70"/>
      <c r="AE56" s="70"/>
      <c r="AF56" s="70"/>
    </row>
    <row r="57" spans="3:32" x14ac:dyDescent="0.2">
      <c r="C57" s="70"/>
      <c r="D57" s="70"/>
      <c r="E57" s="70"/>
      <c r="F57" s="70"/>
      <c r="G57" s="70"/>
      <c r="H57" s="70"/>
      <c r="I57" s="70"/>
      <c r="J57" s="70"/>
      <c r="K57" s="70"/>
      <c r="L57" s="70"/>
      <c r="M57" s="70"/>
      <c r="N57" s="70"/>
      <c r="O57" s="70"/>
      <c r="P57" s="70"/>
      <c r="Q57" s="70"/>
      <c r="R57" s="70"/>
      <c r="S57" s="70"/>
      <c r="T57" s="70"/>
      <c r="U57" s="70"/>
      <c r="V57" s="70"/>
      <c r="W57" s="70"/>
      <c r="X57" s="70"/>
      <c r="Y57" s="70"/>
      <c r="Z57" s="70"/>
      <c r="AA57" s="70"/>
      <c r="AB57" s="70"/>
      <c r="AC57" s="70"/>
      <c r="AD57" s="70"/>
      <c r="AE57" s="70"/>
      <c r="AF57" s="70"/>
    </row>
    <row r="58" spans="3:32" x14ac:dyDescent="0.2">
      <c r="C58" s="70"/>
      <c r="D58" s="70"/>
      <c r="E58" s="70"/>
      <c r="F58" s="70"/>
      <c r="G58" s="70"/>
      <c r="H58" s="70"/>
      <c r="I58" s="70"/>
      <c r="J58" s="70"/>
      <c r="K58" s="70"/>
      <c r="L58" s="70"/>
      <c r="M58" s="70"/>
      <c r="N58" s="70"/>
      <c r="O58" s="70"/>
      <c r="P58" s="70"/>
      <c r="Q58" s="70"/>
      <c r="R58" s="70"/>
      <c r="S58" s="70"/>
      <c r="T58" s="70"/>
      <c r="U58" s="70"/>
      <c r="V58" s="70"/>
      <c r="W58" s="70"/>
      <c r="X58" s="70"/>
      <c r="Y58" s="70"/>
      <c r="Z58" s="70"/>
      <c r="AA58" s="70"/>
      <c r="AB58" s="70"/>
      <c r="AC58" s="70"/>
      <c r="AD58" s="70"/>
      <c r="AE58" s="70"/>
      <c r="AF58" s="70"/>
    </row>
    <row r="59" spans="3:32" x14ac:dyDescent="0.2">
      <c r="C59" s="70"/>
      <c r="D59" s="70"/>
      <c r="E59" s="70"/>
      <c r="F59" s="70"/>
      <c r="G59" s="70"/>
      <c r="H59" s="70"/>
      <c r="I59" s="70"/>
      <c r="J59" s="70"/>
      <c r="K59" s="70"/>
      <c r="L59" s="70"/>
      <c r="M59" s="70"/>
      <c r="N59" s="70"/>
      <c r="O59" s="70"/>
      <c r="P59" s="70"/>
      <c r="Q59" s="70"/>
      <c r="R59" s="70"/>
      <c r="S59" s="70"/>
      <c r="T59" s="70"/>
      <c r="U59" s="70"/>
      <c r="V59" s="70"/>
      <c r="W59" s="70"/>
      <c r="X59" s="70"/>
      <c r="Y59" s="70"/>
      <c r="Z59" s="70"/>
      <c r="AA59" s="70"/>
      <c r="AB59" s="70"/>
      <c r="AC59" s="70"/>
      <c r="AD59" s="70"/>
      <c r="AE59" s="70"/>
      <c r="AF59" s="70"/>
    </row>
    <row r="60" spans="3:32" x14ac:dyDescent="0.2">
      <c r="C60" s="70"/>
      <c r="D60" s="70"/>
      <c r="E60" s="70"/>
      <c r="F60" s="70"/>
      <c r="G60" s="70"/>
      <c r="H60" s="70"/>
      <c r="I60" s="70"/>
      <c r="J60" s="70"/>
      <c r="K60" s="70"/>
      <c r="L60" s="70"/>
      <c r="M60" s="70"/>
      <c r="N60" s="70"/>
      <c r="O60" s="70"/>
      <c r="P60" s="70"/>
      <c r="Q60" s="70"/>
      <c r="R60" s="70"/>
      <c r="S60" s="70"/>
      <c r="T60" s="70"/>
      <c r="U60" s="70"/>
      <c r="V60" s="70"/>
      <c r="W60" s="70"/>
      <c r="X60" s="70"/>
      <c r="Y60" s="70"/>
      <c r="Z60" s="70"/>
      <c r="AA60" s="70"/>
      <c r="AB60" s="70"/>
      <c r="AC60" s="70"/>
      <c r="AD60" s="70"/>
      <c r="AE60" s="70"/>
      <c r="AF60" s="70"/>
    </row>
    <row r="61" spans="3:32" x14ac:dyDescent="0.2">
      <c r="C61" s="70"/>
      <c r="D61" s="70"/>
      <c r="E61" s="70"/>
      <c r="F61" s="70"/>
      <c r="G61" s="70"/>
      <c r="H61" s="70"/>
      <c r="I61" s="70"/>
      <c r="J61" s="70"/>
      <c r="K61" s="70"/>
      <c r="L61" s="70"/>
      <c r="M61" s="70"/>
      <c r="N61" s="70"/>
      <c r="O61" s="70"/>
      <c r="P61" s="70"/>
      <c r="Q61" s="70"/>
      <c r="R61" s="70"/>
      <c r="S61" s="70"/>
      <c r="T61" s="70"/>
      <c r="U61" s="70"/>
      <c r="V61" s="70"/>
      <c r="W61" s="70"/>
      <c r="X61" s="70"/>
      <c r="Y61" s="70"/>
      <c r="Z61" s="70"/>
      <c r="AA61" s="70"/>
      <c r="AB61" s="70"/>
      <c r="AC61" s="70"/>
      <c r="AD61" s="70"/>
      <c r="AE61" s="70"/>
      <c r="AF61" s="70"/>
    </row>
    <row r="62" spans="3:32" x14ac:dyDescent="0.2">
      <c r="C62" s="70"/>
      <c r="D62" s="70"/>
      <c r="E62" s="70"/>
      <c r="F62" s="70"/>
      <c r="G62" s="70"/>
      <c r="H62" s="70"/>
      <c r="I62" s="70"/>
      <c r="J62" s="70"/>
      <c r="K62" s="70"/>
      <c r="L62" s="70"/>
      <c r="M62" s="70"/>
      <c r="N62" s="70"/>
      <c r="O62" s="70"/>
      <c r="P62" s="70"/>
      <c r="Q62" s="70"/>
      <c r="R62" s="70"/>
      <c r="S62" s="70"/>
      <c r="T62" s="70"/>
      <c r="U62" s="70"/>
      <c r="V62" s="70"/>
      <c r="W62" s="70"/>
      <c r="X62" s="70"/>
      <c r="Y62" s="70"/>
      <c r="Z62" s="70"/>
      <c r="AA62" s="70"/>
      <c r="AB62" s="70"/>
      <c r="AC62" s="70"/>
      <c r="AD62" s="70"/>
      <c r="AE62" s="70"/>
      <c r="AF62" s="70"/>
    </row>
    <row r="63" spans="3:32" x14ac:dyDescent="0.2">
      <c r="C63" s="70"/>
      <c r="D63" s="70"/>
      <c r="E63" s="70"/>
      <c r="F63" s="70"/>
      <c r="G63" s="70"/>
      <c r="H63" s="70"/>
      <c r="I63" s="70"/>
      <c r="J63" s="70"/>
      <c r="K63" s="70"/>
      <c r="L63" s="70"/>
      <c r="M63" s="70"/>
      <c r="N63" s="70"/>
      <c r="O63" s="70"/>
      <c r="P63" s="70"/>
      <c r="Q63" s="70"/>
      <c r="R63" s="70"/>
      <c r="S63" s="70"/>
      <c r="T63" s="70"/>
      <c r="U63" s="70"/>
      <c r="V63" s="70"/>
      <c r="W63" s="70"/>
      <c r="X63" s="70"/>
      <c r="Y63" s="70"/>
      <c r="Z63" s="70"/>
      <c r="AA63" s="70"/>
      <c r="AB63" s="70"/>
      <c r="AC63" s="70"/>
      <c r="AD63" s="70"/>
      <c r="AE63" s="70"/>
      <c r="AF63" s="70"/>
    </row>
    <row r="64" spans="3:32" x14ac:dyDescent="0.2">
      <c r="C64" s="70"/>
      <c r="D64" s="70"/>
      <c r="E64" s="70"/>
      <c r="F64" s="70"/>
      <c r="G64" s="70"/>
      <c r="H64" s="70"/>
      <c r="I64" s="70"/>
      <c r="J64" s="70"/>
      <c r="K64" s="70"/>
      <c r="L64" s="70"/>
      <c r="M64" s="70"/>
      <c r="N64" s="70"/>
      <c r="O64" s="70"/>
      <c r="P64" s="70"/>
      <c r="Q64" s="70"/>
      <c r="R64" s="70"/>
      <c r="S64" s="70"/>
      <c r="T64" s="70"/>
      <c r="U64" s="70"/>
      <c r="V64" s="70"/>
      <c r="W64" s="70"/>
      <c r="X64" s="70"/>
      <c r="Y64" s="70"/>
      <c r="Z64" s="70"/>
      <c r="AA64" s="70"/>
      <c r="AB64" s="70"/>
      <c r="AC64" s="70"/>
      <c r="AD64" s="70"/>
      <c r="AE64" s="70"/>
      <c r="AF64" s="70"/>
    </row>
    <row r="65" spans="3:32" x14ac:dyDescent="0.2">
      <c r="C65" s="70"/>
      <c r="D65" s="70"/>
      <c r="E65" s="70"/>
      <c r="F65" s="70"/>
      <c r="G65" s="70"/>
      <c r="H65" s="70"/>
      <c r="I65" s="70"/>
      <c r="J65" s="70"/>
      <c r="K65" s="70"/>
      <c r="L65" s="70"/>
      <c r="M65" s="70"/>
      <c r="N65" s="70"/>
      <c r="O65" s="70"/>
      <c r="P65" s="70"/>
      <c r="Q65" s="70"/>
      <c r="R65" s="70"/>
      <c r="S65" s="70"/>
      <c r="T65" s="70"/>
      <c r="U65" s="70"/>
      <c r="V65" s="70"/>
      <c r="W65" s="70"/>
      <c r="X65" s="70"/>
      <c r="Y65" s="70"/>
      <c r="Z65" s="70"/>
      <c r="AA65" s="70"/>
      <c r="AB65" s="70"/>
      <c r="AC65" s="70"/>
      <c r="AD65" s="70"/>
      <c r="AE65" s="70"/>
      <c r="AF65" s="70"/>
    </row>
    <row r="66" spans="3:32" x14ac:dyDescent="0.2">
      <c r="C66" s="70"/>
      <c r="D66" s="70"/>
      <c r="E66" s="70"/>
      <c r="F66" s="70"/>
      <c r="G66" s="70"/>
      <c r="H66" s="70"/>
      <c r="I66" s="70"/>
      <c r="J66" s="70"/>
      <c r="K66" s="70"/>
      <c r="L66" s="70"/>
      <c r="M66" s="70"/>
      <c r="N66" s="70"/>
      <c r="O66" s="70"/>
      <c r="P66" s="70"/>
      <c r="Q66" s="70"/>
      <c r="R66" s="70"/>
      <c r="S66" s="70"/>
      <c r="T66" s="70"/>
      <c r="U66" s="70"/>
      <c r="V66" s="70"/>
      <c r="W66" s="70"/>
      <c r="X66" s="70"/>
      <c r="Y66" s="70"/>
      <c r="Z66" s="70"/>
      <c r="AA66" s="70"/>
      <c r="AB66" s="70"/>
      <c r="AC66" s="70"/>
      <c r="AD66" s="70"/>
      <c r="AE66" s="70"/>
      <c r="AF66" s="70"/>
    </row>
    <row r="67" spans="3:32" x14ac:dyDescent="0.2">
      <c r="C67" s="70"/>
      <c r="D67" s="70"/>
      <c r="E67" s="70"/>
      <c r="F67" s="70"/>
      <c r="G67" s="70"/>
      <c r="H67" s="70"/>
      <c r="I67" s="70"/>
      <c r="J67" s="70"/>
      <c r="K67" s="70"/>
      <c r="L67" s="70"/>
      <c r="M67" s="70"/>
      <c r="N67" s="70"/>
      <c r="O67" s="70"/>
      <c r="P67" s="70"/>
      <c r="Q67" s="70"/>
      <c r="R67" s="70"/>
      <c r="S67" s="70"/>
      <c r="T67" s="70"/>
      <c r="U67" s="70"/>
      <c r="V67" s="70"/>
      <c r="W67" s="70"/>
      <c r="X67" s="70"/>
      <c r="Y67" s="70"/>
      <c r="Z67" s="70"/>
      <c r="AA67" s="70"/>
      <c r="AB67" s="70"/>
      <c r="AC67" s="70"/>
      <c r="AD67" s="70"/>
      <c r="AE67" s="70"/>
      <c r="AF67" s="70"/>
    </row>
    <row r="68" spans="3:32" x14ac:dyDescent="0.2">
      <c r="C68" s="70"/>
      <c r="D68" s="70"/>
      <c r="E68" s="70"/>
      <c r="F68" s="70"/>
      <c r="G68" s="70"/>
      <c r="H68" s="70"/>
      <c r="I68" s="70"/>
      <c r="J68" s="70"/>
      <c r="K68" s="70"/>
      <c r="L68" s="70"/>
      <c r="M68" s="70"/>
      <c r="N68" s="70"/>
      <c r="O68" s="70"/>
      <c r="P68" s="70"/>
      <c r="Q68" s="70"/>
      <c r="R68" s="70"/>
      <c r="S68" s="70"/>
      <c r="T68" s="70"/>
      <c r="U68" s="70"/>
      <c r="V68" s="70"/>
      <c r="W68" s="70"/>
      <c r="X68" s="70"/>
      <c r="Y68" s="70"/>
      <c r="Z68" s="70"/>
      <c r="AA68" s="70"/>
      <c r="AB68" s="70"/>
      <c r="AC68" s="70"/>
      <c r="AD68" s="70"/>
      <c r="AE68" s="70"/>
      <c r="AF68" s="70"/>
    </row>
    <row r="69" spans="3:32" x14ac:dyDescent="0.2">
      <c r="C69" s="70"/>
      <c r="D69" s="70"/>
      <c r="E69" s="70"/>
      <c r="F69" s="70"/>
      <c r="G69" s="70"/>
      <c r="H69" s="70"/>
      <c r="I69" s="70"/>
      <c r="J69" s="70"/>
      <c r="K69" s="70"/>
      <c r="L69" s="70"/>
      <c r="M69" s="70"/>
      <c r="N69" s="70"/>
      <c r="O69" s="70"/>
      <c r="P69" s="70"/>
      <c r="Q69" s="70"/>
      <c r="R69" s="70"/>
      <c r="S69" s="70"/>
      <c r="T69" s="70"/>
      <c r="U69" s="70"/>
      <c r="V69" s="70"/>
      <c r="W69" s="70"/>
      <c r="X69" s="70"/>
      <c r="Y69" s="70"/>
      <c r="Z69" s="70"/>
      <c r="AA69" s="70"/>
      <c r="AB69" s="70"/>
      <c r="AC69" s="70"/>
      <c r="AD69" s="70"/>
      <c r="AE69" s="70"/>
      <c r="AF69" s="70"/>
    </row>
    <row r="70" spans="3:32" x14ac:dyDescent="0.2">
      <c r="C70" s="70"/>
      <c r="D70" s="70"/>
      <c r="E70" s="70"/>
      <c r="F70" s="70"/>
      <c r="G70" s="70"/>
      <c r="H70" s="70"/>
      <c r="I70" s="70"/>
      <c r="J70" s="70"/>
      <c r="K70" s="70"/>
      <c r="L70" s="70"/>
      <c r="M70" s="70"/>
      <c r="N70" s="70"/>
      <c r="O70" s="70"/>
      <c r="P70" s="70"/>
      <c r="Q70" s="70"/>
      <c r="R70" s="70"/>
      <c r="S70" s="70"/>
      <c r="T70" s="70"/>
      <c r="U70" s="70"/>
      <c r="V70" s="70"/>
      <c r="W70" s="70"/>
      <c r="X70" s="70"/>
      <c r="Y70" s="70"/>
      <c r="Z70" s="70"/>
      <c r="AA70" s="70"/>
      <c r="AB70" s="70"/>
      <c r="AC70" s="70"/>
      <c r="AD70" s="70"/>
      <c r="AE70" s="70"/>
      <c r="AF70" s="70"/>
    </row>
    <row r="71" spans="3:32" x14ac:dyDescent="0.2">
      <c r="C71" s="70"/>
      <c r="D71" s="70"/>
      <c r="E71" s="70"/>
      <c r="F71" s="70"/>
      <c r="G71" s="70"/>
      <c r="H71" s="70"/>
      <c r="I71" s="70"/>
      <c r="J71" s="70"/>
      <c r="K71" s="70"/>
      <c r="L71" s="70"/>
      <c r="M71" s="70"/>
      <c r="N71" s="70"/>
      <c r="O71" s="70"/>
      <c r="P71" s="70"/>
      <c r="Q71" s="70"/>
      <c r="R71" s="70"/>
      <c r="S71" s="70"/>
      <c r="T71" s="70"/>
      <c r="U71" s="70"/>
      <c r="V71" s="70"/>
      <c r="W71" s="70"/>
      <c r="X71" s="70"/>
      <c r="Y71" s="70"/>
      <c r="Z71" s="70"/>
      <c r="AA71" s="70"/>
      <c r="AB71" s="70"/>
      <c r="AC71" s="70"/>
      <c r="AD71" s="70"/>
      <c r="AE71" s="70"/>
      <c r="AF71" s="70"/>
    </row>
    <row r="72" spans="3:32" x14ac:dyDescent="0.2">
      <c r="C72" s="70"/>
      <c r="D72" s="70"/>
      <c r="E72" s="70"/>
      <c r="F72" s="70"/>
      <c r="G72" s="70"/>
      <c r="H72" s="70"/>
      <c r="I72" s="70"/>
      <c r="J72" s="70"/>
      <c r="K72" s="70"/>
      <c r="L72" s="70"/>
      <c r="M72" s="70"/>
      <c r="N72" s="70"/>
      <c r="O72" s="70"/>
      <c r="P72" s="70"/>
      <c r="Q72" s="70"/>
      <c r="R72" s="70"/>
      <c r="S72" s="70"/>
      <c r="T72" s="70"/>
      <c r="U72" s="70"/>
      <c r="V72" s="70"/>
      <c r="W72" s="70"/>
      <c r="X72" s="70"/>
      <c r="Y72" s="70"/>
      <c r="Z72" s="70"/>
      <c r="AA72" s="70"/>
      <c r="AB72" s="70"/>
      <c r="AC72" s="70"/>
      <c r="AD72" s="70"/>
      <c r="AE72" s="70"/>
      <c r="AF72" s="70"/>
    </row>
    <row r="73" spans="3:32" x14ac:dyDescent="0.2">
      <c r="C73" s="70"/>
      <c r="D73" s="70"/>
      <c r="E73" s="70"/>
      <c r="F73" s="70"/>
      <c r="G73" s="70"/>
      <c r="H73" s="70"/>
      <c r="I73" s="70"/>
      <c r="J73" s="70"/>
      <c r="K73" s="70"/>
      <c r="L73" s="70"/>
      <c r="M73" s="70"/>
      <c r="N73" s="70"/>
      <c r="O73" s="70"/>
      <c r="P73" s="70"/>
      <c r="Q73" s="70"/>
      <c r="R73" s="70"/>
      <c r="S73" s="70"/>
      <c r="T73" s="70"/>
      <c r="U73" s="70"/>
      <c r="V73" s="70"/>
      <c r="W73" s="70"/>
      <c r="X73" s="70"/>
      <c r="Y73" s="70"/>
      <c r="Z73" s="70"/>
      <c r="AA73" s="70"/>
      <c r="AB73" s="70"/>
      <c r="AC73" s="70"/>
      <c r="AD73" s="70"/>
      <c r="AE73" s="70"/>
      <c r="AF73" s="70"/>
    </row>
    <row r="74" spans="3:32" x14ac:dyDescent="0.2">
      <c r="C74" s="70"/>
      <c r="D74" s="70"/>
      <c r="E74" s="70"/>
      <c r="F74" s="70"/>
      <c r="G74" s="70"/>
      <c r="H74" s="70"/>
      <c r="I74" s="70"/>
      <c r="J74" s="70"/>
      <c r="K74" s="70"/>
      <c r="L74" s="70"/>
      <c r="M74" s="70"/>
      <c r="N74" s="70"/>
      <c r="O74" s="70"/>
      <c r="P74" s="70"/>
      <c r="Q74" s="70"/>
      <c r="R74" s="70"/>
      <c r="S74" s="70"/>
      <c r="T74" s="70"/>
      <c r="U74" s="70"/>
      <c r="V74" s="70"/>
      <c r="W74" s="70"/>
      <c r="X74" s="70"/>
      <c r="Y74" s="70"/>
      <c r="Z74" s="70"/>
      <c r="AA74" s="70"/>
      <c r="AB74" s="70"/>
      <c r="AC74" s="70"/>
      <c r="AD74" s="70"/>
      <c r="AE74" s="70"/>
      <c r="AF74" s="70"/>
    </row>
    <row r="75" spans="3:32" x14ac:dyDescent="0.2">
      <c r="C75" s="70"/>
      <c r="D75" s="70"/>
      <c r="E75" s="70"/>
      <c r="F75" s="70"/>
      <c r="G75" s="70"/>
      <c r="H75" s="70"/>
      <c r="I75" s="70"/>
      <c r="J75" s="70"/>
      <c r="K75" s="70"/>
      <c r="L75" s="70"/>
      <c r="M75" s="70"/>
      <c r="N75" s="70"/>
      <c r="O75" s="70"/>
      <c r="P75" s="70"/>
      <c r="Q75" s="70"/>
      <c r="R75" s="70"/>
      <c r="S75" s="70"/>
      <c r="T75" s="70"/>
      <c r="U75" s="70"/>
      <c r="V75" s="70"/>
      <c r="W75" s="70"/>
      <c r="X75" s="70"/>
      <c r="Y75" s="70"/>
      <c r="Z75" s="70"/>
      <c r="AA75" s="70"/>
      <c r="AB75" s="70"/>
      <c r="AC75" s="70"/>
      <c r="AD75" s="70"/>
      <c r="AE75" s="70"/>
      <c r="AF75" s="70"/>
    </row>
    <row r="76" spans="3:32" x14ac:dyDescent="0.2">
      <c r="C76" s="70"/>
      <c r="D76" s="70"/>
      <c r="E76" s="70"/>
      <c r="F76" s="70"/>
      <c r="G76" s="70"/>
      <c r="H76" s="70"/>
      <c r="I76" s="70"/>
      <c r="J76" s="70"/>
      <c r="K76" s="70"/>
      <c r="L76" s="70"/>
      <c r="M76" s="70"/>
      <c r="N76" s="70"/>
      <c r="O76" s="70"/>
      <c r="P76" s="70"/>
      <c r="Q76" s="70"/>
      <c r="R76" s="70"/>
      <c r="S76" s="70"/>
      <c r="T76" s="70"/>
      <c r="U76" s="70"/>
      <c r="V76" s="70"/>
      <c r="W76" s="70"/>
      <c r="X76" s="70"/>
      <c r="Y76" s="70"/>
      <c r="Z76" s="70"/>
      <c r="AA76" s="70"/>
      <c r="AB76" s="70"/>
      <c r="AC76" s="70"/>
      <c r="AD76" s="70"/>
      <c r="AE76" s="70"/>
      <c r="AF76" s="70"/>
    </row>
    <row r="77" spans="3:32" x14ac:dyDescent="0.2">
      <c r="C77" s="70"/>
      <c r="D77" s="70"/>
      <c r="E77" s="70"/>
      <c r="F77" s="70"/>
      <c r="G77" s="70"/>
      <c r="H77" s="70"/>
      <c r="I77" s="70"/>
      <c r="J77" s="70"/>
      <c r="K77" s="70"/>
      <c r="L77" s="70"/>
      <c r="M77" s="70"/>
      <c r="N77" s="70"/>
      <c r="O77" s="70"/>
      <c r="P77" s="70"/>
      <c r="Q77" s="70"/>
      <c r="R77" s="70"/>
      <c r="S77" s="70"/>
      <c r="T77" s="70"/>
      <c r="U77" s="70"/>
      <c r="V77" s="70"/>
      <c r="W77" s="70"/>
      <c r="X77" s="70"/>
      <c r="Y77" s="70"/>
      <c r="Z77" s="70"/>
      <c r="AA77" s="70"/>
      <c r="AB77" s="70"/>
      <c r="AC77" s="70"/>
      <c r="AD77" s="70"/>
      <c r="AE77" s="70"/>
      <c r="AF77" s="70"/>
    </row>
    <row r="78" spans="3:32" x14ac:dyDescent="0.2">
      <c r="C78" s="70"/>
      <c r="D78" s="70"/>
      <c r="E78" s="70"/>
      <c r="F78" s="70"/>
      <c r="G78" s="70"/>
      <c r="H78" s="70"/>
      <c r="I78" s="70"/>
      <c r="J78" s="70"/>
      <c r="K78" s="70"/>
      <c r="L78" s="70"/>
      <c r="M78" s="70"/>
      <c r="N78" s="70"/>
      <c r="O78" s="70"/>
      <c r="P78" s="70"/>
      <c r="Q78" s="70"/>
      <c r="R78" s="70"/>
      <c r="S78" s="70"/>
      <c r="T78" s="70"/>
      <c r="U78" s="70"/>
      <c r="V78" s="70"/>
      <c r="W78" s="70"/>
      <c r="X78" s="70"/>
      <c r="Y78" s="70"/>
      <c r="Z78" s="70"/>
      <c r="AA78" s="70"/>
      <c r="AB78" s="70"/>
      <c r="AC78" s="70"/>
      <c r="AD78" s="70"/>
      <c r="AE78" s="70"/>
      <c r="AF78" s="70"/>
    </row>
    <row r="79" spans="3:32" x14ac:dyDescent="0.2">
      <c r="C79" s="70"/>
      <c r="D79" s="70"/>
      <c r="E79" s="70"/>
      <c r="F79" s="70"/>
      <c r="G79" s="70"/>
      <c r="H79" s="70"/>
      <c r="I79" s="70"/>
      <c r="J79" s="70"/>
      <c r="K79" s="70"/>
      <c r="L79" s="70"/>
      <c r="M79" s="70"/>
      <c r="N79" s="70"/>
      <c r="O79" s="70"/>
      <c r="P79" s="70"/>
      <c r="Q79" s="70"/>
      <c r="R79" s="70"/>
      <c r="S79" s="70"/>
      <c r="T79" s="70"/>
      <c r="U79" s="70"/>
      <c r="V79" s="70"/>
      <c r="W79" s="70"/>
      <c r="X79" s="70"/>
      <c r="Y79" s="70"/>
      <c r="Z79" s="70"/>
      <c r="AA79" s="70"/>
      <c r="AB79" s="70"/>
      <c r="AC79" s="70"/>
      <c r="AD79" s="70"/>
      <c r="AE79" s="70"/>
      <c r="AF79" s="70"/>
    </row>
    <row r="80" spans="3:32" x14ac:dyDescent="0.2">
      <c r="C80" s="70"/>
      <c r="D80" s="70"/>
      <c r="E80" s="70"/>
      <c r="F80" s="70"/>
      <c r="G80" s="70"/>
      <c r="H80" s="70"/>
      <c r="I80" s="70"/>
      <c r="J80" s="70"/>
      <c r="K80" s="70"/>
      <c r="L80" s="70"/>
      <c r="M80" s="70"/>
      <c r="N80" s="70"/>
      <c r="O80" s="70"/>
      <c r="P80" s="70"/>
      <c r="Q80" s="70"/>
      <c r="R80" s="70"/>
      <c r="S80" s="70"/>
      <c r="T80" s="70"/>
      <c r="U80" s="70"/>
      <c r="V80" s="70"/>
      <c r="W80" s="70"/>
      <c r="X80" s="70"/>
      <c r="Y80" s="70"/>
      <c r="Z80" s="70"/>
      <c r="AA80" s="70"/>
      <c r="AB80" s="70"/>
      <c r="AC80" s="70"/>
      <c r="AD80" s="70"/>
      <c r="AE80" s="70"/>
      <c r="AF80" s="70"/>
    </row>
    <row r="81" spans="3:32" x14ac:dyDescent="0.2">
      <c r="C81" s="70"/>
      <c r="D81" s="70"/>
      <c r="E81" s="70"/>
      <c r="F81" s="70"/>
      <c r="G81" s="70"/>
      <c r="H81" s="70"/>
      <c r="I81" s="70"/>
      <c r="J81" s="70"/>
      <c r="K81" s="70"/>
      <c r="L81" s="70"/>
      <c r="M81" s="70"/>
      <c r="N81" s="70"/>
      <c r="O81" s="70"/>
      <c r="P81" s="70"/>
      <c r="Q81" s="70"/>
      <c r="R81" s="70"/>
      <c r="S81" s="70"/>
      <c r="T81" s="70"/>
      <c r="U81" s="70"/>
      <c r="V81" s="70"/>
      <c r="W81" s="70"/>
      <c r="X81" s="70"/>
      <c r="Y81" s="70"/>
      <c r="Z81" s="70"/>
      <c r="AA81" s="70"/>
      <c r="AB81" s="70"/>
      <c r="AC81" s="70"/>
      <c r="AD81" s="70"/>
      <c r="AE81" s="70"/>
      <c r="AF81" s="70"/>
    </row>
    <row r="82" spans="3:32" x14ac:dyDescent="0.2">
      <c r="C82" s="70"/>
      <c r="D82" s="70"/>
      <c r="E82" s="70"/>
      <c r="F82" s="70"/>
      <c r="G82" s="70"/>
      <c r="H82" s="70"/>
      <c r="I82" s="70"/>
      <c r="J82" s="70"/>
      <c r="K82" s="70"/>
      <c r="L82" s="70"/>
      <c r="M82" s="70"/>
      <c r="N82" s="70"/>
      <c r="O82" s="70"/>
      <c r="P82" s="70"/>
      <c r="Q82" s="70"/>
      <c r="R82" s="70"/>
      <c r="S82" s="70"/>
      <c r="T82" s="70"/>
      <c r="U82" s="70"/>
      <c r="V82" s="70"/>
      <c r="W82" s="70"/>
      <c r="X82" s="70"/>
      <c r="Y82" s="70"/>
      <c r="Z82" s="70"/>
      <c r="AA82" s="70"/>
      <c r="AB82" s="70"/>
      <c r="AC82" s="70"/>
      <c r="AD82" s="70"/>
      <c r="AE82" s="70"/>
      <c r="AF82" s="70"/>
    </row>
    <row r="83" spans="3:32" x14ac:dyDescent="0.2">
      <c r="C83" s="70"/>
      <c r="D83" s="70"/>
      <c r="E83" s="70"/>
      <c r="F83" s="70"/>
      <c r="G83" s="70"/>
      <c r="H83" s="70"/>
      <c r="I83" s="70"/>
      <c r="J83" s="70"/>
      <c r="K83" s="70"/>
      <c r="L83" s="70"/>
      <c r="M83" s="70"/>
      <c r="N83" s="70"/>
      <c r="O83" s="70"/>
      <c r="P83" s="70"/>
      <c r="Q83" s="70"/>
      <c r="R83" s="70"/>
      <c r="S83" s="70"/>
      <c r="T83" s="70"/>
      <c r="U83" s="70"/>
      <c r="V83" s="70"/>
      <c r="W83" s="70"/>
      <c r="X83" s="70"/>
      <c r="Y83" s="70"/>
      <c r="Z83" s="70"/>
      <c r="AA83" s="70"/>
      <c r="AB83" s="70"/>
      <c r="AC83" s="70"/>
      <c r="AD83" s="70"/>
      <c r="AE83" s="70"/>
      <c r="AF83" s="70"/>
    </row>
    <row r="84" spans="3:32" x14ac:dyDescent="0.2">
      <c r="C84" s="70"/>
      <c r="D84" s="70"/>
      <c r="E84" s="70"/>
      <c r="F84" s="70"/>
      <c r="G84" s="70"/>
      <c r="H84" s="70"/>
      <c r="I84" s="70"/>
      <c r="J84" s="70"/>
      <c r="K84" s="70"/>
      <c r="L84" s="70"/>
      <c r="M84" s="70"/>
      <c r="N84" s="70"/>
      <c r="O84" s="70"/>
      <c r="P84" s="70"/>
      <c r="Q84" s="70"/>
      <c r="R84" s="70"/>
      <c r="S84" s="70"/>
      <c r="T84" s="70"/>
      <c r="U84" s="70"/>
      <c r="V84" s="70"/>
      <c r="W84" s="70"/>
      <c r="X84" s="70"/>
      <c r="Y84" s="70"/>
      <c r="Z84" s="70"/>
      <c r="AA84" s="70"/>
      <c r="AB84" s="70"/>
      <c r="AC84" s="70"/>
      <c r="AD84" s="70"/>
      <c r="AE84" s="70"/>
      <c r="AF84" s="70"/>
    </row>
    <row r="85" spans="3:32" x14ac:dyDescent="0.2">
      <c r="C85" s="70"/>
      <c r="D85" s="70"/>
      <c r="E85" s="70"/>
      <c r="F85" s="70"/>
      <c r="G85" s="70"/>
      <c r="H85" s="70"/>
      <c r="I85" s="70"/>
      <c r="J85" s="70"/>
      <c r="K85" s="70"/>
      <c r="L85" s="70"/>
      <c r="M85" s="70"/>
      <c r="N85" s="70"/>
      <c r="O85" s="70"/>
      <c r="P85" s="70"/>
      <c r="Q85" s="70"/>
      <c r="R85" s="70"/>
      <c r="S85" s="70"/>
      <c r="T85" s="70"/>
      <c r="U85" s="70"/>
      <c r="V85" s="70"/>
      <c r="W85" s="70"/>
      <c r="X85" s="70"/>
      <c r="Y85" s="70"/>
      <c r="Z85" s="70"/>
      <c r="AA85" s="70"/>
      <c r="AB85" s="70"/>
      <c r="AC85" s="70"/>
      <c r="AD85" s="70"/>
      <c r="AE85" s="70"/>
      <c r="AF85" s="70"/>
    </row>
    <row r="86" spans="3:32" x14ac:dyDescent="0.2">
      <c r="C86" s="70"/>
      <c r="D86" s="70"/>
      <c r="E86" s="70"/>
      <c r="F86" s="70"/>
      <c r="G86" s="70"/>
      <c r="H86" s="70"/>
      <c r="I86" s="70"/>
      <c r="J86" s="70"/>
      <c r="K86" s="70"/>
      <c r="L86" s="70"/>
      <c r="M86" s="70"/>
      <c r="N86" s="70"/>
      <c r="O86" s="70"/>
      <c r="P86" s="70"/>
      <c r="Q86" s="70"/>
      <c r="R86" s="70"/>
      <c r="S86" s="70"/>
      <c r="T86" s="70"/>
      <c r="U86" s="70"/>
      <c r="V86" s="70"/>
      <c r="W86" s="70"/>
      <c r="X86" s="70"/>
      <c r="Y86" s="70"/>
      <c r="Z86" s="70"/>
      <c r="AA86" s="70"/>
      <c r="AB86" s="70"/>
      <c r="AC86" s="70"/>
      <c r="AD86" s="70"/>
      <c r="AE86" s="70"/>
      <c r="AF86" s="70"/>
    </row>
    <row r="87" spans="3:32" x14ac:dyDescent="0.2">
      <c r="C87" s="70"/>
      <c r="D87" s="70"/>
      <c r="E87" s="70"/>
      <c r="F87" s="70"/>
      <c r="G87" s="70"/>
      <c r="H87" s="70"/>
      <c r="I87" s="70"/>
      <c r="J87" s="70"/>
      <c r="K87" s="70"/>
      <c r="L87" s="70"/>
      <c r="M87" s="70"/>
      <c r="N87" s="70"/>
      <c r="O87" s="70"/>
      <c r="P87" s="70"/>
      <c r="Q87" s="70"/>
      <c r="R87" s="70"/>
      <c r="S87" s="70"/>
      <c r="T87" s="70"/>
      <c r="U87" s="70"/>
      <c r="V87" s="70"/>
      <c r="W87" s="70"/>
      <c r="X87" s="70"/>
      <c r="Y87" s="70"/>
      <c r="Z87" s="70"/>
      <c r="AA87" s="70"/>
      <c r="AB87" s="70"/>
      <c r="AC87" s="70"/>
      <c r="AD87" s="70"/>
      <c r="AE87" s="70"/>
      <c r="AF87" s="70"/>
    </row>
    <row r="88" spans="3:32" x14ac:dyDescent="0.2">
      <c r="C88" s="70"/>
      <c r="D88" s="70"/>
      <c r="E88" s="70"/>
      <c r="F88" s="70"/>
      <c r="G88" s="70"/>
      <c r="H88" s="70"/>
      <c r="I88" s="70"/>
      <c r="J88" s="70"/>
      <c r="K88" s="70"/>
      <c r="L88" s="70"/>
      <c r="M88" s="70"/>
      <c r="N88" s="70"/>
      <c r="O88" s="70"/>
      <c r="P88" s="70"/>
      <c r="Q88" s="70"/>
      <c r="R88" s="70"/>
      <c r="S88" s="70"/>
      <c r="T88" s="70"/>
      <c r="U88" s="70"/>
      <c r="V88" s="70"/>
      <c r="W88" s="70"/>
      <c r="X88" s="70"/>
      <c r="Y88" s="70"/>
      <c r="Z88" s="70"/>
      <c r="AA88" s="70"/>
      <c r="AB88" s="70"/>
      <c r="AC88" s="70"/>
      <c r="AD88" s="70"/>
      <c r="AE88" s="70"/>
      <c r="AF88" s="70"/>
    </row>
    <row r="89" spans="3:32" x14ac:dyDescent="0.2">
      <c r="C89" s="70"/>
      <c r="D89" s="70"/>
      <c r="E89" s="70"/>
      <c r="F89" s="70"/>
      <c r="G89" s="70"/>
      <c r="H89" s="70"/>
      <c r="I89" s="70"/>
      <c r="J89" s="70"/>
      <c r="K89" s="70"/>
      <c r="L89" s="70"/>
      <c r="M89" s="70"/>
      <c r="N89" s="70"/>
      <c r="O89" s="70"/>
      <c r="P89" s="70"/>
      <c r="Q89" s="70"/>
      <c r="R89" s="70"/>
      <c r="S89" s="70"/>
      <c r="T89" s="70"/>
      <c r="U89" s="70"/>
      <c r="V89" s="70"/>
      <c r="W89" s="70"/>
      <c r="X89" s="70"/>
      <c r="Y89" s="70"/>
      <c r="Z89" s="70"/>
      <c r="AA89" s="70"/>
      <c r="AB89" s="70"/>
      <c r="AC89" s="70"/>
      <c r="AD89" s="70"/>
      <c r="AE89" s="70"/>
      <c r="AF89" s="70"/>
    </row>
    <row r="90" spans="3:32" x14ac:dyDescent="0.2">
      <c r="C90" s="70"/>
      <c r="D90" s="70"/>
      <c r="E90" s="70"/>
      <c r="F90" s="70"/>
      <c r="G90" s="70"/>
      <c r="H90" s="70"/>
      <c r="I90" s="70"/>
      <c r="J90" s="70"/>
      <c r="K90" s="70"/>
      <c r="L90" s="70"/>
      <c r="M90" s="70"/>
      <c r="N90" s="70"/>
      <c r="O90" s="70"/>
      <c r="P90" s="70"/>
      <c r="Q90" s="70"/>
      <c r="R90" s="70"/>
      <c r="S90" s="70"/>
      <c r="T90" s="70"/>
      <c r="U90" s="70"/>
      <c r="V90" s="70"/>
      <c r="W90" s="70"/>
      <c r="X90" s="70"/>
      <c r="Y90" s="70"/>
      <c r="Z90" s="70"/>
      <c r="AA90" s="70"/>
      <c r="AB90" s="70"/>
      <c r="AC90" s="70"/>
      <c r="AD90" s="70"/>
      <c r="AE90" s="70"/>
      <c r="AF90" s="70"/>
    </row>
    <row r="91" spans="3:32" x14ac:dyDescent="0.2">
      <c r="C91" s="70"/>
      <c r="D91" s="70"/>
      <c r="E91" s="70"/>
      <c r="F91" s="70"/>
      <c r="G91" s="70"/>
      <c r="H91" s="70"/>
      <c r="I91" s="70"/>
      <c r="J91" s="70"/>
      <c r="K91" s="70"/>
      <c r="L91" s="70"/>
      <c r="M91" s="70"/>
      <c r="N91" s="70"/>
      <c r="O91" s="70"/>
      <c r="P91" s="70"/>
      <c r="Q91" s="70"/>
      <c r="R91" s="70"/>
      <c r="S91" s="70"/>
      <c r="T91" s="70"/>
      <c r="U91" s="70"/>
      <c r="V91" s="70"/>
      <c r="W91" s="70"/>
      <c r="X91" s="70"/>
      <c r="Y91" s="70"/>
      <c r="Z91" s="70"/>
      <c r="AA91" s="70"/>
      <c r="AB91" s="70"/>
      <c r="AC91" s="70"/>
      <c r="AD91" s="70"/>
      <c r="AE91" s="70"/>
      <c r="AF91" s="70"/>
    </row>
    <row r="92" spans="3:32" x14ac:dyDescent="0.2">
      <c r="C92" s="70"/>
      <c r="D92" s="70"/>
      <c r="E92" s="70"/>
      <c r="F92" s="70"/>
      <c r="G92" s="70"/>
      <c r="H92" s="70"/>
      <c r="I92" s="70"/>
      <c r="J92" s="70"/>
      <c r="K92" s="70"/>
      <c r="L92" s="70"/>
      <c r="M92" s="70"/>
      <c r="N92" s="70"/>
      <c r="O92" s="70"/>
      <c r="P92" s="70"/>
      <c r="Q92" s="70"/>
      <c r="R92" s="70"/>
      <c r="S92" s="70"/>
      <c r="T92" s="70"/>
      <c r="U92" s="70"/>
      <c r="V92" s="70"/>
      <c r="W92" s="70"/>
      <c r="X92" s="70"/>
      <c r="Y92" s="70"/>
      <c r="Z92" s="70"/>
      <c r="AA92" s="70"/>
      <c r="AB92" s="70"/>
      <c r="AC92" s="70"/>
      <c r="AD92" s="70"/>
      <c r="AE92" s="70"/>
      <c r="AF92" s="70"/>
    </row>
    <row r="93" spans="3:32" x14ac:dyDescent="0.2">
      <c r="C93" s="70"/>
      <c r="D93" s="70"/>
      <c r="E93" s="70"/>
      <c r="F93" s="70"/>
      <c r="G93" s="70"/>
      <c r="H93" s="70"/>
      <c r="I93" s="70"/>
      <c r="J93" s="70"/>
      <c r="K93" s="70"/>
      <c r="L93" s="70"/>
      <c r="M93" s="70"/>
      <c r="N93" s="70"/>
      <c r="O93" s="70"/>
      <c r="P93" s="70"/>
      <c r="Q93" s="70"/>
      <c r="R93" s="70"/>
      <c r="S93" s="70"/>
      <c r="T93" s="70"/>
      <c r="U93" s="70"/>
      <c r="V93" s="70"/>
      <c r="W93" s="70"/>
      <c r="X93" s="70"/>
      <c r="Y93" s="70"/>
      <c r="Z93" s="70"/>
      <c r="AA93" s="70"/>
      <c r="AB93" s="70"/>
      <c r="AC93" s="70"/>
      <c r="AD93" s="70"/>
      <c r="AE93" s="70"/>
      <c r="AF93" s="70"/>
    </row>
    <row r="94" spans="3:32" x14ac:dyDescent="0.2">
      <c r="C94" s="70"/>
      <c r="D94" s="70"/>
      <c r="E94" s="70"/>
      <c r="F94" s="70"/>
      <c r="G94" s="70"/>
      <c r="H94" s="70"/>
      <c r="I94" s="70"/>
      <c r="J94" s="70"/>
      <c r="K94" s="70"/>
      <c r="L94" s="70"/>
      <c r="M94" s="70"/>
      <c r="N94" s="70"/>
      <c r="O94" s="70"/>
      <c r="P94" s="70"/>
      <c r="Q94" s="70"/>
      <c r="R94" s="70"/>
      <c r="S94" s="70"/>
      <c r="T94" s="70"/>
      <c r="U94" s="70"/>
      <c r="V94" s="70"/>
      <c r="W94" s="70"/>
      <c r="X94" s="70"/>
      <c r="Y94" s="70"/>
      <c r="Z94" s="70"/>
      <c r="AA94" s="70"/>
      <c r="AB94" s="70"/>
      <c r="AC94" s="70"/>
      <c r="AD94" s="70"/>
      <c r="AE94" s="70"/>
      <c r="AF94" s="70"/>
    </row>
    <row r="95" spans="3:32" x14ac:dyDescent="0.2">
      <c r="C95" s="70"/>
      <c r="D95" s="70"/>
      <c r="E95" s="70"/>
      <c r="F95" s="70"/>
      <c r="G95" s="70"/>
      <c r="H95" s="70"/>
      <c r="I95" s="70"/>
      <c r="J95" s="70"/>
      <c r="K95" s="70"/>
      <c r="L95" s="70"/>
      <c r="M95" s="70"/>
      <c r="N95" s="70"/>
      <c r="O95" s="70"/>
      <c r="P95" s="70"/>
      <c r="Q95" s="70"/>
      <c r="R95" s="70"/>
      <c r="S95" s="70"/>
      <c r="T95" s="70"/>
      <c r="U95" s="70"/>
      <c r="V95" s="70"/>
      <c r="W95" s="70"/>
      <c r="X95" s="70"/>
      <c r="Y95" s="70"/>
      <c r="Z95" s="70"/>
      <c r="AA95" s="70"/>
      <c r="AB95" s="70"/>
      <c r="AC95" s="70"/>
      <c r="AD95" s="70"/>
      <c r="AE95" s="70"/>
      <c r="AF95" s="70"/>
    </row>
    <row r="96" spans="3:32" x14ac:dyDescent="0.2">
      <c r="C96" s="70"/>
      <c r="D96" s="70"/>
      <c r="E96" s="70"/>
      <c r="F96" s="70"/>
      <c r="G96" s="70"/>
      <c r="H96" s="70"/>
      <c r="I96" s="70"/>
      <c r="J96" s="70"/>
      <c r="K96" s="70"/>
      <c r="L96" s="70"/>
      <c r="M96" s="70"/>
      <c r="N96" s="70"/>
      <c r="O96" s="70"/>
      <c r="P96" s="70"/>
      <c r="Q96" s="70"/>
      <c r="R96" s="70"/>
      <c r="S96" s="70"/>
      <c r="T96" s="70"/>
      <c r="U96" s="70"/>
      <c r="V96" s="70"/>
      <c r="W96" s="70"/>
      <c r="X96" s="70"/>
      <c r="Y96" s="70"/>
      <c r="Z96" s="70"/>
      <c r="AA96" s="70"/>
      <c r="AB96" s="70"/>
      <c r="AC96" s="70"/>
      <c r="AD96" s="70"/>
      <c r="AE96" s="70"/>
      <c r="AF96" s="70"/>
    </row>
    <row r="97" spans="3:32" x14ac:dyDescent="0.2">
      <c r="C97" s="70"/>
      <c r="D97" s="70"/>
      <c r="E97" s="70"/>
      <c r="F97" s="70"/>
      <c r="G97" s="70"/>
      <c r="H97" s="70"/>
      <c r="I97" s="70"/>
      <c r="J97" s="70"/>
      <c r="K97" s="70"/>
      <c r="L97" s="70"/>
      <c r="M97" s="70"/>
      <c r="N97" s="70"/>
      <c r="O97" s="70"/>
      <c r="P97" s="70"/>
      <c r="Q97" s="70"/>
      <c r="R97" s="70"/>
      <c r="S97" s="70"/>
      <c r="T97" s="70"/>
      <c r="U97" s="70"/>
      <c r="V97" s="70"/>
      <c r="W97" s="70"/>
      <c r="X97" s="70"/>
      <c r="Y97" s="70"/>
      <c r="Z97" s="70"/>
      <c r="AA97" s="70"/>
      <c r="AB97" s="70"/>
      <c r="AC97" s="70"/>
      <c r="AD97" s="70"/>
      <c r="AE97" s="70"/>
      <c r="AF97" s="70"/>
    </row>
    <row r="98" spans="3:32" x14ac:dyDescent="0.2">
      <c r="C98" s="70"/>
      <c r="D98" s="70"/>
      <c r="E98" s="70"/>
      <c r="F98" s="70"/>
      <c r="G98" s="70"/>
      <c r="H98" s="70"/>
      <c r="I98" s="70"/>
      <c r="J98" s="70"/>
      <c r="K98" s="70"/>
      <c r="L98" s="70"/>
      <c r="M98" s="70"/>
      <c r="N98" s="70"/>
      <c r="O98" s="70"/>
      <c r="P98" s="70"/>
      <c r="Q98" s="70"/>
      <c r="R98" s="70"/>
      <c r="S98" s="70"/>
      <c r="T98" s="70"/>
      <c r="U98" s="70"/>
      <c r="V98" s="70"/>
      <c r="W98" s="70"/>
      <c r="X98" s="70"/>
      <c r="Y98" s="70"/>
      <c r="Z98" s="70"/>
      <c r="AA98" s="70"/>
      <c r="AB98" s="70"/>
      <c r="AC98" s="70"/>
      <c r="AD98" s="70"/>
      <c r="AE98" s="70"/>
      <c r="AF98" s="70"/>
    </row>
    <row r="99" spans="3:32" x14ac:dyDescent="0.2">
      <c r="C99" s="70"/>
      <c r="D99" s="70"/>
      <c r="E99" s="70"/>
      <c r="F99" s="70"/>
      <c r="G99" s="70"/>
      <c r="H99" s="70"/>
      <c r="I99" s="70"/>
      <c r="J99" s="70"/>
      <c r="K99" s="70"/>
      <c r="L99" s="70"/>
      <c r="M99" s="70"/>
      <c r="N99" s="70"/>
      <c r="O99" s="70"/>
      <c r="P99" s="70"/>
      <c r="Q99" s="70"/>
      <c r="R99" s="70"/>
      <c r="S99" s="70"/>
      <c r="T99" s="70"/>
      <c r="U99" s="70"/>
      <c r="V99" s="70"/>
      <c r="W99" s="70"/>
      <c r="X99" s="70"/>
      <c r="Y99" s="70"/>
      <c r="Z99" s="70"/>
      <c r="AA99" s="70"/>
      <c r="AB99" s="70"/>
      <c r="AC99" s="70"/>
      <c r="AD99" s="70"/>
      <c r="AE99" s="70"/>
      <c r="AF99" s="70"/>
    </row>
    <row r="100" spans="3:32" x14ac:dyDescent="0.2">
      <c r="C100" s="70"/>
      <c r="D100" s="70"/>
      <c r="E100" s="70"/>
      <c r="F100" s="70"/>
      <c r="G100" s="70"/>
      <c r="H100" s="70"/>
      <c r="I100" s="70"/>
      <c r="J100" s="70"/>
      <c r="K100" s="70"/>
      <c r="L100" s="70"/>
      <c r="M100" s="70"/>
      <c r="N100" s="70"/>
      <c r="O100" s="70"/>
      <c r="P100" s="70"/>
      <c r="Q100" s="70"/>
      <c r="R100" s="70"/>
      <c r="S100" s="70"/>
      <c r="T100" s="70"/>
      <c r="U100" s="70"/>
      <c r="V100" s="70"/>
      <c r="W100" s="70"/>
      <c r="X100" s="70"/>
      <c r="Y100" s="70"/>
      <c r="Z100" s="70"/>
      <c r="AA100" s="70"/>
      <c r="AB100" s="70"/>
      <c r="AC100" s="70"/>
      <c r="AD100" s="70"/>
      <c r="AE100" s="70"/>
      <c r="AF100" s="70"/>
    </row>
    <row r="101" spans="3:32" x14ac:dyDescent="0.2">
      <c r="C101" s="70"/>
      <c r="D101" s="70"/>
      <c r="E101" s="70"/>
      <c r="F101" s="70"/>
      <c r="G101" s="70"/>
      <c r="H101" s="70"/>
      <c r="I101" s="70"/>
      <c r="J101" s="70"/>
      <c r="K101" s="70"/>
      <c r="L101" s="70"/>
      <c r="M101" s="70"/>
      <c r="N101" s="70"/>
      <c r="O101" s="70"/>
      <c r="P101" s="70"/>
      <c r="Q101" s="70"/>
      <c r="R101" s="70"/>
      <c r="S101" s="70"/>
      <c r="T101" s="70"/>
      <c r="U101" s="70"/>
      <c r="V101" s="70"/>
      <c r="W101" s="70"/>
      <c r="X101" s="70"/>
      <c r="Y101" s="70"/>
      <c r="Z101" s="70"/>
      <c r="AA101" s="70"/>
      <c r="AB101" s="70"/>
      <c r="AC101" s="70"/>
      <c r="AD101" s="70"/>
      <c r="AE101" s="70"/>
      <c r="AF101" s="70"/>
    </row>
    <row r="102" spans="3:32" x14ac:dyDescent="0.2">
      <c r="C102" s="70"/>
      <c r="D102" s="70"/>
      <c r="E102" s="70"/>
      <c r="F102" s="70"/>
      <c r="G102" s="70"/>
      <c r="H102" s="70"/>
      <c r="I102" s="70"/>
      <c r="J102" s="70"/>
      <c r="K102" s="70"/>
      <c r="L102" s="70"/>
      <c r="M102" s="70"/>
      <c r="N102" s="70"/>
      <c r="O102" s="70"/>
      <c r="P102" s="70"/>
      <c r="Q102" s="70"/>
      <c r="R102" s="70"/>
      <c r="S102" s="70"/>
      <c r="T102" s="70"/>
      <c r="U102" s="70"/>
      <c r="V102" s="70"/>
      <c r="W102" s="70"/>
      <c r="X102" s="70"/>
      <c r="Y102" s="70"/>
      <c r="Z102" s="70"/>
      <c r="AA102" s="70"/>
      <c r="AB102" s="70"/>
      <c r="AC102" s="70"/>
      <c r="AD102" s="70"/>
      <c r="AE102" s="70"/>
      <c r="AF102" s="70"/>
    </row>
    <row r="103" spans="3:32" x14ac:dyDescent="0.2">
      <c r="C103" s="70"/>
      <c r="D103" s="70"/>
      <c r="E103" s="70"/>
      <c r="F103" s="70"/>
      <c r="G103" s="70"/>
      <c r="H103" s="70"/>
      <c r="I103" s="70"/>
      <c r="J103" s="70"/>
      <c r="K103" s="70"/>
      <c r="L103" s="70"/>
      <c r="M103" s="70"/>
      <c r="N103" s="70"/>
      <c r="O103" s="70"/>
      <c r="P103" s="70"/>
      <c r="Q103" s="70"/>
      <c r="R103" s="70"/>
      <c r="S103" s="70"/>
      <c r="T103" s="70"/>
      <c r="U103" s="70"/>
      <c r="V103" s="70"/>
      <c r="W103" s="70"/>
      <c r="X103" s="70"/>
      <c r="Y103" s="70"/>
      <c r="Z103" s="70"/>
      <c r="AA103" s="70"/>
      <c r="AB103" s="70"/>
      <c r="AC103" s="70"/>
      <c r="AD103" s="70"/>
      <c r="AE103" s="70"/>
      <c r="AF103" s="70"/>
    </row>
    <row r="104" spans="3:32" x14ac:dyDescent="0.2">
      <c r="C104" s="70"/>
      <c r="D104" s="70"/>
      <c r="E104" s="70"/>
      <c r="F104" s="70"/>
      <c r="G104" s="70"/>
      <c r="H104" s="70"/>
      <c r="I104" s="70"/>
      <c r="J104" s="70"/>
      <c r="K104" s="70"/>
      <c r="L104" s="70"/>
      <c r="M104" s="70"/>
      <c r="N104" s="70"/>
      <c r="O104" s="70"/>
      <c r="P104" s="70"/>
      <c r="Q104" s="70"/>
      <c r="R104" s="70"/>
      <c r="S104" s="70"/>
      <c r="T104" s="70"/>
      <c r="U104" s="70"/>
      <c r="V104" s="70"/>
      <c r="W104" s="70"/>
      <c r="X104" s="70"/>
      <c r="Y104" s="70"/>
      <c r="Z104" s="70"/>
      <c r="AA104" s="70"/>
      <c r="AB104" s="70"/>
      <c r="AC104" s="70"/>
      <c r="AD104" s="70"/>
      <c r="AE104" s="70"/>
      <c r="AF104" s="70"/>
    </row>
    <row r="105" spans="3:32" x14ac:dyDescent="0.2">
      <c r="C105" s="70"/>
      <c r="D105" s="70"/>
      <c r="E105" s="70"/>
      <c r="F105" s="70"/>
      <c r="G105" s="70"/>
      <c r="H105" s="70"/>
      <c r="I105" s="70"/>
      <c r="J105" s="70"/>
      <c r="K105" s="70"/>
      <c r="L105" s="70"/>
      <c r="M105" s="70"/>
      <c r="N105" s="70"/>
      <c r="O105" s="70"/>
      <c r="P105" s="70"/>
      <c r="Q105" s="70"/>
      <c r="R105" s="70"/>
      <c r="S105" s="70"/>
      <c r="T105" s="70"/>
      <c r="U105" s="70"/>
      <c r="V105" s="70"/>
      <c r="W105" s="70"/>
      <c r="X105" s="70"/>
      <c r="Y105" s="70"/>
      <c r="Z105" s="70"/>
      <c r="AA105" s="70"/>
      <c r="AB105" s="70"/>
      <c r="AC105" s="70"/>
      <c r="AD105" s="70"/>
      <c r="AE105" s="70"/>
      <c r="AF105" s="70"/>
    </row>
    <row r="106" spans="3:32" x14ac:dyDescent="0.2">
      <c r="C106" s="70"/>
      <c r="D106" s="70"/>
      <c r="E106" s="70"/>
      <c r="F106" s="70"/>
      <c r="G106" s="70"/>
      <c r="H106" s="70"/>
      <c r="I106" s="70"/>
      <c r="J106" s="70"/>
      <c r="K106" s="70"/>
      <c r="L106" s="70"/>
      <c r="M106" s="70"/>
      <c r="N106" s="70"/>
      <c r="O106" s="70"/>
      <c r="P106" s="70"/>
      <c r="Q106" s="70"/>
      <c r="R106" s="70"/>
      <c r="S106" s="70"/>
      <c r="T106" s="70"/>
      <c r="U106" s="70"/>
      <c r="V106" s="70"/>
      <c r="W106" s="70"/>
      <c r="X106" s="70"/>
      <c r="Y106" s="70"/>
      <c r="Z106" s="70"/>
      <c r="AA106" s="70"/>
      <c r="AB106" s="70"/>
      <c r="AC106" s="70"/>
      <c r="AD106" s="70"/>
      <c r="AE106" s="70"/>
      <c r="AF106" s="70"/>
    </row>
    <row r="107" spans="3:32" x14ac:dyDescent="0.2">
      <c r="C107" s="70"/>
      <c r="D107" s="70"/>
      <c r="E107" s="70"/>
      <c r="F107" s="70"/>
      <c r="G107" s="70"/>
      <c r="H107" s="70"/>
      <c r="I107" s="70"/>
      <c r="J107" s="70"/>
      <c r="K107" s="70"/>
      <c r="L107" s="70"/>
      <c r="M107" s="70"/>
      <c r="N107" s="70"/>
      <c r="O107" s="70"/>
      <c r="P107" s="70"/>
      <c r="Q107" s="70"/>
      <c r="R107" s="70"/>
      <c r="S107" s="70"/>
      <c r="T107" s="70"/>
      <c r="U107" s="70"/>
      <c r="V107" s="70"/>
      <c r="W107" s="70"/>
      <c r="X107" s="70"/>
      <c r="Y107" s="70"/>
      <c r="Z107" s="70"/>
      <c r="AA107" s="70"/>
      <c r="AB107" s="70"/>
      <c r="AC107" s="70"/>
      <c r="AD107" s="70"/>
      <c r="AE107" s="70"/>
      <c r="AF107" s="70"/>
    </row>
    <row r="108" spans="3:32" x14ac:dyDescent="0.2">
      <c r="C108" s="70"/>
      <c r="D108" s="70"/>
      <c r="E108" s="70"/>
      <c r="F108" s="70"/>
      <c r="G108" s="70"/>
      <c r="H108" s="70"/>
      <c r="I108" s="70"/>
      <c r="J108" s="70"/>
      <c r="K108" s="70"/>
      <c r="L108" s="70"/>
      <c r="M108" s="70"/>
      <c r="N108" s="70"/>
      <c r="O108" s="70"/>
      <c r="P108" s="70"/>
      <c r="Q108" s="70"/>
      <c r="R108" s="70"/>
      <c r="S108" s="70"/>
      <c r="T108" s="70"/>
      <c r="U108" s="70"/>
      <c r="V108" s="70"/>
      <c r="W108" s="70"/>
      <c r="X108" s="70"/>
      <c r="Y108" s="70"/>
      <c r="Z108" s="70"/>
      <c r="AA108" s="70"/>
      <c r="AB108" s="70"/>
      <c r="AC108" s="70"/>
      <c r="AD108" s="70"/>
      <c r="AE108" s="70"/>
      <c r="AF108" s="70"/>
    </row>
    <row r="109" spans="3:32" x14ac:dyDescent="0.2">
      <c r="C109" s="70"/>
      <c r="D109" s="70"/>
      <c r="E109" s="70"/>
      <c r="F109" s="70"/>
      <c r="G109" s="70"/>
      <c r="H109" s="70"/>
      <c r="I109" s="70"/>
      <c r="J109" s="70"/>
      <c r="K109" s="70"/>
      <c r="L109" s="70"/>
      <c r="M109" s="70"/>
      <c r="N109" s="70"/>
      <c r="O109" s="70"/>
      <c r="P109" s="70"/>
      <c r="Q109" s="70"/>
      <c r="R109" s="70"/>
      <c r="S109" s="70"/>
      <c r="T109" s="70"/>
      <c r="U109" s="70"/>
      <c r="V109" s="70"/>
      <c r="W109" s="70"/>
      <c r="X109" s="70"/>
      <c r="Y109" s="70"/>
      <c r="Z109" s="70"/>
      <c r="AA109" s="70"/>
      <c r="AB109" s="70"/>
      <c r="AC109" s="70"/>
      <c r="AD109" s="70"/>
      <c r="AE109" s="70"/>
      <c r="AF109" s="70"/>
    </row>
    <row r="110" spans="3:32" x14ac:dyDescent="0.2">
      <c r="C110" s="70"/>
      <c r="D110" s="70"/>
      <c r="E110" s="70"/>
      <c r="F110" s="70"/>
      <c r="G110" s="70"/>
      <c r="H110" s="70"/>
      <c r="I110" s="70"/>
      <c r="J110" s="70"/>
      <c r="K110" s="70"/>
      <c r="L110" s="70"/>
      <c r="M110" s="70"/>
      <c r="N110" s="70"/>
      <c r="O110" s="70"/>
      <c r="P110" s="70"/>
      <c r="Q110" s="70"/>
      <c r="R110" s="70"/>
      <c r="S110" s="70"/>
      <c r="T110" s="70"/>
      <c r="U110" s="70"/>
      <c r="V110" s="70"/>
      <c r="W110" s="70"/>
      <c r="X110" s="70"/>
      <c r="Y110" s="70"/>
      <c r="Z110" s="70"/>
      <c r="AA110" s="70"/>
      <c r="AB110" s="70"/>
      <c r="AC110" s="70"/>
      <c r="AD110" s="70"/>
      <c r="AE110" s="70"/>
      <c r="AF110" s="70"/>
    </row>
    <row r="111" spans="3:32" x14ac:dyDescent="0.2">
      <c r="C111" s="70"/>
      <c r="D111" s="70"/>
      <c r="E111" s="70"/>
      <c r="F111" s="70"/>
      <c r="G111" s="70"/>
      <c r="H111" s="70"/>
      <c r="I111" s="70"/>
      <c r="J111" s="70"/>
      <c r="K111" s="70"/>
      <c r="L111" s="70"/>
      <c r="M111" s="70"/>
      <c r="N111" s="70"/>
      <c r="O111" s="70"/>
      <c r="P111" s="70"/>
      <c r="Q111" s="70"/>
      <c r="R111" s="70"/>
      <c r="S111" s="70"/>
      <c r="T111" s="70"/>
      <c r="U111" s="70"/>
      <c r="V111" s="70"/>
      <c r="W111" s="70"/>
      <c r="X111" s="70"/>
      <c r="Y111" s="70"/>
      <c r="Z111" s="70"/>
      <c r="AA111" s="70"/>
      <c r="AB111" s="70"/>
      <c r="AC111" s="70"/>
      <c r="AD111" s="70"/>
      <c r="AE111" s="70"/>
      <c r="AF111" s="70"/>
    </row>
    <row r="112" spans="3:32" x14ac:dyDescent="0.2">
      <c r="C112" s="70"/>
      <c r="D112" s="70"/>
      <c r="E112" s="70"/>
      <c r="F112" s="70"/>
      <c r="G112" s="70"/>
      <c r="H112" s="70"/>
      <c r="I112" s="70"/>
      <c r="J112" s="70"/>
      <c r="K112" s="70"/>
      <c r="L112" s="70"/>
      <c r="M112" s="70"/>
      <c r="N112" s="70"/>
      <c r="O112" s="70"/>
      <c r="P112" s="70"/>
      <c r="Q112" s="70"/>
      <c r="R112" s="70"/>
      <c r="S112" s="70"/>
      <c r="T112" s="70"/>
      <c r="U112" s="70"/>
      <c r="V112" s="70"/>
      <c r="W112" s="70"/>
      <c r="X112" s="70"/>
      <c r="Y112" s="70"/>
      <c r="Z112" s="70"/>
      <c r="AA112" s="70"/>
      <c r="AB112" s="70"/>
      <c r="AC112" s="70"/>
      <c r="AD112" s="70"/>
      <c r="AE112" s="70"/>
      <c r="AF112" s="70"/>
    </row>
    <row r="113" spans="3:32" x14ac:dyDescent="0.2">
      <c r="C113" s="70"/>
      <c r="D113" s="70"/>
      <c r="E113" s="70"/>
      <c r="F113" s="70"/>
      <c r="G113" s="70"/>
      <c r="H113" s="70"/>
      <c r="I113" s="70"/>
      <c r="J113" s="70"/>
      <c r="K113" s="70"/>
      <c r="L113" s="70"/>
      <c r="M113" s="70"/>
      <c r="N113" s="70"/>
      <c r="O113" s="70"/>
      <c r="P113" s="70"/>
      <c r="Q113" s="70"/>
      <c r="R113" s="70"/>
      <c r="S113" s="70"/>
      <c r="T113" s="70"/>
      <c r="U113" s="70"/>
      <c r="V113" s="70"/>
      <c r="W113" s="70"/>
      <c r="X113" s="70"/>
      <c r="Y113" s="70"/>
      <c r="Z113" s="70"/>
      <c r="AA113" s="70"/>
      <c r="AB113" s="70"/>
      <c r="AC113" s="70"/>
      <c r="AD113" s="70"/>
      <c r="AE113" s="70"/>
      <c r="AF113" s="70"/>
    </row>
    <row r="114" spans="3:32" x14ac:dyDescent="0.2">
      <c r="C114" s="70"/>
      <c r="D114" s="70"/>
      <c r="E114" s="70"/>
      <c r="F114" s="70"/>
      <c r="G114" s="70"/>
      <c r="H114" s="70"/>
      <c r="I114" s="70"/>
      <c r="J114" s="70"/>
      <c r="K114" s="70"/>
      <c r="L114" s="70"/>
      <c r="M114" s="70"/>
      <c r="N114" s="70"/>
      <c r="O114" s="70"/>
      <c r="P114" s="70"/>
      <c r="Q114" s="70"/>
      <c r="R114" s="70"/>
      <c r="S114" s="70"/>
      <c r="T114" s="70"/>
      <c r="U114" s="70"/>
      <c r="V114" s="70"/>
      <c r="W114" s="70"/>
      <c r="X114" s="70"/>
      <c r="Y114" s="70"/>
      <c r="Z114" s="70"/>
      <c r="AA114" s="70"/>
      <c r="AB114" s="70"/>
      <c r="AC114" s="70"/>
      <c r="AD114" s="70"/>
      <c r="AE114" s="70"/>
      <c r="AF114" s="70"/>
    </row>
    <row r="115" spans="3:32" x14ac:dyDescent="0.2">
      <c r="C115" s="70"/>
      <c r="D115" s="70"/>
      <c r="E115" s="70"/>
      <c r="F115" s="70"/>
      <c r="G115" s="70"/>
      <c r="H115" s="70"/>
      <c r="I115" s="70"/>
      <c r="J115" s="70"/>
      <c r="K115" s="70"/>
      <c r="L115" s="70"/>
      <c r="M115" s="70"/>
      <c r="N115" s="70"/>
      <c r="O115" s="70"/>
      <c r="P115" s="70"/>
      <c r="Q115" s="70"/>
      <c r="R115" s="70"/>
      <c r="S115" s="70"/>
      <c r="T115" s="70"/>
      <c r="U115" s="70"/>
      <c r="V115" s="70"/>
      <c r="W115" s="70"/>
      <c r="X115" s="70"/>
      <c r="Y115" s="70"/>
      <c r="Z115" s="70"/>
      <c r="AA115" s="70"/>
      <c r="AB115" s="70"/>
      <c r="AC115" s="70"/>
      <c r="AD115" s="70"/>
      <c r="AE115" s="70"/>
      <c r="AF115" s="70"/>
    </row>
    <row r="116" spans="3:32" x14ac:dyDescent="0.2">
      <c r="C116" s="70"/>
      <c r="D116" s="70"/>
      <c r="E116" s="70"/>
      <c r="F116" s="70"/>
      <c r="G116" s="70"/>
      <c r="H116" s="70"/>
      <c r="I116" s="70"/>
      <c r="J116" s="70"/>
      <c r="K116" s="70"/>
      <c r="L116" s="70"/>
      <c r="M116" s="70"/>
      <c r="N116" s="70"/>
      <c r="O116" s="70"/>
      <c r="P116" s="70"/>
      <c r="Q116" s="70"/>
      <c r="R116" s="70"/>
      <c r="S116" s="70"/>
      <c r="T116" s="70"/>
      <c r="U116" s="70"/>
      <c r="V116" s="70"/>
      <c r="W116" s="70"/>
      <c r="X116" s="70"/>
      <c r="Y116" s="70"/>
      <c r="Z116" s="70"/>
      <c r="AA116" s="70"/>
      <c r="AB116" s="70"/>
      <c r="AC116" s="70"/>
      <c r="AD116" s="70"/>
      <c r="AE116" s="70"/>
      <c r="AF116" s="70"/>
    </row>
    <row r="117" spans="3:32" x14ac:dyDescent="0.2">
      <c r="C117" s="70"/>
      <c r="D117" s="70"/>
      <c r="E117" s="70"/>
      <c r="F117" s="70"/>
      <c r="G117" s="70"/>
      <c r="H117" s="70"/>
      <c r="I117" s="70"/>
      <c r="J117" s="70"/>
      <c r="K117" s="70"/>
      <c r="L117" s="70"/>
      <c r="M117" s="70"/>
      <c r="N117" s="70"/>
      <c r="O117" s="70"/>
      <c r="P117" s="70"/>
      <c r="Q117" s="70"/>
      <c r="R117" s="70"/>
      <c r="S117" s="70"/>
      <c r="T117" s="70"/>
      <c r="U117" s="70"/>
      <c r="V117" s="70"/>
      <c r="W117" s="70"/>
      <c r="X117" s="70"/>
      <c r="Y117" s="70"/>
      <c r="Z117" s="70"/>
      <c r="AA117" s="70"/>
      <c r="AB117" s="70"/>
      <c r="AC117" s="70"/>
      <c r="AD117" s="70"/>
      <c r="AE117" s="70"/>
      <c r="AF117" s="70"/>
    </row>
    <row r="118" spans="3:32" x14ac:dyDescent="0.2">
      <c r="C118" s="70"/>
      <c r="D118" s="70"/>
      <c r="E118" s="70"/>
      <c r="F118" s="70"/>
      <c r="G118" s="70"/>
      <c r="H118" s="70"/>
      <c r="I118" s="70"/>
      <c r="J118" s="70"/>
      <c r="K118" s="70"/>
      <c r="L118" s="70"/>
      <c r="M118" s="70"/>
      <c r="N118" s="70"/>
      <c r="O118" s="70"/>
      <c r="P118" s="70"/>
      <c r="Q118" s="70"/>
      <c r="R118" s="70"/>
      <c r="S118" s="70"/>
      <c r="T118" s="70"/>
      <c r="U118" s="70"/>
      <c r="V118" s="70"/>
      <c r="W118" s="70"/>
      <c r="X118" s="70"/>
      <c r="Y118" s="70"/>
      <c r="Z118" s="70"/>
      <c r="AA118" s="70"/>
      <c r="AB118" s="70"/>
      <c r="AC118" s="70"/>
      <c r="AD118" s="70"/>
      <c r="AE118" s="70"/>
      <c r="AF118" s="70"/>
    </row>
    <row r="119" spans="3:32" x14ac:dyDescent="0.2">
      <c r="C119" s="70"/>
      <c r="D119" s="70"/>
      <c r="E119" s="70"/>
      <c r="F119" s="70"/>
      <c r="G119" s="70"/>
      <c r="H119" s="70"/>
      <c r="I119" s="70"/>
      <c r="J119" s="70"/>
      <c r="K119" s="70"/>
      <c r="L119" s="70"/>
      <c r="M119" s="70"/>
      <c r="N119" s="70"/>
      <c r="O119" s="70"/>
      <c r="P119" s="70"/>
      <c r="Q119" s="70"/>
      <c r="R119" s="70"/>
      <c r="S119" s="70"/>
      <c r="T119" s="70"/>
      <c r="U119" s="70"/>
      <c r="V119" s="70"/>
      <c r="W119" s="70"/>
      <c r="X119" s="70"/>
      <c r="Y119" s="70"/>
      <c r="Z119" s="70"/>
      <c r="AA119" s="70"/>
      <c r="AB119" s="70"/>
      <c r="AC119" s="70"/>
      <c r="AD119" s="70"/>
      <c r="AE119" s="70"/>
      <c r="AF119" s="70"/>
    </row>
    <row r="120" spans="3:32" x14ac:dyDescent="0.2">
      <c r="C120" s="70"/>
      <c r="D120" s="70"/>
      <c r="E120" s="70"/>
      <c r="F120" s="70"/>
      <c r="G120" s="70"/>
      <c r="H120" s="70"/>
      <c r="I120" s="70"/>
      <c r="J120" s="70"/>
      <c r="K120" s="70"/>
      <c r="L120" s="70"/>
      <c r="M120" s="70"/>
      <c r="N120" s="70"/>
      <c r="O120" s="70"/>
      <c r="P120" s="70"/>
      <c r="Q120" s="70"/>
      <c r="R120" s="70"/>
      <c r="S120" s="70"/>
      <c r="T120" s="70"/>
      <c r="U120" s="70"/>
      <c r="V120" s="70"/>
      <c r="W120" s="70"/>
      <c r="X120" s="70"/>
      <c r="Y120" s="70"/>
      <c r="Z120" s="70"/>
      <c r="AA120" s="70"/>
      <c r="AB120" s="70"/>
      <c r="AC120" s="70"/>
      <c r="AD120" s="70"/>
      <c r="AE120" s="70"/>
      <c r="AF120" s="70"/>
    </row>
    <row r="121" spans="3:32" x14ac:dyDescent="0.2">
      <c r="C121" s="70"/>
      <c r="D121" s="70"/>
      <c r="E121" s="70"/>
      <c r="F121" s="70"/>
      <c r="G121" s="70"/>
      <c r="H121" s="70"/>
      <c r="I121" s="70"/>
      <c r="J121" s="70"/>
      <c r="K121" s="70"/>
      <c r="L121" s="70"/>
      <c r="M121" s="70"/>
      <c r="N121" s="70"/>
      <c r="O121" s="70"/>
      <c r="P121" s="70"/>
      <c r="Q121" s="70"/>
      <c r="R121" s="70"/>
      <c r="S121" s="70"/>
      <c r="T121" s="70"/>
      <c r="U121" s="70"/>
      <c r="V121" s="70"/>
      <c r="W121" s="70"/>
      <c r="X121" s="70"/>
      <c r="Y121" s="70"/>
      <c r="Z121" s="70"/>
      <c r="AA121" s="70"/>
      <c r="AB121" s="70"/>
      <c r="AC121" s="70"/>
      <c r="AD121" s="70"/>
      <c r="AE121" s="70"/>
      <c r="AF121" s="70"/>
    </row>
    <row r="122" spans="3:32" x14ac:dyDescent="0.2">
      <c r="C122" s="70"/>
      <c r="D122" s="70"/>
      <c r="E122" s="70"/>
      <c r="F122" s="70"/>
      <c r="G122" s="70"/>
      <c r="H122" s="70"/>
      <c r="I122" s="70"/>
      <c r="J122" s="70"/>
      <c r="K122" s="70"/>
      <c r="L122" s="70"/>
      <c r="M122" s="70"/>
      <c r="N122" s="70"/>
      <c r="O122" s="70"/>
      <c r="P122" s="70"/>
      <c r="Q122" s="70"/>
      <c r="R122" s="70"/>
      <c r="S122" s="70"/>
      <c r="T122" s="70"/>
      <c r="U122" s="70"/>
      <c r="V122" s="70"/>
      <c r="W122" s="70"/>
      <c r="X122" s="70"/>
      <c r="Y122" s="70"/>
      <c r="Z122" s="70"/>
      <c r="AA122" s="70"/>
      <c r="AB122" s="70"/>
      <c r="AC122" s="70"/>
      <c r="AD122" s="70"/>
      <c r="AE122" s="70"/>
      <c r="AF122" s="70"/>
    </row>
    <row r="123" spans="3:32" x14ac:dyDescent="0.2">
      <c r="C123" s="70"/>
      <c r="D123" s="70"/>
      <c r="E123" s="70"/>
      <c r="F123" s="70"/>
      <c r="G123" s="70"/>
      <c r="H123" s="70"/>
      <c r="I123" s="70"/>
      <c r="J123" s="70"/>
      <c r="K123" s="70"/>
      <c r="L123" s="70"/>
      <c r="M123" s="70"/>
      <c r="N123" s="70"/>
      <c r="O123" s="70"/>
      <c r="P123" s="70"/>
      <c r="Q123" s="70"/>
      <c r="R123" s="70"/>
      <c r="S123" s="70"/>
      <c r="T123" s="70"/>
      <c r="U123" s="70"/>
      <c r="V123" s="70"/>
      <c r="W123" s="70"/>
      <c r="X123" s="70"/>
      <c r="Y123" s="70"/>
      <c r="Z123" s="70"/>
      <c r="AA123" s="70"/>
      <c r="AB123" s="70"/>
      <c r="AC123" s="70"/>
      <c r="AD123" s="70"/>
      <c r="AE123" s="70"/>
      <c r="AF123" s="70"/>
    </row>
    <row r="124" spans="3:32" x14ac:dyDescent="0.2">
      <c r="C124" s="70"/>
      <c r="D124" s="70"/>
      <c r="E124" s="70"/>
      <c r="F124" s="70"/>
      <c r="G124" s="70"/>
      <c r="H124" s="70"/>
      <c r="I124" s="70"/>
      <c r="J124" s="70"/>
      <c r="K124" s="70"/>
      <c r="L124" s="70"/>
      <c r="M124" s="70"/>
      <c r="N124" s="70"/>
      <c r="O124" s="70"/>
      <c r="P124" s="70"/>
      <c r="Q124" s="70"/>
      <c r="R124" s="70"/>
      <c r="S124" s="70"/>
      <c r="T124" s="70"/>
      <c r="U124" s="70"/>
      <c r="V124" s="70"/>
      <c r="W124" s="70"/>
      <c r="X124" s="70"/>
      <c r="Y124" s="70"/>
      <c r="Z124" s="70"/>
      <c r="AA124" s="70"/>
      <c r="AB124" s="70"/>
      <c r="AC124" s="70"/>
      <c r="AD124" s="70"/>
      <c r="AE124" s="70"/>
      <c r="AF124" s="70"/>
    </row>
    <row r="125" spans="3:32" x14ac:dyDescent="0.2">
      <c r="C125" s="70"/>
      <c r="D125" s="70"/>
      <c r="E125" s="70"/>
      <c r="F125" s="70"/>
      <c r="G125" s="70"/>
      <c r="H125" s="70"/>
      <c r="I125" s="70"/>
      <c r="J125" s="70"/>
      <c r="K125" s="70"/>
      <c r="L125" s="70"/>
      <c r="M125" s="70"/>
      <c r="N125" s="70"/>
      <c r="O125" s="70"/>
      <c r="P125" s="70"/>
      <c r="Q125" s="70"/>
      <c r="R125" s="70"/>
      <c r="S125" s="70"/>
      <c r="T125" s="70"/>
      <c r="U125" s="70"/>
      <c r="V125" s="70"/>
      <c r="W125" s="70"/>
      <c r="X125" s="70"/>
      <c r="Y125" s="70"/>
      <c r="Z125" s="70"/>
      <c r="AA125" s="70"/>
      <c r="AB125" s="70"/>
      <c r="AC125" s="70"/>
      <c r="AD125" s="70"/>
      <c r="AE125" s="70"/>
      <c r="AF125" s="70"/>
    </row>
    <row r="126" spans="3:32" x14ac:dyDescent="0.2">
      <c r="C126" s="70"/>
      <c r="D126" s="70"/>
      <c r="E126" s="70"/>
      <c r="F126" s="70"/>
      <c r="G126" s="70"/>
      <c r="H126" s="70"/>
      <c r="I126" s="70"/>
      <c r="J126" s="70"/>
      <c r="K126" s="70"/>
      <c r="L126" s="70"/>
      <c r="M126" s="70"/>
      <c r="N126" s="70"/>
      <c r="O126" s="70"/>
      <c r="P126" s="70"/>
      <c r="Q126" s="70"/>
      <c r="R126" s="70"/>
      <c r="S126" s="70"/>
      <c r="T126" s="70"/>
      <c r="U126" s="70"/>
      <c r="V126" s="70"/>
      <c r="W126" s="70"/>
      <c r="X126" s="70"/>
      <c r="Y126" s="70"/>
      <c r="Z126" s="70"/>
      <c r="AA126" s="70"/>
      <c r="AB126" s="70"/>
      <c r="AC126" s="70"/>
      <c r="AD126" s="70"/>
      <c r="AE126" s="70"/>
      <c r="AF126" s="70"/>
    </row>
    <row r="127" spans="3:32" x14ac:dyDescent="0.2">
      <c r="C127" s="70"/>
      <c r="D127" s="70"/>
      <c r="E127" s="70"/>
      <c r="F127" s="70"/>
      <c r="G127" s="70"/>
      <c r="H127" s="70"/>
      <c r="I127" s="70"/>
      <c r="J127" s="70"/>
      <c r="K127" s="70"/>
      <c r="L127" s="70"/>
      <c r="M127" s="70"/>
      <c r="N127" s="70"/>
      <c r="O127" s="70"/>
      <c r="P127" s="70"/>
      <c r="Q127" s="70"/>
      <c r="R127" s="70"/>
      <c r="S127" s="70"/>
      <c r="T127" s="70"/>
      <c r="U127" s="70"/>
      <c r="V127" s="70"/>
      <c r="W127" s="70"/>
      <c r="X127" s="70"/>
      <c r="Y127" s="70"/>
      <c r="Z127" s="70"/>
      <c r="AA127" s="70"/>
      <c r="AB127" s="70"/>
      <c r="AC127" s="70"/>
      <c r="AD127" s="70"/>
      <c r="AE127" s="70"/>
      <c r="AF127" s="70"/>
    </row>
    <row r="128" spans="3:32" x14ac:dyDescent="0.2">
      <c r="C128" s="70"/>
      <c r="D128" s="70"/>
      <c r="E128" s="70"/>
      <c r="F128" s="70"/>
      <c r="G128" s="70"/>
      <c r="H128" s="70"/>
      <c r="I128" s="70"/>
      <c r="J128" s="70"/>
      <c r="K128" s="70"/>
      <c r="L128" s="70"/>
      <c r="M128" s="70"/>
      <c r="N128" s="70"/>
      <c r="O128" s="70"/>
      <c r="P128" s="70"/>
      <c r="Q128" s="70"/>
      <c r="R128" s="70"/>
      <c r="S128" s="70"/>
      <c r="T128" s="70"/>
      <c r="U128" s="70"/>
      <c r="V128" s="70"/>
      <c r="W128" s="70"/>
      <c r="X128" s="70"/>
      <c r="Y128" s="70"/>
      <c r="Z128" s="70"/>
      <c r="AA128" s="70"/>
      <c r="AB128" s="70"/>
      <c r="AC128" s="70"/>
      <c r="AD128" s="70"/>
      <c r="AE128" s="70"/>
      <c r="AF128" s="70"/>
    </row>
    <row r="129" spans="3:32" x14ac:dyDescent="0.2">
      <c r="C129" s="70"/>
      <c r="D129" s="70"/>
      <c r="E129" s="70"/>
      <c r="F129" s="70"/>
      <c r="G129" s="70"/>
      <c r="H129" s="70"/>
      <c r="I129" s="70"/>
      <c r="J129" s="70"/>
      <c r="K129" s="70"/>
      <c r="L129" s="70"/>
      <c r="M129" s="70"/>
      <c r="N129" s="70"/>
      <c r="O129" s="70"/>
      <c r="P129" s="70"/>
      <c r="Q129" s="70"/>
      <c r="R129" s="70"/>
      <c r="S129" s="70"/>
      <c r="T129" s="70"/>
      <c r="U129" s="70"/>
      <c r="V129" s="70"/>
      <c r="W129" s="70"/>
      <c r="X129" s="70"/>
      <c r="Y129" s="70"/>
      <c r="Z129" s="70"/>
      <c r="AA129" s="70"/>
      <c r="AB129" s="70"/>
      <c r="AC129" s="70"/>
      <c r="AD129" s="70"/>
      <c r="AE129" s="70"/>
      <c r="AF129" s="70"/>
    </row>
    <row r="130" spans="3:32" x14ac:dyDescent="0.2">
      <c r="C130" s="70"/>
      <c r="D130" s="70"/>
      <c r="E130" s="70"/>
      <c r="F130" s="70"/>
      <c r="G130" s="70"/>
      <c r="H130" s="70"/>
      <c r="I130" s="70"/>
      <c r="J130" s="70"/>
      <c r="K130" s="70"/>
      <c r="L130" s="70"/>
      <c r="M130" s="70"/>
      <c r="N130" s="70"/>
      <c r="O130" s="70"/>
      <c r="P130" s="70"/>
      <c r="Q130" s="70"/>
      <c r="R130" s="70"/>
      <c r="S130" s="70"/>
      <c r="T130" s="70"/>
      <c r="U130" s="70"/>
      <c r="V130" s="70"/>
      <c r="W130" s="70"/>
      <c r="X130" s="70"/>
      <c r="Y130" s="70"/>
      <c r="Z130" s="70"/>
      <c r="AA130" s="70"/>
      <c r="AB130" s="70"/>
      <c r="AC130" s="70"/>
      <c r="AD130" s="70"/>
      <c r="AE130" s="70"/>
      <c r="AF130" s="70"/>
    </row>
    <row r="131" spans="3:32" x14ac:dyDescent="0.2">
      <c r="C131" s="70"/>
      <c r="D131" s="70"/>
      <c r="E131" s="70"/>
      <c r="F131" s="70"/>
      <c r="G131" s="70"/>
      <c r="H131" s="70"/>
      <c r="I131" s="70"/>
      <c r="J131" s="70"/>
      <c r="K131" s="70"/>
      <c r="L131" s="70"/>
      <c r="M131" s="70"/>
      <c r="N131" s="70"/>
      <c r="O131" s="70"/>
      <c r="P131" s="70"/>
      <c r="Q131" s="70"/>
      <c r="R131" s="70"/>
      <c r="S131" s="70"/>
      <c r="T131" s="70"/>
      <c r="U131" s="70"/>
      <c r="V131" s="70"/>
      <c r="W131" s="70"/>
      <c r="X131" s="70"/>
      <c r="Y131" s="70"/>
      <c r="Z131" s="70"/>
      <c r="AA131" s="70"/>
      <c r="AB131" s="70"/>
      <c r="AC131" s="70"/>
      <c r="AD131" s="70"/>
      <c r="AE131" s="70"/>
      <c r="AF131" s="70"/>
    </row>
    <row r="132" spans="3:32" x14ac:dyDescent="0.2">
      <c r="C132" s="70"/>
      <c r="D132" s="70"/>
      <c r="E132" s="70"/>
      <c r="F132" s="70"/>
      <c r="G132" s="70"/>
      <c r="H132" s="70"/>
      <c r="I132" s="70"/>
      <c r="J132" s="70"/>
      <c r="K132" s="70"/>
      <c r="L132" s="70"/>
      <c r="M132" s="70"/>
      <c r="N132" s="70"/>
      <c r="O132" s="70"/>
      <c r="P132" s="70"/>
      <c r="Q132" s="70"/>
      <c r="R132" s="70"/>
      <c r="S132" s="70"/>
      <c r="T132" s="70"/>
      <c r="U132" s="70"/>
      <c r="V132" s="70"/>
      <c r="W132" s="70"/>
      <c r="X132" s="70"/>
      <c r="Y132" s="70"/>
      <c r="Z132" s="70"/>
      <c r="AA132" s="70"/>
      <c r="AB132" s="70"/>
      <c r="AC132" s="70"/>
      <c r="AD132" s="70"/>
      <c r="AE132" s="70"/>
      <c r="AF132" s="70"/>
    </row>
    <row r="133" spans="3:32" x14ac:dyDescent="0.2">
      <c r="C133" s="70"/>
      <c r="D133" s="70"/>
      <c r="E133" s="70"/>
      <c r="F133" s="70"/>
      <c r="G133" s="70"/>
      <c r="H133" s="70"/>
      <c r="I133" s="70"/>
      <c r="J133" s="70"/>
      <c r="K133" s="70"/>
      <c r="L133" s="70"/>
      <c r="M133" s="70"/>
      <c r="N133" s="70"/>
      <c r="O133" s="70"/>
      <c r="P133" s="70"/>
      <c r="Q133" s="70"/>
      <c r="R133" s="70"/>
      <c r="S133" s="70"/>
      <c r="T133" s="70"/>
      <c r="U133" s="70"/>
      <c r="V133" s="70"/>
      <c r="W133" s="70"/>
      <c r="X133" s="70"/>
      <c r="Y133" s="70"/>
      <c r="Z133" s="70"/>
      <c r="AA133" s="70"/>
      <c r="AB133" s="70"/>
      <c r="AC133" s="70"/>
      <c r="AD133" s="70"/>
      <c r="AE133" s="70"/>
      <c r="AF133" s="70"/>
    </row>
    <row r="134" spans="3:32" x14ac:dyDescent="0.2">
      <c r="C134" s="70"/>
      <c r="D134" s="70"/>
      <c r="E134" s="70"/>
      <c r="F134" s="70"/>
      <c r="G134" s="70"/>
      <c r="H134" s="70"/>
      <c r="I134" s="70"/>
      <c r="J134" s="70"/>
      <c r="K134" s="70"/>
      <c r="L134" s="70"/>
      <c r="M134" s="70"/>
      <c r="N134" s="70"/>
      <c r="O134" s="70"/>
      <c r="P134" s="70"/>
      <c r="Q134" s="70"/>
      <c r="R134" s="70"/>
      <c r="S134" s="70"/>
      <c r="T134" s="70"/>
      <c r="U134" s="70"/>
      <c r="V134" s="70"/>
      <c r="W134" s="70"/>
      <c r="X134" s="70"/>
      <c r="Y134" s="70"/>
      <c r="Z134" s="70"/>
      <c r="AA134" s="70"/>
      <c r="AB134" s="70"/>
      <c r="AC134" s="70"/>
      <c r="AD134" s="70"/>
      <c r="AE134" s="70"/>
      <c r="AF134" s="70"/>
    </row>
    <row r="135" spans="3:32" x14ac:dyDescent="0.2">
      <c r="C135" s="70"/>
      <c r="D135" s="70"/>
      <c r="E135" s="70"/>
      <c r="F135" s="70"/>
      <c r="G135" s="70"/>
      <c r="H135" s="70"/>
      <c r="I135" s="70"/>
      <c r="J135" s="70"/>
      <c r="K135" s="70"/>
      <c r="L135" s="70"/>
      <c r="M135" s="70"/>
      <c r="N135" s="70"/>
      <c r="O135" s="70"/>
      <c r="P135" s="70"/>
      <c r="Q135" s="70"/>
      <c r="R135" s="70"/>
      <c r="S135" s="70"/>
      <c r="T135" s="70"/>
      <c r="U135" s="70"/>
      <c r="V135" s="70"/>
      <c r="W135" s="70"/>
      <c r="X135" s="70"/>
      <c r="Y135" s="70"/>
      <c r="Z135" s="70"/>
      <c r="AA135" s="70"/>
      <c r="AB135" s="70"/>
      <c r="AC135" s="70"/>
      <c r="AD135" s="70"/>
      <c r="AE135" s="70"/>
      <c r="AF135" s="70"/>
    </row>
    <row r="136" spans="3:32" x14ac:dyDescent="0.2">
      <c r="C136" s="70"/>
      <c r="D136" s="70"/>
      <c r="E136" s="70"/>
      <c r="F136" s="70"/>
      <c r="G136" s="70"/>
      <c r="H136" s="70"/>
      <c r="I136" s="70"/>
      <c r="J136" s="70"/>
      <c r="K136" s="70"/>
      <c r="L136" s="70"/>
      <c r="M136" s="70"/>
      <c r="N136" s="70"/>
      <c r="O136" s="70"/>
      <c r="P136" s="70"/>
      <c r="Q136" s="70"/>
      <c r="R136" s="70"/>
      <c r="S136" s="70"/>
      <c r="T136" s="70"/>
      <c r="U136" s="70"/>
      <c r="V136" s="70"/>
      <c r="W136" s="70"/>
      <c r="X136" s="70"/>
      <c r="Y136" s="70"/>
      <c r="Z136" s="70"/>
      <c r="AA136" s="70"/>
      <c r="AB136" s="70"/>
      <c r="AC136" s="70"/>
      <c r="AD136" s="70"/>
      <c r="AE136" s="70"/>
      <c r="AF136" s="70"/>
    </row>
    <row r="137" spans="3:32" x14ac:dyDescent="0.2">
      <c r="C137" s="70"/>
      <c r="D137" s="70"/>
      <c r="E137" s="70"/>
      <c r="F137" s="70"/>
      <c r="G137" s="70"/>
      <c r="H137" s="70"/>
      <c r="I137" s="70"/>
      <c r="J137" s="70"/>
      <c r="K137" s="70"/>
      <c r="L137" s="70"/>
      <c r="M137" s="70"/>
      <c r="N137" s="70"/>
      <c r="O137" s="70"/>
      <c r="P137" s="70"/>
      <c r="Q137" s="70"/>
      <c r="R137" s="70"/>
      <c r="S137" s="70"/>
      <c r="T137" s="70"/>
      <c r="U137" s="70"/>
      <c r="V137" s="70"/>
      <c r="W137" s="70"/>
      <c r="X137" s="70"/>
      <c r="Y137" s="70"/>
      <c r="Z137" s="70"/>
      <c r="AA137" s="70"/>
      <c r="AB137" s="70"/>
      <c r="AC137" s="70"/>
      <c r="AD137" s="70"/>
      <c r="AE137" s="70"/>
      <c r="AF137" s="70"/>
    </row>
    <row r="138" spans="3:32" x14ac:dyDescent="0.2">
      <c r="C138" s="70"/>
      <c r="D138" s="70"/>
      <c r="E138" s="70"/>
      <c r="F138" s="70"/>
      <c r="G138" s="70"/>
      <c r="H138" s="70"/>
      <c r="I138" s="70"/>
      <c r="J138" s="70"/>
      <c r="K138" s="70"/>
      <c r="L138" s="70"/>
      <c r="M138" s="70"/>
      <c r="N138" s="70"/>
      <c r="O138" s="70"/>
      <c r="P138" s="70"/>
      <c r="Q138" s="70"/>
      <c r="R138" s="70"/>
      <c r="S138" s="70"/>
      <c r="T138" s="70"/>
      <c r="U138" s="70"/>
      <c r="V138" s="70"/>
      <c r="W138" s="70"/>
      <c r="X138" s="70"/>
      <c r="Y138" s="70"/>
      <c r="Z138" s="70"/>
      <c r="AA138" s="70"/>
      <c r="AB138" s="70"/>
      <c r="AC138" s="70"/>
      <c r="AD138" s="70"/>
      <c r="AE138" s="70"/>
      <c r="AF138" s="70"/>
    </row>
    <row r="139" spans="3:32" x14ac:dyDescent="0.2">
      <c r="C139" s="70"/>
      <c r="D139" s="70"/>
      <c r="E139" s="70"/>
      <c r="F139" s="70"/>
      <c r="G139" s="70"/>
      <c r="H139" s="70"/>
      <c r="I139" s="70"/>
      <c r="J139" s="70"/>
      <c r="K139" s="70"/>
      <c r="L139" s="70"/>
      <c r="M139" s="70"/>
      <c r="N139" s="70"/>
      <c r="O139" s="70"/>
      <c r="P139" s="70"/>
      <c r="Q139" s="70"/>
      <c r="R139" s="70"/>
      <c r="S139" s="70"/>
      <c r="T139" s="70"/>
      <c r="U139" s="70"/>
      <c r="V139" s="70"/>
      <c r="W139" s="70"/>
      <c r="X139" s="70"/>
      <c r="Y139" s="70"/>
      <c r="Z139" s="70"/>
      <c r="AA139" s="70"/>
      <c r="AB139" s="70"/>
      <c r="AC139" s="70"/>
      <c r="AD139" s="70"/>
      <c r="AE139" s="70"/>
      <c r="AF139" s="70"/>
    </row>
    <row r="140" spans="3:32" x14ac:dyDescent="0.2">
      <c r="C140" s="70"/>
      <c r="D140" s="70"/>
      <c r="E140" s="70"/>
      <c r="F140" s="70"/>
      <c r="G140" s="70"/>
      <c r="H140" s="70"/>
      <c r="I140" s="70"/>
      <c r="J140" s="70"/>
      <c r="K140" s="70"/>
      <c r="L140" s="70"/>
      <c r="M140" s="70"/>
      <c r="N140" s="70"/>
      <c r="O140" s="70"/>
      <c r="P140" s="70"/>
      <c r="Q140" s="70"/>
      <c r="R140" s="70"/>
      <c r="S140" s="70"/>
      <c r="T140" s="70"/>
      <c r="U140" s="70"/>
      <c r="V140" s="70"/>
      <c r="W140" s="70"/>
      <c r="X140" s="70"/>
      <c r="Y140" s="70"/>
      <c r="Z140" s="70"/>
      <c r="AA140" s="70"/>
      <c r="AB140" s="70"/>
      <c r="AC140" s="70"/>
      <c r="AD140" s="70"/>
      <c r="AE140" s="70"/>
      <c r="AF140" s="70"/>
    </row>
    <row r="141" spans="3:32" x14ac:dyDescent="0.2">
      <c r="C141" s="70"/>
      <c r="D141" s="70"/>
      <c r="E141" s="70"/>
      <c r="F141" s="70"/>
      <c r="G141" s="70"/>
      <c r="H141" s="70"/>
      <c r="I141" s="70"/>
      <c r="J141" s="70"/>
      <c r="K141" s="70"/>
      <c r="L141" s="70"/>
      <c r="M141" s="70"/>
      <c r="N141" s="70"/>
      <c r="O141" s="70"/>
      <c r="P141" s="70"/>
      <c r="Q141" s="70"/>
      <c r="R141" s="70"/>
      <c r="S141" s="70"/>
      <c r="T141" s="70"/>
      <c r="U141" s="70"/>
      <c r="V141" s="70"/>
      <c r="W141" s="70"/>
      <c r="X141" s="70"/>
      <c r="Y141" s="70"/>
      <c r="Z141" s="70"/>
      <c r="AA141" s="70"/>
      <c r="AB141" s="70"/>
      <c r="AC141" s="70"/>
      <c r="AD141" s="70"/>
      <c r="AE141" s="70"/>
      <c r="AF141" s="70"/>
    </row>
    <row r="142" spans="3:32" x14ac:dyDescent="0.2">
      <c r="C142" s="70"/>
      <c r="D142" s="70"/>
      <c r="E142" s="70"/>
      <c r="F142" s="70"/>
      <c r="G142" s="70"/>
      <c r="H142" s="70"/>
      <c r="I142" s="70"/>
      <c r="J142" s="70"/>
      <c r="K142" s="70"/>
      <c r="L142" s="70"/>
      <c r="M142" s="70"/>
      <c r="N142" s="70"/>
      <c r="O142" s="70"/>
      <c r="P142" s="70"/>
      <c r="Q142" s="70"/>
      <c r="R142" s="70"/>
      <c r="S142" s="70"/>
      <c r="T142" s="70"/>
      <c r="U142" s="70"/>
      <c r="V142" s="70"/>
      <c r="W142" s="70"/>
      <c r="X142" s="70"/>
      <c r="Y142" s="70"/>
      <c r="Z142" s="70"/>
      <c r="AA142" s="70"/>
      <c r="AB142" s="70"/>
      <c r="AC142" s="70"/>
      <c r="AD142" s="70"/>
      <c r="AE142" s="70"/>
      <c r="AF142" s="70"/>
    </row>
    <row r="143" spans="3:32" x14ac:dyDescent="0.2">
      <c r="C143" s="70"/>
      <c r="D143" s="70"/>
      <c r="E143" s="70"/>
      <c r="F143" s="70"/>
      <c r="G143" s="70"/>
      <c r="H143" s="70"/>
      <c r="I143" s="70"/>
      <c r="J143" s="70"/>
      <c r="K143" s="70"/>
      <c r="L143" s="70"/>
      <c r="M143" s="70"/>
      <c r="N143" s="70"/>
      <c r="O143" s="70"/>
      <c r="P143" s="70"/>
      <c r="Q143" s="70"/>
      <c r="R143" s="70"/>
      <c r="S143" s="70"/>
      <c r="T143" s="70"/>
      <c r="U143" s="70"/>
      <c r="V143" s="70"/>
      <c r="W143" s="70"/>
      <c r="X143" s="70"/>
      <c r="Y143" s="70"/>
      <c r="Z143" s="70"/>
      <c r="AA143" s="70"/>
      <c r="AB143" s="70"/>
      <c r="AC143" s="70"/>
      <c r="AD143" s="70"/>
      <c r="AE143" s="70"/>
      <c r="AF143" s="70"/>
    </row>
    <row r="144" spans="3:32" x14ac:dyDescent="0.2">
      <c r="C144" s="70"/>
      <c r="D144" s="70"/>
      <c r="E144" s="70"/>
      <c r="F144" s="70"/>
      <c r="G144" s="70"/>
      <c r="H144" s="70"/>
      <c r="I144" s="70"/>
      <c r="J144" s="70"/>
      <c r="K144" s="70"/>
      <c r="L144" s="70"/>
      <c r="M144" s="70"/>
      <c r="N144" s="70"/>
      <c r="O144" s="70"/>
      <c r="P144" s="70"/>
      <c r="Q144" s="70"/>
      <c r="R144" s="70"/>
      <c r="S144" s="70"/>
      <c r="T144" s="70"/>
      <c r="U144" s="70"/>
      <c r="V144" s="70"/>
      <c r="W144" s="70"/>
      <c r="X144" s="70"/>
      <c r="Y144" s="70"/>
      <c r="Z144" s="70"/>
      <c r="AA144" s="70"/>
      <c r="AB144" s="70"/>
      <c r="AC144" s="70"/>
      <c r="AD144" s="70"/>
      <c r="AE144" s="70"/>
      <c r="AF144" s="70"/>
    </row>
    <row r="145" spans="3:32" x14ac:dyDescent="0.2">
      <c r="C145" s="70"/>
      <c r="D145" s="70"/>
      <c r="E145" s="70"/>
      <c r="F145" s="70"/>
      <c r="G145" s="70"/>
      <c r="H145" s="70"/>
      <c r="I145" s="70"/>
      <c r="J145" s="70"/>
      <c r="K145" s="70"/>
      <c r="L145" s="70"/>
      <c r="M145" s="70"/>
      <c r="N145" s="70"/>
      <c r="O145" s="70"/>
      <c r="P145" s="70"/>
      <c r="Q145" s="70"/>
      <c r="R145" s="70"/>
      <c r="S145" s="70"/>
      <c r="T145" s="70"/>
      <c r="U145" s="70"/>
      <c r="V145" s="70"/>
      <c r="W145" s="70"/>
      <c r="X145" s="70"/>
      <c r="Y145" s="70"/>
      <c r="Z145" s="70"/>
      <c r="AA145" s="70"/>
      <c r="AB145" s="70"/>
      <c r="AC145" s="70"/>
      <c r="AD145" s="70"/>
      <c r="AE145" s="70"/>
      <c r="AF145" s="70"/>
    </row>
    <row r="146" spans="3:32" x14ac:dyDescent="0.2">
      <c r="C146" s="70"/>
      <c r="D146" s="70"/>
      <c r="E146" s="70"/>
      <c r="F146" s="70"/>
      <c r="G146" s="70"/>
      <c r="H146" s="70"/>
      <c r="I146" s="70"/>
      <c r="J146" s="70"/>
      <c r="K146" s="70"/>
      <c r="L146" s="70"/>
      <c r="M146" s="70"/>
      <c r="N146" s="70"/>
      <c r="O146" s="70"/>
      <c r="P146" s="70"/>
      <c r="Q146" s="70"/>
      <c r="R146" s="70"/>
      <c r="S146" s="70"/>
      <c r="T146" s="70"/>
      <c r="U146" s="70"/>
      <c r="V146" s="70"/>
      <c r="W146" s="70"/>
      <c r="X146" s="70"/>
      <c r="Y146" s="70"/>
      <c r="Z146" s="70"/>
      <c r="AA146" s="70"/>
      <c r="AB146" s="70"/>
      <c r="AC146" s="70"/>
      <c r="AD146" s="70"/>
      <c r="AE146" s="70"/>
      <c r="AF146" s="70"/>
    </row>
    <row r="147" spans="3:32" x14ac:dyDescent="0.2">
      <c r="C147" s="70"/>
      <c r="D147" s="70"/>
      <c r="E147" s="70"/>
      <c r="F147" s="70"/>
      <c r="G147" s="70"/>
      <c r="H147" s="70"/>
      <c r="I147" s="70"/>
      <c r="J147" s="70"/>
      <c r="K147" s="70"/>
      <c r="L147" s="70"/>
      <c r="M147" s="70"/>
      <c r="N147" s="70"/>
      <c r="O147" s="70"/>
      <c r="P147" s="70"/>
      <c r="Q147" s="70"/>
      <c r="R147" s="70"/>
      <c r="S147" s="70"/>
      <c r="T147" s="70"/>
      <c r="U147" s="70"/>
      <c r="V147" s="70"/>
      <c r="W147" s="70"/>
      <c r="X147" s="70"/>
      <c r="Y147" s="70"/>
      <c r="Z147" s="70"/>
      <c r="AA147" s="70"/>
      <c r="AB147" s="70"/>
      <c r="AC147" s="70"/>
      <c r="AD147" s="70"/>
      <c r="AE147" s="70"/>
      <c r="AF147" s="70"/>
    </row>
    <row r="148" spans="3:32" x14ac:dyDescent="0.2">
      <c r="C148" s="70"/>
      <c r="D148" s="70"/>
      <c r="E148" s="70"/>
      <c r="F148" s="70"/>
      <c r="G148" s="70"/>
      <c r="H148" s="70"/>
      <c r="I148" s="70"/>
      <c r="J148" s="70"/>
      <c r="K148" s="70"/>
      <c r="L148" s="70"/>
      <c r="M148" s="70"/>
      <c r="N148" s="70"/>
      <c r="O148" s="70"/>
      <c r="P148" s="70"/>
      <c r="Q148" s="70"/>
      <c r="R148" s="70"/>
      <c r="S148" s="70"/>
      <c r="T148" s="70"/>
      <c r="U148" s="70"/>
      <c r="V148" s="70"/>
      <c r="W148" s="70"/>
      <c r="X148" s="70"/>
      <c r="Y148" s="70"/>
      <c r="Z148" s="70"/>
      <c r="AA148" s="70"/>
      <c r="AB148" s="70"/>
      <c r="AC148" s="70"/>
      <c r="AD148" s="70"/>
      <c r="AE148" s="70"/>
      <c r="AF148" s="70"/>
    </row>
    <row r="149" spans="3:32" x14ac:dyDescent="0.2">
      <c r="C149" s="70"/>
      <c r="D149" s="70"/>
      <c r="E149" s="70"/>
      <c r="F149" s="70"/>
      <c r="G149" s="70"/>
      <c r="H149" s="70"/>
      <c r="I149" s="70"/>
      <c r="J149" s="70"/>
      <c r="K149" s="70"/>
      <c r="L149" s="70"/>
      <c r="M149" s="70"/>
      <c r="N149" s="70"/>
      <c r="O149" s="70"/>
      <c r="P149" s="70"/>
      <c r="Q149" s="70"/>
      <c r="R149" s="70"/>
      <c r="S149" s="70"/>
      <c r="T149" s="70"/>
      <c r="U149" s="70"/>
      <c r="V149" s="70"/>
      <c r="W149" s="70"/>
      <c r="X149" s="70"/>
      <c r="Y149" s="70"/>
      <c r="Z149" s="70"/>
      <c r="AA149" s="70"/>
      <c r="AB149" s="70"/>
      <c r="AC149" s="70"/>
      <c r="AD149" s="70"/>
      <c r="AE149" s="70"/>
      <c r="AF149" s="70"/>
    </row>
    <row r="150" spans="3:32" x14ac:dyDescent="0.2">
      <c r="C150" s="70"/>
      <c r="D150" s="70"/>
      <c r="E150" s="70"/>
      <c r="F150" s="70"/>
      <c r="G150" s="70"/>
      <c r="H150" s="70"/>
      <c r="I150" s="70"/>
      <c r="J150" s="70"/>
      <c r="K150" s="70"/>
      <c r="L150" s="70"/>
      <c r="M150" s="70"/>
      <c r="N150" s="70"/>
      <c r="O150" s="70"/>
      <c r="P150" s="70"/>
      <c r="Q150" s="70"/>
      <c r="R150" s="70"/>
      <c r="S150" s="70"/>
      <c r="T150" s="70"/>
      <c r="U150" s="70"/>
      <c r="V150" s="70"/>
      <c r="W150" s="70"/>
      <c r="X150" s="70"/>
      <c r="Y150" s="70"/>
      <c r="Z150" s="70"/>
      <c r="AA150" s="70"/>
      <c r="AB150" s="70"/>
      <c r="AC150" s="70"/>
      <c r="AD150" s="70"/>
      <c r="AE150" s="70"/>
      <c r="AF150" s="70"/>
    </row>
    <row r="151" spans="3:32" x14ac:dyDescent="0.2">
      <c r="C151" s="70"/>
      <c r="D151" s="70"/>
      <c r="E151" s="70"/>
      <c r="F151" s="70"/>
      <c r="G151" s="70"/>
      <c r="H151" s="70"/>
      <c r="I151" s="70"/>
      <c r="J151" s="70"/>
      <c r="K151" s="70"/>
      <c r="L151" s="70"/>
      <c r="M151" s="70"/>
      <c r="N151" s="70"/>
      <c r="O151" s="70"/>
      <c r="P151" s="70"/>
      <c r="Q151" s="70"/>
      <c r="R151" s="70"/>
      <c r="S151" s="70"/>
      <c r="T151" s="70"/>
      <c r="U151" s="70"/>
      <c r="V151" s="70"/>
      <c r="W151" s="70"/>
      <c r="X151" s="70"/>
      <c r="Y151" s="70"/>
      <c r="Z151" s="70"/>
      <c r="AA151" s="70"/>
      <c r="AB151" s="70"/>
      <c r="AC151" s="70"/>
      <c r="AD151" s="70"/>
      <c r="AE151" s="70"/>
      <c r="AF151" s="70"/>
    </row>
    <row r="152" spans="3:32" x14ac:dyDescent="0.2">
      <c r="C152" s="70"/>
      <c r="D152" s="70"/>
      <c r="E152" s="70"/>
      <c r="F152" s="70"/>
      <c r="G152" s="70"/>
      <c r="H152" s="70"/>
      <c r="I152" s="70"/>
      <c r="J152" s="70"/>
      <c r="K152" s="70"/>
      <c r="L152" s="70"/>
      <c r="M152" s="70"/>
      <c r="N152" s="70"/>
      <c r="O152" s="70"/>
      <c r="P152" s="70"/>
      <c r="Q152" s="70"/>
      <c r="R152" s="70"/>
      <c r="S152" s="70"/>
      <c r="T152" s="70"/>
      <c r="U152" s="70"/>
      <c r="V152" s="70"/>
      <c r="W152" s="70"/>
      <c r="X152" s="70"/>
      <c r="Y152" s="70"/>
      <c r="Z152" s="70"/>
      <c r="AA152" s="70"/>
      <c r="AB152" s="70"/>
      <c r="AC152" s="70"/>
      <c r="AD152" s="70"/>
      <c r="AE152" s="70"/>
      <c r="AF152" s="70"/>
    </row>
    <row r="153" spans="3:32" x14ac:dyDescent="0.2">
      <c r="C153" s="70"/>
      <c r="D153" s="70"/>
      <c r="E153" s="70"/>
      <c r="F153" s="70"/>
      <c r="G153" s="70"/>
      <c r="H153" s="70"/>
      <c r="I153" s="70"/>
      <c r="J153" s="70"/>
      <c r="K153" s="70"/>
      <c r="L153" s="70"/>
      <c r="M153" s="70"/>
      <c r="N153" s="70"/>
      <c r="O153" s="70"/>
      <c r="P153" s="70"/>
      <c r="Q153" s="70"/>
      <c r="R153" s="70"/>
      <c r="S153" s="70"/>
      <c r="T153" s="70"/>
      <c r="U153" s="70"/>
      <c r="V153" s="70"/>
      <c r="W153" s="70"/>
      <c r="X153" s="70"/>
      <c r="Y153" s="70"/>
      <c r="Z153" s="70"/>
      <c r="AA153" s="70"/>
      <c r="AB153" s="70"/>
      <c r="AC153" s="70"/>
      <c r="AD153" s="70"/>
      <c r="AE153" s="70"/>
      <c r="AF153" s="70"/>
    </row>
    <row r="154" spans="3:32" x14ac:dyDescent="0.2">
      <c r="C154" s="70"/>
      <c r="D154" s="70"/>
      <c r="E154" s="70"/>
      <c r="F154" s="70"/>
      <c r="G154" s="70"/>
      <c r="H154" s="70"/>
      <c r="I154" s="70"/>
      <c r="J154" s="70"/>
      <c r="K154" s="70"/>
      <c r="L154" s="70"/>
      <c r="M154" s="70"/>
      <c r="N154" s="70"/>
      <c r="O154" s="70"/>
      <c r="P154" s="70"/>
      <c r="Q154" s="70"/>
      <c r="R154" s="70"/>
      <c r="S154" s="70"/>
      <c r="T154" s="70"/>
      <c r="U154" s="70"/>
      <c r="V154" s="70"/>
      <c r="W154" s="70"/>
      <c r="X154" s="70"/>
      <c r="Y154" s="70"/>
      <c r="Z154" s="70"/>
      <c r="AA154" s="70"/>
      <c r="AB154" s="70"/>
      <c r="AC154" s="70"/>
      <c r="AD154" s="70"/>
      <c r="AE154" s="70"/>
      <c r="AF154" s="70"/>
    </row>
    <row r="155" spans="3:32" x14ac:dyDescent="0.2">
      <c r="C155" s="70"/>
      <c r="D155" s="70"/>
      <c r="E155" s="70"/>
      <c r="F155" s="70"/>
      <c r="G155" s="70"/>
      <c r="H155" s="70"/>
      <c r="I155" s="70"/>
      <c r="J155" s="70"/>
      <c r="K155" s="70"/>
      <c r="L155" s="70"/>
      <c r="M155" s="70"/>
      <c r="N155" s="70"/>
      <c r="O155" s="70"/>
      <c r="P155" s="70"/>
      <c r="Q155" s="70"/>
      <c r="R155" s="70"/>
      <c r="S155" s="70"/>
      <c r="T155" s="70"/>
      <c r="U155" s="70"/>
      <c r="V155" s="70"/>
      <c r="W155" s="70"/>
      <c r="X155" s="70"/>
      <c r="Y155" s="70"/>
      <c r="Z155" s="70"/>
      <c r="AA155" s="70"/>
      <c r="AB155" s="70"/>
      <c r="AC155" s="70"/>
      <c r="AD155" s="70"/>
      <c r="AE155" s="70"/>
      <c r="AF155" s="70"/>
    </row>
    <row r="156" spans="3:32" x14ac:dyDescent="0.2">
      <c r="C156" s="70"/>
      <c r="D156" s="70"/>
      <c r="E156" s="70"/>
      <c r="F156" s="70"/>
      <c r="G156" s="70"/>
      <c r="H156" s="70"/>
      <c r="I156" s="70"/>
      <c r="J156" s="70"/>
      <c r="K156" s="70"/>
      <c r="L156" s="70"/>
      <c r="M156" s="70"/>
      <c r="N156" s="70"/>
      <c r="O156" s="70"/>
      <c r="P156" s="70"/>
      <c r="Q156" s="70"/>
      <c r="R156" s="70"/>
      <c r="S156" s="70"/>
      <c r="T156" s="70"/>
      <c r="U156" s="70"/>
      <c r="V156" s="70"/>
      <c r="W156" s="70"/>
      <c r="X156" s="70"/>
      <c r="Y156" s="70"/>
      <c r="Z156" s="70"/>
      <c r="AA156" s="70"/>
      <c r="AB156" s="70"/>
      <c r="AC156" s="70"/>
      <c r="AD156" s="70"/>
      <c r="AE156" s="70"/>
      <c r="AF156" s="70"/>
    </row>
    <row r="157" spans="3:32" x14ac:dyDescent="0.2">
      <c r="C157" s="70"/>
      <c r="D157" s="70"/>
      <c r="E157" s="70"/>
      <c r="F157" s="70"/>
      <c r="G157" s="70"/>
      <c r="H157" s="70"/>
      <c r="I157" s="70"/>
      <c r="J157" s="70"/>
      <c r="K157" s="70"/>
      <c r="L157" s="70"/>
      <c r="M157" s="70"/>
      <c r="N157" s="70"/>
      <c r="O157" s="70"/>
      <c r="P157" s="70"/>
      <c r="Q157" s="70"/>
      <c r="R157" s="70"/>
      <c r="S157" s="70"/>
      <c r="T157" s="70"/>
      <c r="U157" s="70"/>
      <c r="V157" s="70"/>
      <c r="W157" s="70"/>
      <c r="X157" s="70"/>
      <c r="Y157" s="70"/>
      <c r="Z157" s="70"/>
      <c r="AA157" s="70"/>
      <c r="AB157" s="70"/>
      <c r="AC157" s="70"/>
      <c r="AD157" s="70"/>
      <c r="AE157" s="70"/>
      <c r="AF157" s="70"/>
    </row>
    <row r="158" spans="3:32" x14ac:dyDescent="0.2">
      <c r="C158" s="70"/>
      <c r="D158" s="70"/>
      <c r="E158" s="70"/>
      <c r="F158" s="70"/>
      <c r="G158" s="70"/>
      <c r="H158" s="70"/>
      <c r="I158" s="70"/>
      <c r="J158" s="70"/>
      <c r="K158" s="70"/>
      <c r="L158" s="70"/>
      <c r="M158" s="70"/>
      <c r="N158" s="70"/>
      <c r="O158" s="70"/>
      <c r="P158" s="70"/>
      <c r="Q158" s="70"/>
      <c r="R158" s="70"/>
      <c r="S158" s="70"/>
      <c r="T158" s="70"/>
      <c r="U158" s="70"/>
      <c r="V158" s="70"/>
      <c r="W158" s="70"/>
      <c r="X158" s="70"/>
      <c r="Y158" s="70"/>
      <c r="Z158" s="70"/>
      <c r="AA158" s="70"/>
      <c r="AB158" s="70"/>
      <c r="AC158" s="70"/>
      <c r="AD158" s="70"/>
      <c r="AE158" s="70"/>
      <c r="AF158" s="70"/>
    </row>
    <row r="159" spans="3:32" x14ac:dyDescent="0.2">
      <c r="C159" s="70"/>
      <c r="D159" s="70"/>
      <c r="E159" s="70"/>
      <c r="F159" s="70"/>
      <c r="G159" s="70"/>
      <c r="H159" s="70"/>
      <c r="I159" s="70"/>
      <c r="J159" s="70"/>
      <c r="K159" s="70"/>
      <c r="L159" s="70"/>
      <c r="M159" s="70"/>
      <c r="N159" s="70"/>
      <c r="O159" s="70"/>
      <c r="P159" s="70"/>
      <c r="Q159" s="70"/>
      <c r="R159" s="70"/>
      <c r="S159" s="70"/>
      <c r="T159" s="70"/>
      <c r="U159" s="70"/>
      <c r="V159" s="70"/>
      <c r="W159" s="70"/>
      <c r="X159" s="70"/>
      <c r="Y159" s="70"/>
      <c r="Z159" s="70"/>
      <c r="AA159" s="70"/>
      <c r="AB159" s="70"/>
      <c r="AC159" s="70"/>
      <c r="AD159" s="70"/>
      <c r="AE159" s="70"/>
      <c r="AF159" s="70"/>
    </row>
    <row r="160" spans="3:32" x14ac:dyDescent="0.2">
      <c r="C160" s="70"/>
      <c r="D160" s="70"/>
      <c r="E160" s="70"/>
      <c r="F160" s="70"/>
      <c r="G160" s="70"/>
      <c r="H160" s="70"/>
      <c r="I160" s="70"/>
      <c r="J160" s="70"/>
      <c r="K160" s="70"/>
      <c r="L160" s="70"/>
      <c r="M160" s="70"/>
      <c r="N160" s="70"/>
      <c r="O160" s="70"/>
      <c r="P160" s="70"/>
      <c r="Q160" s="70"/>
      <c r="R160" s="70"/>
      <c r="S160" s="70"/>
      <c r="T160" s="70"/>
      <c r="U160" s="70"/>
      <c r="V160" s="70"/>
      <c r="W160" s="70"/>
      <c r="X160" s="70"/>
      <c r="Y160" s="70"/>
      <c r="Z160" s="70"/>
      <c r="AA160" s="70"/>
      <c r="AB160" s="70"/>
      <c r="AC160" s="70"/>
      <c r="AD160" s="70"/>
      <c r="AE160" s="70"/>
      <c r="AF160" s="70"/>
    </row>
    <row r="161" spans="3:32" x14ac:dyDescent="0.2">
      <c r="C161" s="70"/>
      <c r="D161" s="70"/>
      <c r="E161" s="70"/>
      <c r="F161" s="70"/>
      <c r="G161" s="70"/>
      <c r="H161" s="70"/>
      <c r="I161" s="70"/>
      <c r="J161" s="70"/>
      <c r="K161" s="70"/>
      <c r="L161" s="70"/>
      <c r="M161" s="70"/>
      <c r="N161" s="70"/>
      <c r="O161" s="70"/>
      <c r="P161" s="70"/>
      <c r="Q161" s="70"/>
      <c r="R161" s="70"/>
      <c r="S161" s="70"/>
      <c r="T161" s="70"/>
      <c r="U161" s="70"/>
      <c r="V161" s="70"/>
      <c r="W161" s="70"/>
      <c r="X161" s="70"/>
      <c r="Y161" s="70"/>
      <c r="Z161" s="70"/>
      <c r="AA161" s="70"/>
      <c r="AB161" s="70"/>
      <c r="AC161" s="70"/>
      <c r="AD161" s="70"/>
      <c r="AE161" s="70"/>
      <c r="AF161" s="70"/>
    </row>
    <row r="162" spans="3:32" x14ac:dyDescent="0.2">
      <c r="C162" s="70"/>
      <c r="D162" s="70"/>
      <c r="E162" s="70"/>
      <c r="F162" s="70"/>
      <c r="G162" s="70"/>
      <c r="H162" s="70"/>
      <c r="I162" s="70"/>
      <c r="J162" s="70"/>
      <c r="K162" s="70"/>
      <c r="L162" s="70"/>
      <c r="M162" s="70"/>
      <c r="N162" s="70"/>
      <c r="O162" s="70"/>
      <c r="P162" s="70"/>
      <c r="Q162" s="70"/>
      <c r="R162" s="70"/>
      <c r="S162" s="70"/>
      <c r="T162" s="70"/>
      <c r="U162" s="70"/>
      <c r="V162" s="70"/>
      <c r="W162" s="70"/>
      <c r="X162" s="70"/>
      <c r="Y162" s="70"/>
      <c r="Z162" s="70"/>
      <c r="AA162" s="70"/>
      <c r="AB162" s="70"/>
      <c r="AC162" s="70"/>
      <c r="AD162" s="70"/>
      <c r="AE162" s="70"/>
      <c r="AF162" s="70"/>
    </row>
    <row r="163" spans="3:32" x14ac:dyDescent="0.2">
      <c r="C163" s="70"/>
      <c r="D163" s="70"/>
      <c r="E163" s="70"/>
      <c r="F163" s="70"/>
      <c r="G163" s="70"/>
      <c r="H163" s="70"/>
      <c r="I163" s="70"/>
      <c r="J163" s="70"/>
      <c r="K163" s="70"/>
      <c r="L163" s="70"/>
      <c r="M163" s="70"/>
      <c r="N163" s="70"/>
      <c r="O163" s="70"/>
      <c r="P163" s="70"/>
      <c r="Q163" s="70"/>
      <c r="R163" s="70"/>
      <c r="S163" s="70"/>
      <c r="T163" s="70"/>
      <c r="U163" s="70"/>
      <c r="V163" s="70"/>
      <c r="W163" s="70"/>
      <c r="X163" s="70"/>
      <c r="Y163" s="70"/>
      <c r="Z163" s="70"/>
      <c r="AA163" s="70"/>
      <c r="AB163" s="70"/>
      <c r="AC163" s="70"/>
      <c r="AD163" s="70"/>
      <c r="AE163" s="70"/>
      <c r="AF163" s="70"/>
    </row>
    <row r="164" spans="3:32" x14ac:dyDescent="0.2">
      <c r="C164" s="70"/>
      <c r="D164" s="70"/>
      <c r="E164" s="70"/>
      <c r="F164" s="70"/>
      <c r="G164" s="70"/>
      <c r="H164" s="70"/>
      <c r="I164" s="70"/>
      <c r="J164" s="70"/>
      <c r="K164" s="70"/>
      <c r="L164" s="70"/>
      <c r="M164" s="70"/>
      <c r="N164" s="70"/>
      <c r="O164" s="70"/>
      <c r="P164" s="70"/>
      <c r="Q164" s="70"/>
      <c r="R164" s="70"/>
      <c r="S164" s="70"/>
      <c r="T164" s="70"/>
      <c r="U164" s="70"/>
      <c r="V164" s="70"/>
      <c r="W164" s="70"/>
      <c r="X164" s="70"/>
      <c r="Y164" s="70"/>
      <c r="Z164" s="70"/>
      <c r="AA164" s="70"/>
      <c r="AB164" s="70"/>
      <c r="AC164" s="70"/>
      <c r="AD164" s="70"/>
      <c r="AE164" s="70"/>
      <c r="AF164" s="70"/>
    </row>
    <row r="165" spans="3:32" x14ac:dyDescent="0.2">
      <c r="C165" s="70"/>
      <c r="D165" s="70"/>
      <c r="E165" s="70"/>
      <c r="F165" s="70"/>
      <c r="G165" s="70"/>
      <c r="H165" s="70"/>
      <c r="I165" s="70"/>
      <c r="J165" s="70"/>
      <c r="K165" s="70"/>
      <c r="L165" s="70"/>
      <c r="M165" s="70"/>
      <c r="N165" s="70"/>
      <c r="O165" s="70"/>
      <c r="P165" s="70"/>
      <c r="Q165" s="70"/>
      <c r="R165" s="70"/>
      <c r="S165" s="70"/>
      <c r="T165" s="70"/>
      <c r="U165" s="70"/>
      <c r="V165" s="70"/>
      <c r="W165" s="70"/>
      <c r="X165" s="70"/>
      <c r="Y165" s="70"/>
      <c r="Z165" s="70"/>
      <c r="AA165" s="70"/>
      <c r="AB165" s="70"/>
      <c r="AC165" s="70"/>
      <c r="AD165" s="70"/>
      <c r="AE165" s="70"/>
      <c r="AF165" s="70"/>
    </row>
    <row r="166" spans="3:32" x14ac:dyDescent="0.2">
      <c r="C166" s="70"/>
      <c r="D166" s="70"/>
      <c r="E166" s="70"/>
      <c r="F166" s="70"/>
      <c r="G166" s="70"/>
      <c r="H166" s="70"/>
      <c r="I166" s="70"/>
      <c r="J166" s="70"/>
      <c r="K166" s="70"/>
      <c r="L166" s="70"/>
      <c r="M166" s="70"/>
      <c r="N166" s="70"/>
      <c r="O166" s="70"/>
      <c r="P166" s="70"/>
      <c r="Q166" s="70"/>
      <c r="R166" s="70"/>
      <c r="S166" s="70"/>
      <c r="T166" s="70"/>
      <c r="U166" s="70"/>
      <c r="V166" s="70"/>
      <c r="W166" s="70"/>
      <c r="X166" s="70"/>
      <c r="Y166" s="70"/>
      <c r="Z166" s="70"/>
      <c r="AA166" s="70"/>
      <c r="AB166" s="70"/>
      <c r="AC166" s="70"/>
      <c r="AD166" s="70"/>
      <c r="AE166" s="70"/>
      <c r="AF166" s="70"/>
    </row>
    <row r="167" spans="3:32" x14ac:dyDescent="0.2">
      <c r="C167" s="70"/>
      <c r="D167" s="70"/>
      <c r="E167" s="70"/>
      <c r="F167" s="70"/>
      <c r="G167" s="70"/>
      <c r="H167" s="70"/>
      <c r="I167" s="70"/>
      <c r="J167" s="70"/>
      <c r="K167" s="70"/>
      <c r="L167" s="70"/>
      <c r="M167" s="70"/>
      <c r="N167" s="70"/>
      <c r="O167" s="70"/>
      <c r="P167" s="70"/>
      <c r="Q167" s="70"/>
      <c r="R167" s="70"/>
      <c r="S167" s="70"/>
      <c r="T167" s="70"/>
      <c r="U167" s="70"/>
      <c r="V167" s="70"/>
      <c r="W167" s="70"/>
      <c r="X167" s="70"/>
      <c r="Y167" s="70"/>
      <c r="Z167" s="70"/>
      <c r="AA167" s="70"/>
      <c r="AB167" s="70"/>
      <c r="AC167" s="70"/>
      <c r="AD167" s="70"/>
      <c r="AE167" s="70"/>
      <c r="AF167" s="70"/>
    </row>
    <row r="168" spans="3:32" x14ac:dyDescent="0.2">
      <c r="C168" s="70"/>
      <c r="D168" s="70"/>
      <c r="E168" s="70"/>
      <c r="F168" s="70"/>
      <c r="G168" s="70"/>
      <c r="H168" s="70"/>
      <c r="I168" s="70"/>
      <c r="J168" s="70"/>
      <c r="K168" s="70"/>
      <c r="L168" s="70"/>
      <c r="M168" s="70"/>
      <c r="N168" s="70"/>
      <c r="O168" s="70"/>
      <c r="P168" s="70"/>
      <c r="Q168" s="70"/>
      <c r="R168" s="70"/>
      <c r="S168" s="70"/>
      <c r="T168" s="70"/>
      <c r="U168" s="70"/>
      <c r="V168" s="70"/>
      <c r="W168" s="70"/>
      <c r="X168" s="70"/>
      <c r="Y168" s="70"/>
      <c r="Z168" s="70"/>
      <c r="AA168" s="70"/>
      <c r="AB168" s="70"/>
      <c r="AC168" s="70"/>
      <c r="AD168" s="70"/>
      <c r="AE168" s="70"/>
      <c r="AF168" s="70"/>
    </row>
    <row r="169" spans="3:32" x14ac:dyDescent="0.2">
      <c r="C169" s="70"/>
      <c r="D169" s="70"/>
      <c r="E169" s="70"/>
      <c r="F169" s="70"/>
      <c r="G169" s="70"/>
      <c r="H169" s="70"/>
      <c r="I169" s="70"/>
      <c r="J169" s="70"/>
      <c r="K169" s="70"/>
      <c r="L169" s="70"/>
      <c r="M169" s="70"/>
      <c r="N169" s="70"/>
      <c r="O169" s="70"/>
      <c r="P169" s="70"/>
      <c r="Q169" s="70"/>
      <c r="R169" s="70"/>
      <c r="S169" s="70"/>
      <c r="T169" s="70"/>
      <c r="U169" s="70"/>
      <c r="V169" s="70"/>
      <c r="W169" s="70"/>
      <c r="X169" s="70"/>
      <c r="Y169" s="70"/>
      <c r="Z169" s="70"/>
      <c r="AA169" s="70"/>
      <c r="AB169" s="70"/>
      <c r="AC169" s="70"/>
      <c r="AD169" s="70"/>
      <c r="AE169" s="70"/>
      <c r="AF169" s="70"/>
    </row>
    <row r="170" spans="3:32" x14ac:dyDescent="0.2">
      <c r="C170" s="70"/>
      <c r="D170" s="70"/>
      <c r="E170" s="70"/>
      <c r="F170" s="70"/>
      <c r="G170" s="70"/>
      <c r="H170" s="70"/>
      <c r="I170" s="70"/>
      <c r="J170" s="70"/>
      <c r="K170" s="70"/>
      <c r="L170" s="70"/>
      <c r="M170" s="70"/>
      <c r="N170" s="70"/>
      <c r="O170" s="70"/>
      <c r="P170" s="70"/>
      <c r="Q170" s="70"/>
      <c r="R170" s="70"/>
      <c r="S170" s="70"/>
      <c r="T170" s="70"/>
      <c r="U170" s="70"/>
      <c r="V170" s="70"/>
      <c r="W170" s="70"/>
      <c r="X170" s="70"/>
      <c r="Y170" s="70"/>
      <c r="Z170" s="70"/>
      <c r="AA170" s="70"/>
      <c r="AB170" s="70"/>
      <c r="AC170" s="70"/>
      <c r="AD170" s="70"/>
      <c r="AE170" s="70"/>
      <c r="AF170" s="70"/>
    </row>
    <row r="171" spans="3:32" x14ac:dyDescent="0.2">
      <c r="C171" s="70"/>
      <c r="D171" s="70"/>
      <c r="E171" s="70"/>
      <c r="F171" s="70"/>
      <c r="G171" s="70"/>
      <c r="H171" s="70"/>
      <c r="I171" s="70"/>
      <c r="J171" s="70"/>
      <c r="K171" s="70"/>
      <c r="L171" s="70"/>
      <c r="M171" s="70"/>
      <c r="N171" s="70"/>
      <c r="O171" s="70"/>
      <c r="P171" s="70"/>
      <c r="Q171" s="70"/>
      <c r="R171" s="70"/>
      <c r="S171" s="70"/>
      <c r="T171" s="70"/>
      <c r="U171" s="70"/>
      <c r="V171" s="70"/>
      <c r="W171" s="70"/>
      <c r="X171" s="70"/>
      <c r="Y171" s="70"/>
      <c r="Z171" s="70"/>
      <c r="AA171" s="70"/>
      <c r="AB171" s="70"/>
      <c r="AC171" s="70"/>
      <c r="AD171" s="70"/>
      <c r="AE171" s="70"/>
      <c r="AF171" s="70"/>
    </row>
    <row r="172" spans="3:32" x14ac:dyDescent="0.2">
      <c r="C172" s="70"/>
      <c r="D172" s="70"/>
      <c r="E172" s="70"/>
      <c r="F172" s="70"/>
      <c r="G172" s="70"/>
      <c r="H172" s="70"/>
      <c r="I172" s="70"/>
      <c r="J172" s="70"/>
      <c r="K172" s="70"/>
      <c r="L172" s="70"/>
      <c r="M172" s="70"/>
      <c r="N172" s="70"/>
      <c r="O172" s="70"/>
      <c r="P172" s="70"/>
      <c r="Q172" s="70"/>
      <c r="R172" s="70"/>
      <c r="S172" s="70"/>
      <c r="T172" s="70"/>
      <c r="U172" s="70"/>
      <c r="V172" s="70"/>
      <c r="W172" s="70"/>
      <c r="X172" s="70"/>
      <c r="Y172" s="70"/>
      <c r="Z172" s="70"/>
      <c r="AA172" s="70"/>
      <c r="AB172" s="70"/>
      <c r="AC172" s="70"/>
      <c r="AD172" s="70"/>
      <c r="AE172" s="70"/>
      <c r="AF172" s="70"/>
    </row>
    <row r="173" spans="3:32" x14ac:dyDescent="0.2">
      <c r="C173" s="70"/>
      <c r="D173" s="70"/>
      <c r="E173" s="70"/>
      <c r="F173" s="70"/>
      <c r="G173" s="70"/>
      <c r="H173" s="70"/>
      <c r="I173" s="70"/>
      <c r="J173" s="70"/>
      <c r="K173" s="70"/>
      <c r="L173" s="70"/>
      <c r="M173" s="70"/>
      <c r="N173" s="70"/>
      <c r="O173" s="70"/>
      <c r="P173" s="70"/>
      <c r="Q173" s="70"/>
      <c r="R173" s="70"/>
      <c r="S173" s="70"/>
      <c r="T173" s="70"/>
      <c r="U173" s="70"/>
      <c r="V173" s="70"/>
      <c r="W173" s="70"/>
      <c r="X173" s="70"/>
      <c r="Y173" s="70"/>
      <c r="Z173" s="70"/>
      <c r="AA173" s="70"/>
      <c r="AB173" s="70"/>
      <c r="AC173" s="70"/>
      <c r="AD173" s="70"/>
      <c r="AE173" s="70"/>
      <c r="AF173" s="70"/>
    </row>
    <row r="174" spans="3:32" x14ac:dyDescent="0.2">
      <c r="C174" s="70"/>
      <c r="D174" s="70"/>
      <c r="E174" s="70"/>
      <c r="F174" s="70"/>
      <c r="G174" s="70"/>
      <c r="H174" s="70"/>
      <c r="I174" s="70"/>
      <c r="J174" s="70"/>
      <c r="K174" s="70"/>
      <c r="L174" s="70"/>
      <c r="M174" s="70"/>
      <c r="N174" s="70"/>
      <c r="O174" s="70"/>
      <c r="P174" s="70"/>
      <c r="Q174" s="70"/>
      <c r="R174" s="70"/>
      <c r="S174" s="70"/>
      <c r="T174" s="70"/>
      <c r="U174" s="70"/>
      <c r="V174" s="70"/>
      <c r="W174" s="70"/>
      <c r="X174" s="70"/>
      <c r="Y174" s="70"/>
      <c r="Z174" s="70"/>
      <c r="AA174" s="70"/>
      <c r="AB174" s="70"/>
      <c r="AC174" s="70"/>
      <c r="AD174" s="70"/>
      <c r="AE174" s="70"/>
      <c r="AF174" s="70"/>
    </row>
    <row r="175" spans="3:32" x14ac:dyDescent="0.2">
      <c r="C175" s="70"/>
      <c r="D175" s="70"/>
      <c r="E175" s="70"/>
      <c r="F175" s="70"/>
      <c r="G175" s="70"/>
      <c r="H175" s="70"/>
      <c r="I175" s="70"/>
      <c r="J175" s="70"/>
      <c r="K175" s="70"/>
      <c r="L175" s="70"/>
      <c r="M175" s="70"/>
      <c r="N175" s="70"/>
      <c r="O175" s="70"/>
      <c r="P175" s="70"/>
      <c r="Q175" s="70"/>
      <c r="R175" s="70"/>
      <c r="S175" s="70"/>
      <c r="T175" s="70"/>
      <c r="U175" s="70"/>
      <c r="V175" s="70"/>
      <c r="W175" s="70"/>
      <c r="X175" s="70"/>
      <c r="Y175" s="70"/>
      <c r="Z175" s="70"/>
      <c r="AA175" s="70"/>
      <c r="AB175" s="70"/>
      <c r="AC175" s="70"/>
      <c r="AD175" s="70"/>
      <c r="AE175" s="70"/>
      <c r="AF175" s="70"/>
    </row>
    <row r="176" spans="3:32" x14ac:dyDescent="0.2">
      <c r="C176" s="70"/>
      <c r="D176" s="70"/>
      <c r="E176" s="70"/>
      <c r="F176" s="70"/>
      <c r="G176" s="70"/>
      <c r="H176" s="70"/>
      <c r="I176" s="70"/>
      <c r="J176" s="70"/>
      <c r="K176" s="70"/>
      <c r="L176" s="70"/>
      <c r="M176" s="70"/>
      <c r="N176" s="70"/>
      <c r="O176" s="70"/>
      <c r="P176" s="70"/>
      <c r="Q176" s="70"/>
      <c r="R176" s="70"/>
      <c r="S176" s="70"/>
      <c r="T176" s="70"/>
      <c r="U176" s="70"/>
      <c r="V176" s="70"/>
      <c r="W176" s="70"/>
      <c r="X176" s="70"/>
      <c r="Y176" s="70"/>
      <c r="Z176" s="70"/>
      <c r="AA176" s="70"/>
      <c r="AB176" s="70"/>
      <c r="AC176" s="70"/>
      <c r="AD176" s="70"/>
      <c r="AE176" s="70"/>
      <c r="AF176" s="70"/>
    </row>
    <row r="177" spans="3:32" x14ac:dyDescent="0.2">
      <c r="C177" s="70"/>
      <c r="D177" s="70"/>
      <c r="E177" s="70"/>
      <c r="F177" s="70"/>
      <c r="G177" s="70"/>
      <c r="H177" s="70"/>
      <c r="I177" s="70"/>
      <c r="J177" s="70"/>
      <c r="K177" s="70"/>
      <c r="L177" s="70"/>
      <c r="M177" s="70"/>
      <c r="N177" s="70"/>
      <c r="O177" s="70"/>
      <c r="P177" s="70"/>
      <c r="Q177" s="70"/>
      <c r="R177" s="70"/>
      <c r="S177" s="70"/>
      <c r="T177" s="70"/>
      <c r="U177" s="70"/>
      <c r="V177" s="70"/>
      <c r="W177" s="70"/>
      <c r="X177" s="70"/>
      <c r="Y177" s="70"/>
      <c r="Z177" s="70"/>
      <c r="AA177" s="70"/>
      <c r="AB177" s="70"/>
      <c r="AC177" s="70"/>
      <c r="AD177" s="70"/>
      <c r="AE177" s="70"/>
      <c r="AF177" s="70"/>
    </row>
    <row r="178" spans="3:32" x14ac:dyDescent="0.2">
      <c r="C178" s="70"/>
      <c r="D178" s="70"/>
      <c r="E178" s="70"/>
      <c r="F178" s="70"/>
      <c r="G178" s="70"/>
      <c r="H178" s="70"/>
      <c r="I178" s="70"/>
      <c r="J178" s="70"/>
      <c r="K178" s="70"/>
      <c r="L178" s="70"/>
      <c r="M178" s="70"/>
      <c r="N178" s="70"/>
      <c r="O178" s="70"/>
      <c r="P178" s="70"/>
      <c r="Q178" s="70"/>
      <c r="R178" s="70"/>
      <c r="S178" s="70"/>
      <c r="T178" s="70"/>
      <c r="U178" s="70"/>
      <c r="V178" s="70"/>
      <c r="W178" s="70"/>
      <c r="X178" s="70"/>
      <c r="Y178" s="70"/>
      <c r="Z178" s="70"/>
      <c r="AA178" s="70"/>
      <c r="AB178" s="70"/>
      <c r="AC178" s="70"/>
      <c r="AD178" s="70"/>
      <c r="AE178" s="70"/>
      <c r="AF178" s="70"/>
    </row>
    <row r="179" spans="3:32" x14ac:dyDescent="0.2">
      <c r="C179" s="70"/>
      <c r="D179" s="70"/>
      <c r="E179" s="70"/>
      <c r="F179" s="70"/>
      <c r="G179" s="70"/>
      <c r="H179" s="70"/>
      <c r="I179" s="70"/>
      <c r="J179" s="70"/>
      <c r="K179" s="70"/>
      <c r="L179" s="70"/>
      <c r="M179" s="70"/>
      <c r="N179" s="70"/>
      <c r="O179" s="70"/>
      <c r="P179" s="70"/>
      <c r="Q179" s="70"/>
      <c r="R179" s="70"/>
      <c r="S179" s="70"/>
      <c r="T179" s="70"/>
      <c r="U179" s="70"/>
      <c r="V179" s="70"/>
      <c r="W179" s="70"/>
      <c r="X179" s="70"/>
      <c r="Y179" s="70"/>
      <c r="Z179" s="70"/>
      <c r="AA179" s="70"/>
      <c r="AB179" s="70"/>
      <c r="AC179" s="70"/>
      <c r="AD179" s="70"/>
      <c r="AE179" s="70"/>
      <c r="AF179" s="70"/>
    </row>
    <row r="180" spans="3:32" x14ac:dyDescent="0.2">
      <c r="C180" s="70"/>
      <c r="D180" s="70"/>
      <c r="E180" s="70"/>
      <c r="F180" s="70"/>
      <c r="G180" s="70"/>
      <c r="H180" s="70"/>
      <c r="I180" s="70"/>
      <c r="J180" s="70"/>
      <c r="K180" s="70"/>
      <c r="L180" s="70"/>
      <c r="M180" s="70"/>
      <c r="N180" s="70"/>
      <c r="O180" s="70"/>
      <c r="P180" s="70"/>
      <c r="Q180" s="70"/>
      <c r="R180" s="70"/>
      <c r="S180" s="70"/>
      <c r="T180" s="70"/>
      <c r="U180" s="70"/>
      <c r="V180" s="70"/>
      <c r="W180" s="70"/>
      <c r="X180" s="70"/>
      <c r="Y180" s="70"/>
      <c r="Z180" s="70"/>
      <c r="AA180" s="70"/>
      <c r="AB180" s="70"/>
      <c r="AC180" s="70"/>
      <c r="AD180" s="70"/>
      <c r="AE180" s="70"/>
      <c r="AF180" s="70"/>
    </row>
    <row r="181" spans="3:32" x14ac:dyDescent="0.2">
      <c r="C181" s="70"/>
      <c r="D181" s="70"/>
      <c r="E181" s="70"/>
      <c r="F181" s="70"/>
      <c r="G181" s="70"/>
      <c r="H181" s="70"/>
      <c r="I181" s="70"/>
      <c r="J181" s="70"/>
      <c r="K181" s="70"/>
      <c r="L181" s="70"/>
      <c r="M181" s="70"/>
      <c r="N181" s="70"/>
      <c r="O181" s="70"/>
      <c r="P181" s="70"/>
      <c r="Q181" s="70"/>
      <c r="R181" s="70"/>
      <c r="S181" s="70"/>
      <c r="T181" s="70"/>
      <c r="U181" s="70"/>
      <c r="V181" s="70"/>
      <c r="W181" s="70"/>
      <c r="X181" s="70"/>
      <c r="Y181" s="70"/>
      <c r="Z181" s="70"/>
      <c r="AA181" s="70"/>
      <c r="AB181" s="70"/>
      <c r="AC181" s="70"/>
      <c r="AD181" s="70"/>
      <c r="AE181" s="70"/>
      <c r="AF181" s="70"/>
    </row>
    <row r="182" spans="3:32" x14ac:dyDescent="0.2">
      <c r="C182" s="70"/>
      <c r="D182" s="70"/>
      <c r="E182" s="70"/>
      <c r="F182" s="70"/>
      <c r="G182" s="70"/>
      <c r="H182" s="70"/>
      <c r="I182" s="70"/>
      <c r="J182" s="70"/>
      <c r="K182" s="70"/>
      <c r="L182" s="70"/>
      <c r="M182" s="70"/>
      <c r="N182" s="70"/>
      <c r="O182" s="70"/>
      <c r="P182" s="70"/>
      <c r="Q182" s="70"/>
      <c r="R182" s="70"/>
      <c r="S182" s="70"/>
      <c r="T182" s="70"/>
      <c r="U182" s="70"/>
      <c r="V182" s="70"/>
      <c r="W182" s="70"/>
      <c r="X182" s="70"/>
      <c r="Y182" s="70"/>
      <c r="Z182" s="70"/>
      <c r="AA182" s="70"/>
      <c r="AB182" s="70"/>
      <c r="AC182" s="70"/>
      <c r="AD182" s="70"/>
      <c r="AE182" s="70"/>
      <c r="AF182" s="70"/>
    </row>
    <row r="183" spans="3:32" x14ac:dyDescent="0.2">
      <c r="C183" s="70"/>
      <c r="D183" s="70"/>
      <c r="E183" s="70"/>
      <c r="F183" s="70"/>
      <c r="G183" s="70"/>
      <c r="H183" s="70"/>
      <c r="I183" s="70"/>
      <c r="J183" s="70"/>
      <c r="K183" s="70"/>
      <c r="L183" s="70"/>
      <c r="M183" s="70"/>
      <c r="N183" s="70"/>
      <c r="O183" s="70"/>
      <c r="P183" s="70"/>
      <c r="Q183" s="70"/>
      <c r="R183" s="70"/>
      <c r="S183" s="70"/>
      <c r="T183" s="70"/>
      <c r="U183" s="70"/>
      <c r="V183" s="70"/>
      <c r="W183" s="70"/>
      <c r="X183" s="70"/>
      <c r="Y183" s="70"/>
      <c r="Z183" s="70"/>
      <c r="AA183" s="70"/>
      <c r="AB183" s="70"/>
      <c r="AC183" s="70"/>
      <c r="AD183" s="70"/>
      <c r="AE183" s="70"/>
      <c r="AF183" s="70"/>
    </row>
    <row r="184" spans="3:32" x14ac:dyDescent="0.2">
      <c r="C184" s="70"/>
      <c r="D184" s="70"/>
      <c r="E184" s="70"/>
      <c r="F184" s="70"/>
      <c r="G184" s="70"/>
      <c r="H184" s="70"/>
      <c r="I184" s="70"/>
      <c r="J184" s="70"/>
      <c r="K184" s="70"/>
      <c r="L184" s="70"/>
      <c r="M184" s="70"/>
      <c r="N184" s="70"/>
      <c r="O184" s="70"/>
      <c r="P184" s="70"/>
      <c r="Q184" s="70"/>
      <c r="R184" s="70"/>
      <c r="S184" s="70"/>
      <c r="T184" s="70"/>
      <c r="U184" s="70"/>
      <c r="V184" s="70"/>
      <c r="W184" s="70"/>
      <c r="X184" s="70"/>
      <c r="Y184" s="70"/>
      <c r="Z184" s="70"/>
      <c r="AA184" s="70"/>
      <c r="AB184" s="70"/>
      <c r="AC184" s="70"/>
      <c r="AD184" s="70"/>
      <c r="AE184" s="70"/>
      <c r="AF184" s="70"/>
    </row>
    <row r="185" spans="3:32" x14ac:dyDescent="0.2">
      <c r="C185" s="70"/>
      <c r="D185" s="70"/>
      <c r="E185" s="70"/>
      <c r="F185" s="70"/>
      <c r="G185" s="70"/>
      <c r="H185" s="70"/>
      <c r="I185" s="70"/>
      <c r="J185" s="70"/>
      <c r="K185" s="70"/>
      <c r="L185" s="70"/>
      <c r="M185" s="70"/>
      <c r="N185" s="70"/>
      <c r="O185" s="70"/>
      <c r="P185" s="70"/>
      <c r="Q185" s="70"/>
      <c r="R185" s="70"/>
      <c r="S185" s="70"/>
      <c r="T185" s="70"/>
      <c r="U185" s="70"/>
      <c r="V185" s="70"/>
      <c r="W185" s="70"/>
      <c r="X185" s="70"/>
      <c r="Y185" s="70"/>
      <c r="Z185" s="70"/>
      <c r="AA185" s="70"/>
      <c r="AB185" s="70"/>
      <c r="AC185" s="70"/>
      <c r="AD185" s="70"/>
      <c r="AE185" s="70"/>
      <c r="AF185" s="70"/>
    </row>
    <row r="186" spans="3:32" x14ac:dyDescent="0.2">
      <c r="C186" s="70"/>
      <c r="D186" s="70"/>
      <c r="E186" s="70"/>
      <c r="F186" s="70"/>
      <c r="G186" s="70"/>
      <c r="H186" s="70"/>
      <c r="I186" s="70"/>
      <c r="J186" s="70"/>
      <c r="K186" s="70"/>
      <c r="L186" s="70"/>
      <c r="M186" s="70"/>
      <c r="N186" s="70"/>
      <c r="O186" s="70"/>
      <c r="P186" s="70"/>
      <c r="Q186" s="70"/>
      <c r="R186" s="70"/>
      <c r="S186" s="70"/>
      <c r="T186" s="70"/>
      <c r="U186" s="70"/>
      <c r="V186" s="70"/>
      <c r="W186" s="70"/>
      <c r="X186" s="70"/>
      <c r="Y186" s="70"/>
      <c r="Z186" s="70"/>
      <c r="AA186" s="70"/>
      <c r="AB186" s="70"/>
      <c r="AC186" s="70"/>
      <c r="AD186" s="70"/>
      <c r="AE186" s="70"/>
      <c r="AF186" s="70"/>
    </row>
    <row r="187" spans="3:32" x14ac:dyDescent="0.2">
      <c r="C187" s="70"/>
      <c r="D187" s="70"/>
      <c r="E187" s="70"/>
      <c r="F187" s="70"/>
      <c r="G187" s="70"/>
      <c r="H187" s="70"/>
      <c r="I187" s="70"/>
      <c r="J187" s="70"/>
      <c r="K187" s="70"/>
      <c r="L187" s="70"/>
      <c r="M187" s="70"/>
      <c r="N187" s="70"/>
      <c r="O187" s="70"/>
      <c r="P187" s="70"/>
      <c r="Q187" s="70"/>
      <c r="R187" s="70"/>
      <c r="S187" s="70"/>
      <c r="T187" s="70"/>
      <c r="U187" s="70"/>
      <c r="V187" s="70"/>
      <c r="W187" s="70"/>
      <c r="X187" s="70"/>
      <c r="Y187" s="70"/>
      <c r="Z187" s="70"/>
      <c r="AA187" s="70"/>
      <c r="AB187" s="70"/>
      <c r="AC187" s="70"/>
      <c r="AD187" s="70"/>
      <c r="AE187" s="70"/>
      <c r="AF187" s="70"/>
    </row>
    <row r="188" spans="3:32" x14ac:dyDescent="0.2">
      <c r="C188" s="70"/>
      <c r="D188" s="70"/>
      <c r="E188" s="70"/>
      <c r="F188" s="70"/>
      <c r="G188" s="70"/>
      <c r="H188" s="70"/>
      <c r="I188" s="70"/>
      <c r="J188" s="70"/>
      <c r="K188" s="70"/>
      <c r="L188" s="70"/>
      <c r="M188" s="70"/>
      <c r="N188" s="70"/>
      <c r="O188" s="70"/>
      <c r="P188" s="70"/>
      <c r="Q188" s="70"/>
      <c r="R188" s="70"/>
      <c r="S188" s="70"/>
      <c r="T188" s="70"/>
      <c r="U188" s="70"/>
      <c r="V188" s="70"/>
      <c r="W188" s="70"/>
      <c r="X188" s="70"/>
      <c r="Y188" s="70"/>
      <c r="Z188" s="70"/>
      <c r="AA188" s="70"/>
      <c r="AB188" s="70"/>
      <c r="AC188" s="70"/>
      <c r="AD188" s="70"/>
      <c r="AE188" s="70"/>
      <c r="AF188" s="70"/>
    </row>
    <row r="189" spans="3:32" x14ac:dyDescent="0.2">
      <c r="C189" s="70"/>
      <c r="D189" s="70"/>
      <c r="E189" s="70"/>
      <c r="F189" s="70"/>
      <c r="G189" s="70"/>
      <c r="H189" s="70"/>
      <c r="I189" s="70"/>
      <c r="J189" s="70"/>
      <c r="K189" s="70"/>
      <c r="L189" s="70"/>
      <c r="M189" s="70"/>
      <c r="N189" s="70"/>
      <c r="O189" s="70"/>
      <c r="P189" s="70"/>
      <c r="Q189" s="70"/>
      <c r="R189" s="70"/>
      <c r="S189" s="70"/>
      <c r="T189" s="70"/>
      <c r="U189" s="70"/>
      <c r="V189" s="70"/>
      <c r="W189" s="70"/>
      <c r="X189" s="70"/>
      <c r="Y189" s="70"/>
      <c r="Z189" s="70"/>
      <c r="AA189" s="70"/>
      <c r="AB189" s="70"/>
      <c r="AC189" s="70"/>
      <c r="AD189" s="70"/>
      <c r="AE189" s="70"/>
      <c r="AF189" s="70"/>
    </row>
    <row r="190" spans="3:32" x14ac:dyDescent="0.2">
      <c r="C190" s="70"/>
      <c r="D190" s="70"/>
      <c r="E190" s="70"/>
      <c r="F190" s="70"/>
      <c r="G190" s="70"/>
      <c r="H190" s="70"/>
      <c r="I190" s="70"/>
      <c r="J190" s="70"/>
      <c r="K190" s="70"/>
      <c r="L190" s="70"/>
      <c r="M190" s="70"/>
      <c r="N190" s="70"/>
      <c r="O190" s="70"/>
      <c r="P190" s="70"/>
      <c r="Q190" s="70"/>
      <c r="R190" s="70"/>
      <c r="S190" s="70"/>
      <c r="T190" s="70"/>
      <c r="U190" s="70"/>
      <c r="V190" s="70"/>
      <c r="W190" s="70"/>
      <c r="X190" s="70"/>
      <c r="Y190" s="70"/>
      <c r="Z190" s="70"/>
      <c r="AA190" s="70"/>
      <c r="AB190" s="70"/>
      <c r="AC190" s="70"/>
      <c r="AD190" s="70"/>
      <c r="AE190" s="70"/>
      <c r="AF190" s="70"/>
    </row>
    <row r="191" spans="3:32" x14ac:dyDescent="0.2">
      <c r="C191" s="70"/>
      <c r="D191" s="70"/>
      <c r="E191" s="70"/>
      <c r="F191" s="70"/>
      <c r="G191" s="70"/>
      <c r="H191" s="70"/>
      <c r="I191" s="70"/>
      <c r="J191" s="70"/>
      <c r="K191" s="70"/>
      <c r="L191" s="70"/>
      <c r="M191" s="70"/>
      <c r="N191" s="70"/>
      <c r="O191" s="70"/>
      <c r="P191" s="70"/>
      <c r="Q191" s="70"/>
      <c r="R191" s="70"/>
      <c r="S191" s="70"/>
      <c r="T191" s="70"/>
      <c r="U191" s="70"/>
      <c r="V191" s="70"/>
      <c r="W191" s="70"/>
      <c r="X191" s="70"/>
      <c r="Y191" s="70"/>
      <c r="Z191" s="70"/>
      <c r="AA191" s="70"/>
      <c r="AB191" s="70"/>
      <c r="AC191" s="70"/>
      <c r="AD191" s="70"/>
      <c r="AE191" s="70"/>
      <c r="AF191" s="70"/>
    </row>
    <row r="192" spans="3:32" x14ac:dyDescent="0.2">
      <c r="C192" s="70"/>
      <c r="D192" s="70"/>
      <c r="E192" s="70"/>
      <c r="F192" s="70"/>
      <c r="G192" s="70"/>
      <c r="H192" s="70"/>
      <c r="I192" s="70"/>
      <c r="J192" s="70"/>
      <c r="K192" s="70"/>
      <c r="L192" s="70"/>
      <c r="M192" s="70"/>
      <c r="N192" s="70"/>
      <c r="O192" s="70"/>
      <c r="P192" s="70"/>
      <c r="Q192" s="70"/>
      <c r="R192" s="70"/>
      <c r="S192" s="70"/>
      <c r="T192" s="70"/>
      <c r="U192" s="70"/>
      <c r="V192" s="70"/>
      <c r="W192" s="70"/>
      <c r="X192" s="70"/>
      <c r="Y192" s="70"/>
      <c r="Z192" s="70"/>
      <c r="AA192" s="70"/>
      <c r="AB192" s="70"/>
      <c r="AC192" s="70"/>
      <c r="AD192" s="70"/>
      <c r="AE192" s="70"/>
      <c r="AF192" s="70"/>
    </row>
    <row r="193" spans="3:32" x14ac:dyDescent="0.2">
      <c r="C193" s="70"/>
      <c r="D193" s="70"/>
      <c r="E193" s="70"/>
      <c r="F193" s="70"/>
      <c r="G193" s="70"/>
      <c r="H193" s="70"/>
      <c r="I193" s="70"/>
      <c r="J193" s="70"/>
      <c r="K193" s="70"/>
      <c r="L193" s="70"/>
      <c r="M193" s="70"/>
      <c r="N193" s="70"/>
      <c r="O193" s="70"/>
      <c r="P193" s="70"/>
      <c r="Q193" s="70"/>
      <c r="R193" s="70"/>
      <c r="S193" s="70"/>
      <c r="T193" s="70"/>
      <c r="U193" s="70"/>
      <c r="V193" s="70"/>
      <c r="W193" s="70"/>
      <c r="X193" s="70"/>
      <c r="Y193" s="70"/>
      <c r="Z193" s="70"/>
      <c r="AA193" s="70"/>
      <c r="AB193" s="70"/>
      <c r="AC193" s="70"/>
      <c r="AD193" s="70"/>
      <c r="AE193" s="70"/>
      <c r="AF193" s="70"/>
    </row>
    <row r="194" spans="3:32" x14ac:dyDescent="0.2">
      <c r="C194" s="70"/>
      <c r="D194" s="70"/>
      <c r="E194" s="70"/>
      <c r="F194" s="70"/>
      <c r="G194" s="70"/>
      <c r="H194" s="70"/>
      <c r="I194" s="70"/>
      <c r="J194" s="70"/>
      <c r="K194" s="70"/>
      <c r="L194" s="70"/>
      <c r="M194" s="70"/>
      <c r="N194" s="70"/>
      <c r="O194" s="70"/>
      <c r="P194" s="70"/>
      <c r="Q194" s="70"/>
      <c r="R194" s="70"/>
      <c r="S194" s="70"/>
      <c r="T194" s="70"/>
      <c r="U194" s="70"/>
      <c r="V194" s="70"/>
      <c r="W194" s="70"/>
      <c r="X194" s="70"/>
      <c r="Y194" s="70"/>
      <c r="Z194" s="70"/>
      <c r="AA194" s="70"/>
      <c r="AB194" s="70"/>
      <c r="AC194" s="70"/>
      <c r="AD194" s="70"/>
      <c r="AE194" s="70"/>
      <c r="AF194" s="70"/>
    </row>
    <row r="195" spans="3:32" x14ac:dyDescent="0.2">
      <c r="C195" s="70"/>
      <c r="D195" s="70"/>
      <c r="E195" s="70"/>
      <c r="F195" s="70"/>
      <c r="G195" s="70"/>
      <c r="H195" s="70"/>
      <c r="I195" s="70"/>
      <c r="J195" s="70"/>
      <c r="K195" s="70"/>
      <c r="L195" s="70"/>
      <c r="M195" s="70"/>
      <c r="N195" s="70"/>
      <c r="O195" s="70"/>
      <c r="P195" s="70"/>
      <c r="Q195" s="70"/>
      <c r="R195" s="70"/>
      <c r="S195" s="70"/>
      <c r="T195" s="70"/>
      <c r="U195" s="70"/>
      <c r="V195" s="70"/>
      <c r="W195" s="70"/>
      <c r="X195" s="70"/>
      <c r="Y195" s="70"/>
      <c r="Z195" s="70"/>
      <c r="AA195" s="70"/>
      <c r="AB195" s="70"/>
      <c r="AC195" s="70"/>
      <c r="AD195" s="70"/>
      <c r="AE195" s="70"/>
      <c r="AF195" s="70"/>
    </row>
    <row r="196" spans="3:32" x14ac:dyDescent="0.2">
      <c r="C196" s="70"/>
      <c r="D196" s="70"/>
      <c r="E196" s="70"/>
      <c r="F196" s="70"/>
      <c r="G196" s="70"/>
      <c r="H196" s="70"/>
      <c r="I196" s="70"/>
      <c r="J196" s="70"/>
      <c r="K196" s="70"/>
      <c r="L196" s="70"/>
      <c r="M196" s="70"/>
      <c r="N196" s="70"/>
      <c r="O196" s="70"/>
      <c r="P196" s="70"/>
      <c r="Q196" s="70"/>
      <c r="R196" s="70"/>
      <c r="S196" s="70"/>
      <c r="T196" s="70"/>
      <c r="U196" s="70"/>
      <c r="V196" s="70"/>
      <c r="W196" s="70"/>
      <c r="X196" s="70"/>
      <c r="Y196" s="70"/>
      <c r="Z196" s="70"/>
      <c r="AA196" s="70"/>
      <c r="AB196" s="70"/>
      <c r="AC196" s="70"/>
      <c r="AD196" s="70"/>
      <c r="AE196" s="70"/>
      <c r="AF196" s="70"/>
    </row>
    <row r="197" spans="3:32" x14ac:dyDescent="0.2">
      <c r="C197" s="70"/>
      <c r="D197" s="70"/>
      <c r="E197" s="70"/>
      <c r="F197" s="70"/>
      <c r="G197" s="70"/>
      <c r="H197" s="70"/>
      <c r="I197" s="70"/>
      <c r="J197" s="70"/>
      <c r="K197" s="70"/>
      <c r="L197" s="70"/>
      <c r="M197" s="70"/>
      <c r="N197" s="70"/>
      <c r="O197" s="70"/>
      <c r="P197" s="70"/>
      <c r="Q197" s="70"/>
      <c r="R197" s="70"/>
      <c r="S197" s="70"/>
      <c r="T197" s="70"/>
      <c r="U197" s="70"/>
      <c r="V197" s="70"/>
      <c r="W197" s="70"/>
      <c r="X197" s="70"/>
      <c r="Y197" s="70"/>
      <c r="Z197" s="70"/>
      <c r="AA197" s="70"/>
      <c r="AB197" s="70"/>
      <c r="AC197" s="70"/>
      <c r="AD197" s="70"/>
      <c r="AE197" s="70"/>
      <c r="AF197" s="70"/>
    </row>
    <row r="198" spans="3:32" x14ac:dyDescent="0.2">
      <c r="C198" s="70"/>
      <c r="D198" s="70"/>
      <c r="E198" s="70"/>
      <c r="F198" s="70"/>
      <c r="G198" s="70"/>
      <c r="H198" s="70"/>
      <c r="I198" s="70"/>
      <c r="J198" s="70"/>
      <c r="K198" s="70"/>
      <c r="L198" s="70"/>
      <c r="M198" s="70"/>
      <c r="N198" s="70"/>
      <c r="O198" s="70"/>
      <c r="P198" s="70"/>
      <c r="Q198" s="70"/>
      <c r="R198" s="70"/>
      <c r="S198" s="70"/>
      <c r="T198" s="70"/>
      <c r="U198" s="70"/>
      <c r="V198" s="70"/>
      <c r="W198" s="70"/>
      <c r="X198" s="70"/>
      <c r="Y198" s="70"/>
      <c r="Z198" s="70"/>
      <c r="AA198" s="70"/>
      <c r="AB198" s="70"/>
      <c r="AC198" s="70"/>
      <c r="AD198" s="70"/>
      <c r="AE198" s="70"/>
      <c r="AF198" s="70"/>
    </row>
    <row r="199" spans="3:32" x14ac:dyDescent="0.2">
      <c r="C199" s="70"/>
      <c r="D199" s="70"/>
      <c r="E199" s="70"/>
      <c r="F199" s="70"/>
      <c r="G199" s="70"/>
      <c r="H199" s="70"/>
      <c r="I199" s="70"/>
      <c r="J199" s="70"/>
      <c r="K199" s="70"/>
      <c r="L199" s="70"/>
      <c r="M199" s="70"/>
      <c r="N199" s="70"/>
      <c r="O199" s="70"/>
      <c r="P199" s="70"/>
      <c r="Q199" s="70"/>
      <c r="R199" s="70"/>
      <c r="S199" s="70"/>
      <c r="T199" s="70"/>
      <c r="U199" s="70"/>
      <c r="V199" s="70"/>
      <c r="W199" s="70"/>
      <c r="X199" s="70"/>
      <c r="Y199" s="70"/>
      <c r="Z199" s="70"/>
      <c r="AA199" s="70"/>
      <c r="AB199" s="70"/>
      <c r="AC199" s="70"/>
      <c r="AD199" s="70"/>
      <c r="AE199" s="70"/>
      <c r="AF199" s="70"/>
    </row>
    <row r="200" spans="3:32" x14ac:dyDescent="0.2">
      <c r="C200" s="70"/>
      <c r="D200" s="70"/>
      <c r="E200" s="70"/>
      <c r="F200" s="70"/>
      <c r="G200" s="70"/>
      <c r="H200" s="70"/>
      <c r="I200" s="70"/>
      <c r="J200" s="70"/>
      <c r="K200" s="70"/>
      <c r="L200" s="70"/>
      <c r="M200" s="70"/>
      <c r="N200" s="70"/>
      <c r="O200" s="70"/>
      <c r="P200" s="70"/>
      <c r="Q200" s="70"/>
      <c r="R200" s="70"/>
      <c r="S200" s="70"/>
      <c r="T200" s="70"/>
      <c r="U200" s="70"/>
      <c r="V200" s="70"/>
      <c r="W200" s="70"/>
      <c r="X200" s="70"/>
      <c r="Y200" s="70"/>
      <c r="Z200" s="70"/>
      <c r="AA200" s="70"/>
      <c r="AB200" s="70"/>
      <c r="AC200" s="70"/>
      <c r="AD200" s="70"/>
      <c r="AE200" s="70"/>
      <c r="AF200" s="70"/>
    </row>
    <row r="201" spans="3:32" x14ac:dyDescent="0.2">
      <c r="C201" s="70"/>
      <c r="D201" s="70"/>
      <c r="E201" s="70"/>
      <c r="F201" s="70"/>
      <c r="G201" s="70"/>
      <c r="H201" s="70"/>
      <c r="I201" s="70"/>
      <c r="J201" s="70"/>
      <c r="K201" s="70"/>
      <c r="L201" s="70"/>
      <c r="M201" s="70"/>
      <c r="N201" s="70"/>
      <c r="O201" s="70"/>
      <c r="P201" s="70"/>
      <c r="Q201" s="70"/>
      <c r="R201" s="70"/>
      <c r="S201" s="70"/>
      <c r="T201" s="70"/>
      <c r="U201" s="70"/>
      <c r="V201" s="70"/>
      <c r="W201" s="70"/>
      <c r="X201" s="70"/>
      <c r="Y201" s="70"/>
      <c r="Z201" s="70"/>
      <c r="AA201" s="70"/>
      <c r="AB201" s="70"/>
      <c r="AC201" s="70"/>
      <c r="AD201" s="70"/>
      <c r="AE201" s="70"/>
      <c r="AF201" s="70"/>
    </row>
    <row r="202" spans="3:32" x14ac:dyDescent="0.2">
      <c r="C202" s="70"/>
      <c r="D202" s="70"/>
      <c r="E202" s="70"/>
      <c r="F202" s="70"/>
      <c r="G202" s="70"/>
      <c r="H202" s="70"/>
      <c r="I202" s="70"/>
      <c r="J202" s="70"/>
      <c r="K202" s="70"/>
      <c r="L202" s="70"/>
      <c r="M202" s="70"/>
      <c r="N202" s="70"/>
      <c r="O202" s="70"/>
      <c r="P202" s="70"/>
      <c r="Q202" s="70"/>
      <c r="R202" s="70"/>
      <c r="S202" s="70"/>
      <c r="T202" s="70"/>
      <c r="U202" s="70"/>
      <c r="V202" s="70"/>
      <c r="W202" s="70"/>
      <c r="X202" s="70"/>
      <c r="Y202" s="70"/>
      <c r="Z202" s="70"/>
      <c r="AA202" s="70"/>
      <c r="AB202" s="70"/>
      <c r="AC202" s="70"/>
      <c r="AD202" s="70"/>
      <c r="AE202" s="70"/>
      <c r="AF202" s="70"/>
    </row>
    <row r="203" spans="3:32" x14ac:dyDescent="0.2">
      <c r="C203" s="70"/>
      <c r="D203" s="70"/>
      <c r="E203" s="70"/>
      <c r="F203" s="70"/>
      <c r="G203" s="70"/>
      <c r="H203" s="70"/>
      <c r="I203" s="70"/>
      <c r="J203" s="70"/>
      <c r="K203" s="70"/>
      <c r="L203" s="70"/>
      <c r="M203" s="70"/>
      <c r="N203" s="70"/>
      <c r="O203" s="70"/>
      <c r="P203" s="70"/>
      <c r="Q203" s="70"/>
      <c r="R203" s="70"/>
      <c r="S203" s="70"/>
      <c r="T203" s="70"/>
      <c r="U203" s="70"/>
      <c r="V203" s="70"/>
      <c r="W203" s="70"/>
      <c r="X203" s="70"/>
      <c r="Y203" s="70"/>
      <c r="Z203" s="70"/>
      <c r="AA203" s="70"/>
      <c r="AB203" s="70"/>
      <c r="AC203" s="70"/>
      <c r="AD203" s="70"/>
      <c r="AE203" s="70"/>
      <c r="AF203" s="70"/>
    </row>
    <row r="204" spans="3:32" x14ac:dyDescent="0.2">
      <c r="C204" s="70"/>
      <c r="D204" s="70"/>
      <c r="E204" s="70"/>
      <c r="F204" s="70"/>
      <c r="G204" s="70"/>
      <c r="H204" s="70"/>
      <c r="I204" s="70"/>
      <c r="J204" s="70"/>
      <c r="K204" s="70"/>
      <c r="L204" s="70"/>
      <c r="M204" s="70"/>
      <c r="N204" s="70"/>
      <c r="O204" s="70"/>
      <c r="P204" s="70"/>
      <c r="Q204" s="70"/>
      <c r="R204" s="70"/>
      <c r="S204" s="70"/>
      <c r="T204" s="70"/>
      <c r="U204" s="70"/>
      <c r="V204" s="70"/>
      <c r="W204" s="70"/>
      <c r="X204" s="70"/>
      <c r="Y204" s="70"/>
      <c r="Z204" s="70"/>
      <c r="AA204" s="70"/>
      <c r="AB204" s="70"/>
      <c r="AC204" s="70"/>
      <c r="AD204" s="70"/>
      <c r="AE204" s="70"/>
      <c r="AF204" s="70"/>
    </row>
    <row r="205" spans="3:32" x14ac:dyDescent="0.2">
      <c r="C205" s="70"/>
      <c r="D205" s="70"/>
      <c r="E205" s="70"/>
      <c r="F205" s="70"/>
      <c r="G205" s="70"/>
      <c r="H205" s="70"/>
      <c r="I205" s="70"/>
      <c r="J205" s="70"/>
      <c r="K205" s="70"/>
      <c r="L205" s="70"/>
      <c r="M205" s="70"/>
      <c r="N205" s="70"/>
      <c r="O205" s="70"/>
      <c r="P205" s="70"/>
      <c r="Q205" s="70"/>
      <c r="R205" s="70"/>
      <c r="S205" s="70"/>
      <c r="T205" s="70"/>
      <c r="U205" s="70"/>
      <c r="V205" s="70"/>
      <c r="W205" s="70"/>
      <c r="X205" s="70"/>
      <c r="Y205" s="70"/>
      <c r="Z205" s="70"/>
      <c r="AA205" s="70"/>
      <c r="AB205" s="70"/>
      <c r="AC205" s="70"/>
      <c r="AD205" s="70"/>
      <c r="AE205" s="70"/>
      <c r="AF205" s="70"/>
    </row>
    <row r="206" spans="3:32" x14ac:dyDescent="0.2">
      <c r="C206" s="70"/>
      <c r="D206" s="70"/>
      <c r="E206" s="70"/>
      <c r="F206" s="70"/>
      <c r="G206" s="70"/>
      <c r="H206" s="70"/>
      <c r="I206" s="70"/>
      <c r="J206" s="70"/>
      <c r="K206" s="70"/>
      <c r="L206" s="70"/>
      <c r="M206" s="70"/>
      <c r="N206" s="70"/>
      <c r="O206" s="70"/>
      <c r="P206" s="70"/>
      <c r="Q206" s="70"/>
      <c r="R206" s="70"/>
      <c r="S206" s="70"/>
      <c r="T206" s="70"/>
      <c r="U206" s="70"/>
      <c r="V206" s="70"/>
      <c r="W206" s="70"/>
      <c r="X206" s="70"/>
      <c r="Y206" s="70"/>
      <c r="Z206" s="70"/>
      <c r="AA206" s="70"/>
      <c r="AB206" s="70"/>
      <c r="AC206" s="70"/>
      <c r="AD206" s="70"/>
      <c r="AE206" s="70"/>
      <c r="AF206" s="70"/>
    </row>
    <row r="207" spans="3:32" x14ac:dyDescent="0.2">
      <c r="C207" s="70"/>
      <c r="D207" s="70"/>
      <c r="E207" s="70"/>
      <c r="F207" s="70"/>
      <c r="G207" s="70"/>
      <c r="H207" s="70"/>
      <c r="I207" s="70"/>
      <c r="J207" s="70"/>
      <c r="K207" s="70"/>
      <c r="L207" s="70"/>
      <c r="M207" s="70"/>
      <c r="N207" s="70"/>
      <c r="O207" s="70"/>
      <c r="P207" s="70"/>
      <c r="Q207" s="70"/>
      <c r="R207" s="70"/>
      <c r="S207" s="70"/>
      <c r="T207" s="70"/>
      <c r="U207" s="70"/>
      <c r="V207" s="70"/>
      <c r="W207" s="70"/>
      <c r="X207" s="70"/>
      <c r="Y207" s="70"/>
      <c r="Z207" s="70"/>
      <c r="AA207" s="70"/>
      <c r="AB207" s="70"/>
      <c r="AC207" s="70"/>
      <c r="AD207" s="70"/>
      <c r="AE207" s="70"/>
      <c r="AF207" s="70"/>
    </row>
    <row r="208" spans="3:32" x14ac:dyDescent="0.2">
      <c r="C208" s="70"/>
      <c r="D208" s="70"/>
      <c r="E208" s="70"/>
      <c r="F208" s="70"/>
      <c r="G208" s="70"/>
      <c r="H208" s="70"/>
      <c r="I208" s="70"/>
      <c r="J208" s="70"/>
      <c r="K208" s="70"/>
      <c r="L208" s="70"/>
      <c r="M208" s="70"/>
      <c r="N208" s="70"/>
      <c r="O208" s="70"/>
      <c r="P208" s="70"/>
      <c r="Q208" s="70"/>
      <c r="R208" s="70"/>
      <c r="S208" s="70"/>
      <c r="T208" s="70"/>
      <c r="U208" s="70"/>
      <c r="V208" s="70"/>
      <c r="W208" s="70"/>
      <c r="X208" s="70"/>
      <c r="Y208" s="70"/>
      <c r="Z208" s="70"/>
      <c r="AA208" s="70"/>
      <c r="AB208" s="70"/>
      <c r="AC208" s="70"/>
      <c r="AD208" s="70"/>
      <c r="AE208" s="70"/>
      <c r="AF208" s="70"/>
    </row>
    <row r="209" spans="3:32" x14ac:dyDescent="0.2">
      <c r="C209" s="70"/>
      <c r="D209" s="70"/>
      <c r="E209" s="70"/>
      <c r="F209" s="70"/>
      <c r="G209" s="70"/>
      <c r="H209" s="70"/>
      <c r="I209" s="70"/>
      <c r="J209" s="70"/>
      <c r="K209" s="70"/>
      <c r="L209" s="70"/>
      <c r="M209" s="70"/>
      <c r="N209" s="70"/>
      <c r="O209" s="70"/>
      <c r="P209" s="70"/>
      <c r="Q209" s="70"/>
      <c r="R209" s="70"/>
      <c r="S209" s="70"/>
      <c r="T209" s="70"/>
      <c r="U209" s="70"/>
      <c r="V209" s="70"/>
      <c r="W209" s="70"/>
      <c r="X209" s="70"/>
      <c r="Y209" s="70"/>
      <c r="Z209" s="70"/>
      <c r="AA209" s="70"/>
      <c r="AB209" s="70"/>
      <c r="AC209" s="70"/>
      <c r="AD209" s="70"/>
      <c r="AE209" s="70"/>
      <c r="AF209" s="70"/>
    </row>
    <row r="210" spans="3:32" x14ac:dyDescent="0.2">
      <c r="C210" s="70"/>
      <c r="D210" s="70"/>
      <c r="E210" s="70"/>
      <c r="F210" s="70"/>
      <c r="G210" s="70"/>
      <c r="H210" s="70"/>
      <c r="I210" s="70"/>
      <c r="J210" s="70"/>
      <c r="K210" s="70"/>
      <c r="L210" s="70"/>
      <c r="M210" s="70"/>
      <c r="N210" s="70"/>
      <c r="O210" s="70"/>
      <c r="P210" s="70"/>
      <c r="Q210" s="70"/>
      <c r="R210" s="70"/>
      <c r="S210" s="70"/>
      <c r="T210" s="70"/>
      <c r="U210" s="70"/>
      <c r="V210" s="70"/>
      <c r="W210" s="70"/>
      <c r="X210" s="70"/>
      <c r="Y210" s="70"/>
      <c r="Z210" s="70"/>
      <c r="AA210" s="70"/>
      <c r="AB210" s="70"/>
      <c r="AC210" s="70"/>
      <c r="AD210" s="70"/>
      <c r="AE210" s="70"/>
      <c r="AF210" s="70"/>
    </row>
    <row r="211" spans="3:32" x14ac:dyDescent="0.2">
      <c r="C211" s="70"/>
      <c r="D211" s="70"/>
      <c r="E211" s="70"/>
      <c r="F211" s="70"/>
      <c r="G211" s="70"/>
      <c r="H211" s="70"/>
      <c r="I211" s="70"/>
      <c r="J211" s="70"/>
      <c r="K211" s="70"/>
      <c r="L211" s="70"/>
      <c r="M211" s="70"/>
      <c r="N211" s="70"/>
      <c r="O211" s="70"/>
      <c r="P211" s="70"/>
      <c r="Q211" s="70"/>
      <c r="R211" s="70"/>
      <c r="S211" s="70"/>
      <c r="T211" s="70"/>
      <c r="U211" s="70"/>
      <c r="V211" s="70"/>
      <c r="W211" s="70"/>
      <c r="X211" s="70"/>
      <c r="Y211" s="70"/>
      <c r="Z211" s="70"/>
      <c r="AA211" s="70"/>
      <c r="AB211" s="70"/>
      <c r="AC211" s="70"/>
      <c r="AD211" s="70"/>
      <c r="AE211" s="70"/>
      <c r="AF211" s="70"/>
    </row>
    <row r="212" spans="3:32" x14ac:dyDescent="0.2">
      <c r="C212" s="70"/>
      <c r="D212" s="70"/>
      <c r="E212" s="70"/>
      <c r="F212" s="70"/>
      <c r="G212" s="70"/>
      <c r="H212" s="70"/>
      <c r="I212" s="70"/>
      <c r="J212" s="70"/>
      <c r="K212" s="70"/>
      <c r="L212" s="70"/>
      <c r="M212" s="70"/>
      <c r="N212" s="70"/>
      <c r="O212" s="70"/>
      <c r="P212" s="70"/>
      <c r="Q212" s="70"/>
      <c r="R212" s="70"/>
      <c r="S212" s="70"/>
      <c r="T212" s="70"/>
      <c r="U212" s="70"/>
      <c r="V212" s="70"/>
      <c r="W212" s="70"/>
      <c r="X212" s="70"/>
      <c r="Y212" s="70"/>
      <c r="Z212" s="70"/>
      <c r="AA212" s="70"/>
      <c r="AB212" s="70"/>
      <c r="AC212" s="70"/>
      <c r="AD212" s="70"/>
      <c r="AE212" s="70"/>
      <c r="AF212" s="70"/>
    </row>
    <row r="213" spans="3:32" x14ac:dyDescent="0.2">
      <c r="C213" s="70"/>
      <c r="D213" s="70"/>
      <c r="E213" s="70"/>
      <c r="F213" s="70"/>
      <c r="G213" s="70"/>
      <c r="H213" s="70"/>
      <c r="I213" s="70"/>
      <c r="J213" s="70"/>
      <c r="K213" s="70"/>
      <c r="L213" s="70"/>
      <c r="M213" s="70"/>
      <c r="N213" s="70"/>
      <c r="O213" s="70"/>
      <c r="P213" s="70"/>
      <c r="Q213" s="70"/>
      <c r="R213" s="70"/>
      <c r="S213" s="70"/>
      <c r="T213" s="70"/>
      <c r="U213" s="70"/>
      <c r="V213" s="70"/>
      <c r="W213" s="70"/>
      <c r="X213" s="70"/>
      <c r="Y213" s="70"/>
      <c r="Z213" s="70"/>
      <c r="AA213" s="70"/>
      <c r="AB213" s="70"/>
      <c r="AC213" s="70"/>
      <c r="AD213" s="70"/>
      <c r="AE213" s="70"/>
      <c r="AF213" s="70"/>
    </row>
    <row r="214" spans="3:32" x14ac:dyDescent="0.2">
      <c r="C214" s="70"/>
      <c r="D214" s="70"/>
      <c r="E214" s="70"/>
      <c r="F214" s="70"/>
      <c r="G214" s="70"/>
      <c r="H214" s="70"/>
      <c r="I214" s="70"/>
      <c r="J214" s="70"/>
      <c r="K214" s="70"/>
      <c r="L214" s="70"/>
      <c r="M214" s="70"/>
      <c r="N214" s="70"/>
      <c r="O214" s="70"/>
      <c r="P214" s="70"/>
      <c r="Q214" s="70"/>
      <c r="R214" s="70"/>
      <c r="S214" s="70"/>
      <c r="T214" s="70"/>
      <c r="U214" s="70"/>
      <c r="V214" s="70"/>
      <c r="W214" s="70"/>
      <c r="X214" s="70"/>
      <c r="Y214" s="70"/>
      <c r="Z214" s="70"/>
      <c r="AA214" s="70"/>
      <c r="AB214" s="70"/>
      <c r="AC214" s="70"/>
      <c r="AD214" s="70"/>
      <c r="AE214" s="70"/>
      <c r="AF214" s="70"/>
    </row>
    <row r="215" spans="3:32" x14ac:dyDescent="0.2">
      <c r="C215" s="70"/>
      <c r="D215" s="70"/>
      <c r="E215" s="70"/>
      <c r="F215" s="70"/>
      <c r="G215" s="70"/>
      <c r="H215" s="70"/>
      <c r="I215" s="70"/>
      <c r="J215" s="70"/>
      <c r="K215" s="70"/>
      <c r="L215" s="70"/>
      <c r="M215" s="70"/>
      <c r="N215" s="70"/>
      <c r="O215" s="70"/>
      <c r="P215" s="70"/>
      <c r="Q215" s="70"/>
      <c r="R215" s="70"/>
      <c r="S215" s="70"/>
      <c r="T215" s="70"/>
      <c r="U215" s="70"/>
      <c r="V215" s="70"/>
      <c r="W215" s="70"/>
      <c r="X215" s="70"/>
      <c r="Y215" s="70"/>
      <c r="Z215" s="70"/>
      <c r="AA215" s="70"/>
      <c r="AB215" s="70"/>
      <c r="AC215" s="70"/>
      <c r="AD215" s="70"/>
      <c r="AE215" s="70"/>
      <c r="AF215" s="70"/>
    </row>
    <row r="216" spans="3:32" x14ac:dyDescent="0.2">
      <c r="C216" s="70"/>
      <c r="D216" s="70"/>
      <c r="E216" s="70"/>
      <c r="F216" s="70"/>
      <c r="G216" s="70"/>
      <c r="H216" s="70"/>
      <c r="I216" s="70"/>
      <c r="J216" s="70"/>
      <c r="K216" s="70"/>
      <c r="L216" s="70"/>
      <c r="M216" s="70"/>
      <c r="N216" s="70"/>
      <c r="O216" s="70"/>
      <c r="P216" s="70"/>
      <c r="Q216" s="70"/>
      <c r="R216" s="70"/>
      <c r="S216" s="70"/>
      <c r="T216" s="70"/>
      <c r="U216" s="70"/>
      <c r="V216" s="70"/>
      <c r="W216" s="70"/>
      <c r="X216" s="70"/>
      <c r="Y216" s="70"/>
      <c r="Z216" s="70"/>
      <c r="AA216" s="70"/>
      <c r="AB216" s="70"/>
      <c r="AC216" s="70"/>
      <c r="AD216" s="70"/>
      <c r="AE216" s="70"/>
      <c r="AF216" s="70"/>
    </row>
    <row r="217" spans="3:32" x14ac:dyDescent="0.2">
      <c r="C217" s="70"/>
      <c r="D217" s="70"/>
      <c r="E217" s="70"/>
      <c r="F217" s="70"/>
      <c r="G217" s="70"/>
      <c r="H217" s="70"/>
      <c r="I217" s="70"/>
      <c r="J217" s="70"/>
      <c r="K217" s="70"/>
      <c r="L217" s="70"/>
      <c r="M217" s="70"/>
      <c r="N217" s="70"/>
      <c r="O217" s="70"/>
      <c r="P217" s="70"/>
      <c r="Q217" s="70"/>
      <c r="R217" s="70"/>
      <c r="S217" s="70"/>
      <c r="T217" s="70"/>
      <c r="U217" s="70"/>
      <c r="V217" s="70"/>
      <c r="W217" s="70"/>
      <c r="X217" s="70"/>
      <c r="Y217" s="70"/>
      <c r="Z217" s="70"/>
      <c r="AA217" s="70"/>
      <c r="AB217" s="70"/>
      <c r="AC217" s="70"/>
      <c r="AD217" s="70"/>
      <c r="AE217" s="70"/>
      <c r="AF217" s="70"/>
    </row>
    <row r="218" spans="3:32" x14ac:dyDescent="0.2">
      <c r="C218" s="70"/>
      <c r="D218" s="70"/>
      <c r="E218" s="70"/>
      <c r="F218" s="70"/>
      <c r="G218" s="70"/>
      <c r="H218" s="70"/>
      <c r="I218" s="70"/>
      <c r="J218" s="70"/>
      <c r="K218" s="70"/>
      <c r="L218" s="70"/>
      <c r="M218" s="70"/>
      <c r="N218" s="70"/>
      <c r="O218" s="70"/>
      <c r="P218" s="70"/>
      <c r="Q218" s="70"/>
      <c r="R218" s="70"/>
      <c r="S218" s="70"/>
      <c r="T218" s="70"/>
      <c r="U218" s="70"/>
      <c r="V218" s="70"/>
      <c r="W218" s="70"/>
      <c r="X218" s="70"/>
      <c r="Y218" s="70"/>
      <c r="Z218" s="70"/>
      <c r="AA218" s="70"/>
      <c r="AB218" s="70"/>
      <c r="AC218" s="70"/>
      <c r="AD218" s="70"/>
      <c r="AE218" s="70"/>
      <c r="AF218" s="70"/>
    </row>
    <row r="219" spans="3:32" x14ac:dyDescent="0.2">
      <c r="C219" s="70"/>
      <c r="D219" s="70"/>
      <c r="E219" s="70"/>
      <c r="F219" s="70"/>
      <c r="G219" s="70"/>
      <c r="H219" s="70"/>
      <c r="I219" s="70"/>
      <c r="J219" s="70"/>
      <c r="K219" s="70"/>
      <c r="L219" s="70"/>
      <c r="M219" s="70"/>
      <c r="N219" s="70"/>
      <c r="O219" s="70"/>
      <c r="P219" s="70"/>
      <c r="Q219" s="70"/>
      <c r="R219" s="70"/>
      <c r="S219" s="70"/>
      <c r="T219" s="70"/>
      <c r="U219" s="70"/>
      <c r="V219" s="70"/>
      <c r="W219" s="70"/>
      <c r="X219" s="70"/>
      <c r="Y219" s="70"/>
      <c r="Z219" s="70"/>
      <c r="AA219" s="70"/>
      <c r="AB219" s="70"/>
      <c r="AC219" s="70"/>
      <c r="AD219" s="70"/>
      <c r="AE219" s="70"/>
      <c r="AF219" s="70"/>
    </row>
  </sheetData>
  <mergeCells count="59">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zoomScaleSheetLayoutView="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88671875" style="70" customWidth="1"/>
    <col min="6" max="6" width="8.109375" style="70" customWidth="1"/>
    <col min="7"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102" width="9" style="70"/>
    <col min="103" max="148" width="9" style="71"/>
    <col min="149" max="149" width="7.77734375" style="71" customWidth="1"/>
    <col min="150" max="159" width="9" style="71"/>
    <col min="160" max="160" width="8.109375" style="71" customWidth="1"/>
    <col min="161" max="16384" width="9" style="71"/>
  </cols>
  <sheetData>
    <row r="1" spans="2:299" ht="24" customHeight="1" x14ac:dyDescent="0.2">
      <c r="B1" s="9" t="s">
        <v>119</v>
      </c>
      <c r="F1" s="441">
        <f>第１表!F2</f>
        <v>6</v>
      </c>
      <c r="G1" s="441"/>
      <c r="H1" s="18">
        <f>第１表!G2</f>
        <v>6</v>
      </c>
      <c r="I1" s="440">
        <f>H1</f>
        <v>6</v>
      </c>
      <c r="J1" s="440"/>
    </row>
    <row r="2" spans="2:299" ht="24" customHeight="1" thickBot="1" x14ac:dyDescent="0.25">
      <c r="B2" s="10" t="s">
        <v>127</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20712</v>
      </c>
      <c r="D7" s="86">
        <v>21302</v>
      </c>
      <c r="E7" s="87">
        <v>42014</v>
      </c>
      <c r="F7" s="412">
        <v>0</v>
      </c>
      <c r="G7" s="86">
        <v>31537</v>
      </c>
      <c r="H7" s="86">
        <v>31991</v>
      </c>
      <c r="I7" s="86">
        <v>21036</v>
      </c>
      <c r="J7" s="86">
        <v>17487</v>
      </c>
      <c r="K7" s="86">
        <v>10600</v>
      </c>
      <c r="L7" s="88">
        <v>112651</v>
      </c>
      <c r="M7" s="89">
        <v>154665</v>
      </c>
      <c r="N7" s="90">
        <v>836</v>
      </c>
      <c r="O7" s="91">
        <v>981</v>
      </c>
      <c r="P7" s="92">
        <v>1817</v>
      </c>
      <c r="Q7" s="412">
        <v>0</v>
      </c>
      <c r="R7" s="91">
        <v>1351</v>
      </c>
      <c r="S7" s="91">
        <v>1626</v>
      </c>
      <c r="T7" s="91">
        <v>1033</v>
      </c>
      <c r="U7" s="91">
        <v>947</v>
      </c>
      <c r="V7" s="91">
        <v>710</v>
      </c>
      <c r="W7" s="92">
        <v>5667</v>
      </c>
      <c r="X7" s="93">
        <v>7484</v>
      </c>
      <c r="Y7" s="90">
        <v>1775</v>
      </c>
      <c r="Z7" s="91">
        <v>2256</v>
      </c>
      <c r="AA7" s="92">
        <v>4031</v>
      </c>
      <c r="AB7" s="412">
        <v>0</v>
      </c>
      <c r="AC7" s="91">
        <v>2762</v>
      </c>
      <c r="AD7" s="91">
        <v>3304</v>
      </c>
      <c r="AE7" s="91">
        <v>2157</v>
      </c>
      <c r="AF7" s="91">
        <v>1898</v>
      </c>
      <c r="AG7" s="91">
        <v>1363</v>
      </c>
      <c r="AH7" s="92">
        <v>11484</v>
      </c>
      <c r="AI7" s="93">
        <v>15515</v>
      </c>
      <c r="AJ7" s="90">
        <v>3170</v>
      </c>
      <c r="AK7" s="91">
        <v>3520</v>
      </c>
      <c r="AL7" s="92">
        <v>6690</v>
      </c>
      <c r="AM7" s="412">
        <v>0</v>
      </c>
      <c r="AN7" s="91">
        <v>4878</v>
      </c>
      <c r="AO7" s="91">
        <v>5255</v>
      </c>
      <c r="AP7" s="91">
        <v>3383</v>
      </c>
      <c r="AQ7" s="91">
        <v>2845</v>
      </c>
      <c r="AR7" s="91">
        <v>1913</v>
      </c>
      <c r="AS7" s="92">
        <v>18274</v>
      </c>
      <c r="AT7" s="93">
        <v>24964</v>
      </c>
      <c r="AU7" s="90">
        <v>5590</v>
      </c>
      <c r="AV7" s="91">
        <v>5376</v>
      </c>
      <c r="AW7" s="92">
        <v>10966</v>
      </c>
      <c r="AX7" s="412">
        <v>0</v>
      </c>
      <c r="AY7" s="91">
        <v>8297</v>
      </c>
      <c r="AZ7" s="91">
        <v>7708</v>
      </c>
      <c r="BA7" s="91">
        <v>4968</v>
      </c>
      <c r="BB7" s="91">
        <v>4121</v>
      </c>
      <c r="BC7" s="91">
        <v>2464</v>
      </c>
      <c r="BD7" s="92">
        <v>27558</v>
      </c>
      <c r="BE7" s="93">
        <v>38524</v>
      </c>
      <c r="BF7" s="90">
        <v>5873</v>
      </c>
      <c r="BG7" s="91">
        <v>5462</v>
      </c>
      <c r="BH7" s="92">
        <v>11335</v>
      </c>
      <c r="BI7" s="412">
        <v>0</v>
      </c>
      <c r="BJ7" s="91">
        <v>8434</v>
      </c>
      <c r="BK7" s="91">
        <v>7794</v>
      </c>
      <c r="BL7" s="91">
        <v>5122</v>
      </c>
      <c r="BM7" s="91">
        <v>4107</v>
      </c>
      <c r="BN7" s="91">
        <v>2314</v>
      </c>
      <c r="BO7" s="92">
        <v>27771</v>
      </c>
      <c r="BP7" s="93">
        <v>39106</v>
      </c>
      <c r="BQ7" s="90">
        <v>3468</v>
      </c>
      <c r="BR7" s="91">
        <v>3707</v>
      </c>
      <c r="BS7" s="92">
        <v>7175</v>
      </c>
      <c r="BT7" s="412">
        <v>0</v>
      </c>
      <c r="BU7" s="91">
        <v>5815</v>
      </c>
      <c r="BV7" s="91">
        <v>6304</v>
      </c>
      <c r="BW7" s="91">
        <v>4373</v>
      </c>
      <c r="BX7" s="91">
        <v>3569</v>
      </c>
      <c r="BY7" s="91">
        <v>1836</v>
      </c>
      <c r="BZ7" s="92">
        <v>21897</v>
      </c>
      <c r="CA7" s="93">
        <v>29072</v>
      </c>
      <c r="CB7" s="90">
        <v>496</v>
      </c>
      <c r="CC7" s="91">
        <v>839</v>
      </c>
      <c r="CD7" s="92">
        <v>1335</v>
      </c>
      <c r="CE7" s="412">
        <v>0</v>
      </c>
      <c r="CF7" s="91">
        <v>880</v>
      </c>
      <c r="CG7" s="91">
        <v>1473</v>
      </c>
      <c r="CH7" s="91">
        <v>877</v>
      </c>
      <c r="CI7" s="91">
        <v>818</v>
      </c>
      <c r="CJ7" s="91">
        <v>761</v>
      </c>
      <c r="CK7" s="92">
        <v>4809</v>
      </c>
      <c r="CL7" s="93">
        <v>6144</v>
      </c>
      <c r="CM7" s="90">
        <v>21208</v>
      </c>
      <c r="CN7" s="91">
        <v>22141</v>
      </c>
      <c r="CO7" s="92">
        <v>43349</v>
      </c>
      <c r="CP7" s="412">
        <v>0</v>
      </c>
      <c r="CQ7" s="91">
        <v>32417</v>
      </c>
      <c r="CR7" s="91">
        <v>33464</v>
      </c>
      <c r="CS7" s="91">
        <v>21913</v>
      </c>
      <c r="CT7" s="91">
        <v>18305</v>
      </c>
      <c r="CU7" s="91">
        <v>11361</v>
      </c>
      <c r="CV7" s="92">
        <v>117460</v>
      </c>
      <c r="CW7" s="93">
        <v>160809</v>
      </c>
      <c r="CX7" s="94">
        <v>40010</v>
      </c>
      <c r="CY7" s="86">
        <v>47448</v>
      </c>
      <c r="CZ7" s="87">
        <v>87458</v>
      </c>
      <c r="DA7" s="412">
        <v>0</v>
      </c>
      <c r="DB7" s="86">
        <v>57260</v>
      </c>
      <c r="DC7" s="86">
        <v>54634</v>
      </c>
      <c r="DD7" s="86">
        <v>40115</v>
      </c>
      <c r="DE7" s="86">
        <v>39244</v>
      </c>
      <c r="DF7" s="86">
        <v>25490</v>
      </c>
      <c r="DG7" s="88">
        <v>216743</v>
      </c>
      <c r="DH7" s="89">
        <v>304201</v>
      </c>
      <c r="DI7" s="90">
        <v>829</v>
      </c>
      <c r="DJ7" s="91">
        <v>1098</v>
      </c>
      <c r="DK7" s="92">
        <v>1927</v>
      </c>
      <c r="DL7" s="412">
        <v>0</v>
      </c>
      <c r="DM7" s="91">
        <v>981</v>
      </c>
      <c r="DN7" s="91">
        <v>1086</v>
      </c>
      <c r="DO7" s="91">
        <v>725</v>
      </c>
      <c r="DP7" s="91">
        <v>666</v>
      </c>
      <c r="DQ7" s="91">
        <v>569</v>
      </c>
      <c r="DR7" s="92">
        <v>4027</v>
      </c>
      <c r="DS7" s="93">
        <v>5954</v>
      </c>
      <c r="DT7" s="90">
        <v>2436</v>
      </c>
      <c r="DU7" s="91">
        <v>2991</v>
      </c>
      <c r="DV7" s="92">
        <v>5427</v>
      </c>
      <c r="DW7" s="412">
        <v>0</v>
      </c>
      <c r="DX7" s="91">
        <v>2606</v>
      </c>
      <c r="DY7" s="91">
        <v>2709</v>
      </c>
      <c r="DZ7" s="91">
        <v>1675</v>
      </c>
      <c r="EA7" s="91">
        <v>1695</v>
      </c>
      <c r="EB7" s="91">
        <v>1325</v>
      </c>
      <c r="EC7" s="92">
        <v>10010</v>
      </c>
      <c r="ED7" s="93">
        <v>15437</v>
      </c>
      <c r="EE7" s="90">
        <v>6092</v>
      </c>
      <c r="EF7" s="91">
        <v>6835</v>
      </c>
      <c r="EG7" s="92">
        <v>12927</v>
      </c>
      <c r="EH7" s="412">
        <v>0</v>
      </c>
      <c r="EI7" s="91">
        <v>6518</v>
      </c>
      <c r="EJ7" s="91">
        <v>5712</v>
      </c>
      <c r="EK7" s="91">
        <v>3560</v>
      </c>
      <c r="EL7" s="91">
        <v>3429</v>
      </c>
      <c r="EM7" s="91">
        <v>2580</v>
      </c>
      <c r="EN7" s="92">
        <v>21799</v>
      </c>
      <c r="EO7" s="93">
        <v>34726</v>
      </c>
      <c r="EP7" s="90">
        <v>12539</v>
      </c>
      <c r="EQ7" s="91">
        <v>13348</v>
      </c>
      <c r="ER7" s="92">
        <v>25887</v>
      </c>
      <c r="ES7" s="412">
        <v>0</v>
      </c>
      <c r="ET7" s="91">
        <v>14350</v>
      </c>
      <c r="EU7" s="91">
        <v>11820</v>
      </c>
      <c r="EV7" s="91">
        <v>7767</v>
      </c>
      <c r="EW7" s="91">
        <v>6893</v>
      </c>
      <c r="EX7" s="91">
        <v>4731</v>
      </c>
      <c r="EY7" s="92">
        <v>45561</v>
      </c>
      <c r="EZ7" s="93">
        <v>71448</v>
      </c>
      <c r="FA7" s="90">
        <v>11768</v>
      </c>
      <c r="FB7" s="91">
        <v>13808</v>
      </c>
      <c r="FC7" s="92">
        <v>25576</v>
      </c>
      <c r="FD7" s="412">
        <v>0</v>
      </c>
      <c r="FE7" s="91">
        <v>17425</v>
      </c>
      <c r="FF7" s="91">
        <v>15590</v>
      </c>
      <c r="FG7" s="91">
        <v>10776</v>
      </c>
      <c r="FH7" s="91">
        <v>9752</v>
      </c>
      <c r="FI7" s="91">
        <v>6453</v>
      </c>
      <c r="FJ7" s="92">
        <v>59996</v>
      </c>
      <c r="FK7" s="93">
        <v>85572</v>
      </c>
      <c r="FL7" s="90">
        <v>6346</v>
      </c>
      <c r="FM7" s="91">
        <v>9368</v>
      </c>
      <c r="FN7" s="92">
        <v>15714</v>
      </c>
      <c r="FO7" s="412">
        <v>0</v>
      </c>
      <c r="FP7" s="91">
        <v>15380</v>
      </c>
      <c r="FQ7" s="91">
        <v>17717</v>
      </c>
      <c r="FR7" s="91">
        <v>15612</v>
      </c>
      <c r="FS7" s="91">
        <v>16809</v>
      </c>
      <c r="FT7" s="91">
        <v>9832</v>
      </c>
      <c r="FU7" s="92">
        <v>75350</v>
      </c>
      <c r="FV7" s="93">
        <v>91064</v>
      </c>
      <c r="FW7" s="90">
        <v>377</v>
      </c>
      <c r="FX7" s="91">
        <v>718</v>
      </c>
      <c r="FY7" s="92">
        <v>1095</v>
      </c>
      <c r="FZ7" s="412">
        <v>0</v>
      </c>
      <c r="GA7" s="91">
        <v>716</v>
      </c>
      <c r="GB7" s="91">
        <v>1113</v>
      </c>
      <c r="GC7" s="91">
        <v>634</v>
      </c>
      <c r="GD7" s="91">
        <v>589</v>
      </c>
      <c r="GE7" s="91">
        <v>618</v>
      </c>
      <c r="GF7" s="92">
        <v>3670</v>
      </c>
      <c r="GG7" s="93">
        <v>4765</v>
      </c>
      <c r="GH7" s="90">
        <v>40387</v>
      </c>
      <c r="GI7" s="91">
        <v>48166</v>
      </c>
      <c r="GJ7" s="92">
        <v>88553</v>
      </c>
      <c r="GK7" s="412">
        <v>0</v>
      </c>
      <c r="GL7" s="91">
        <v>57976</v>
      </c>
      <c r="GM7" s="91">
        <v>55747</v>
      </c>
      <c r="GN7" s="91">
        <v>40749</v>
      </c>
      <c r="GO7" s="91">
        <v>39833</v>
      </c>
      <c r="GP7" s="91">
        <v>26108</v>
      </c>
      <c r="GQ7" s="92">
        <v>220413</v>
      </c>
      <c r="GR7" s="93">
        <v>308966</v>
      </c>
      <c r="GS7" s="94">
        <v>60722</v>
      </c>
      <c r="GT7" s="86">
        <v>68750</v>
      </c>
      <c r="GU7" s="87">
        <v>129472</v>
      </c>
      <c r="GV7" s="412">
        <v>0</v>
      </c>
      <c r="GW7" s="86">
        <v>88797</v>
      </c>
      <c r="GX7" s="86">
        <v>86625</v>
      </c>
      <c r="GY7" s="86">
        <v>61151</v>
      </c>
      <c r="GZ7" s="86">
        <v>56731</v>
      </c>
      <c r="HA7" s="86">
        <v>36090</v>
      </c>
      <c r="HB7" s="88">
        <v>329394</v>
      </c>
      <c r="HC7" s="89">
        <v>458866</v>
      </c>
      <c r="HD7" s="90">
        <v>1665</v>
      </c>
      <c r="HE7" s="91">
        <v>2079</v>
      </c>
      <c r="HF7" s="92">
        <v>3744</v>
      </c>
      <c r="HG7" s="415">
        <v>0</v>
      </c>
      <c r="HH7" s="91">
        <v>2332</v>
      </c>
      <c r="HI7" s="91">
        <v>2712</v>
      </c>
      <c r="HJ7" s="91">
        <v>1758</v>
      </c>
      <c r="HK7" s="91">
        <v>1613</v>
      </c>
      <c r="HL7" s="91">
        <v>1279</v>
      </c>
      <c r="HM7" s="92">
        <v>9694</v>
      </c>
      <c r="HN7" s="93">
        <v>13438</v>
      </c>
      <c r="HO7" s="90">
        <v>4211</v>
      </c>
      <c r="HP7" s="91">
        <v>5247</v>
      </c>
      <c r="HQ7" s="92">
        <v>9458</v>
      </c>
      <c r="HR7" s="412">
        <v>0</v>
      </c>
      <c r="HS7" s="91">
        <v>5368</v>
      </c>
      <c r="HT7" s="91">
        <v>6013</v>
      </c>
      <c r="HU7" s="91">
        <v>3832</v>
      </c>
      <c r="HV7" s="91">
        <v>3593</v>
      </c>
      <c r="HW7" s="91">
        <v>2688</v>
      </c>
      <c r="HX7" s="92">
        <v>21494</v>
      </c>
      <c r="HY7" s="93">
        <v>30952</v>
      </c>
      <c r="HZ7" s="90">
        <v>9262</v>
      </c>
      <c r="IA7" s="91">
        <v>10355</v>
      </c>
      <c r="IB7" s="92">
        <v>19617</v>
      </c>
      <c r="IC7" s="412">
        <v>0</v>
      </c>
      <c r="ID7" s="91">
        <v>11396</v>
      </c>
      <c r="IE7" s="91">
        <v>10967</v>
      </c>
      <c r="IF7" s="91">
        <v>6943</v>
      </c>
      <c r="IG7" s="91">
        <v>6274</v>
      </c>
      <c r="IH7" s="91">
        <v>4493</v>
      </c>
      <c r="II7" s="92">
        <v>40073</v>
      </c>
      <c r="IJ7" s="93">
        <v>59690</v>
      </c>
      <c r="IK7" s="90">
        <v>18129</v>
      </c>
      <c r="IL7" s="91">
        <v>18724</v>
      </c>
      <c r="IM7" s="92">
        <v>36853</v>
      </c>
      <c r="IN7" s="412">
        <v>0</v>
      </c>
      <c r="IO7" s="91">
        <v>22647</v>
      </c>
      <c r="IP7" s="91">
        <v>19528</v>
      </c>
      <c r="IQ7" s="91">
        <v>12735</v>
      </c>
      <c r="IR7" s="91">
        <v>11014</v>
      </c>
      <c r="IS7" s="91">
        <v>7195</v>
      </c>
      <c r="IT7" s="92">
        <v>73119</v>
      </c>
      <c r="IU7" s="93">
        <v>109972</v>
      </c>
      <c r="IV7" s="90">
        <v>17641</v>
      </c>
      <c r="IW7" s="91">
        <v>19270</v>
      </c>
      <c r="IX7" s="92">
        <v>36911</v>
      </c>
      <c r="IY7" s="412">
        <v>0</v>
      </c>
      <c r="IZ7" s="91">
        <v>25859</v>
      </c>
      <c r="JA7" s="91">
        <v>23384</v>
      </c>
      <c r="JB7" s="91">
        <v>15898</v>
      </c>
      <c r="JC7" s="91">
        <v>13859</v>
      </c>
      <c r="JD7" s="91">
        <v>8767</v>
      </c>
      <c r="JE7" s="92">
        <v>87767</v>
      </c>
      <c r="JF7" s="93">
        <v>124678</v>
      </c>
      <c r="JG7" s="90">
        <v>9814</v>
      </c>
      <c r="JH7" s="91">
        <v>13075</v>
      </c>
      <c r="JI7" s="92">
        <v>22889</v>
      </c>
      <c r="JJ7" s="412">
        <v>0</v>
      </c>
      <c r="JK7" s="91">
        <v>21195</v>
      </c>
      <c r="JL7" s="91">
        <v>24021</v>
      </c>
      <c r="JM7" s="91">
        <v>19985</v>
      </c>
      <c r="JN7" s="91">
        <v>20378</v>
      </c>
      <c r="JO7" s="91">
        <v>11668</v>
      </c>
      <c r="JP7" s="92">
        <v>97247</v>
      </c>
      <c r="JQ7" s="93">
        <v>120136</v>
      </c>
      <c r="JR7" s="90">
        <v>873</v>
      </c>
      <c r="JS7" s="91">
        <v>1557</v>
      </c>
      <c r="JT7" s="92">
        <v>2430</v>
      </c>
      <c r="JU7" s="412">
        <v>0</v>
      </c>
      <c r="JV7" s="91">
        <v>1596</v>
      </c>
      <c r="JW7" s="91">
        <v>2586</v>
      </c>
      <c r="JX7" s="91">
        <v>1511</v>
      </c>
      <c r="JY7" s="91">
        <v>1407</v>
      </c>
      <c r="JZ7" s="91">
        <v>1379</v>
      </c>
      <c r="KA7" s="92">
        <v>8479</v>
      </c>
      <c r="KB7" s="93">
        <v>10909</v>
      </c>
      <c r="KC7" s="90">
        <v>61595</v>
      </c>
      <c r="KD7" s="91">
        <v>70307</v>
      </c>
      <c r="KE7" s="92">
        <v>131902</v>
      </c>
      <c r="KF7" s="412">
        <v>0</v>
      </c>
      <c r="KG7" s="91">
        <v>90393</v>
      </c>
      <c r="KH7" s="91">
        <v>89211</v>
      </c>
      <c r="KI7" s="91">
        <v>62662</v>
      </c>
      <c r="KJ7" s="91">
        <v>58138</v>
      </c>
      <c r="KK7" s="91">
        <v>37469</v>
      </c>
      <c r="KL7" s="92">
        <v>337873</v>
      </c>
      <c r="KM7" s="93">
        <v>469775</v>
      </c>
    </row>
    <row r="8" spans="2:299" s="70" customFormat="1" ht="21" customHeight="1" x14ac:dyDescent="0.2">
      <c r="B8" s="95" t="s">
        <v>5</v>
      </c>
      <c r="C8" s="96">
        <v>8094</v>
      </c>
      <c r="D8" s="97">
        <v>10150</v>
      </c>
      <c r="E8" s="98">
        <v>18244</v>
      </c>
      <c r="F8" s="413">
        <v>0</v>
      </c>
      <c r="G8" s="97">
        <v>10323</v>
      </c>
      <c r="H8" s="97">
        <v>14196</v>
      </c>
      <c r="I8" s="97">
        <v>8888</v>
      </c>
      <c r="J8" s="97">
        <v>7211</v>
      </c>
      <c r="K8" s="97">
        <v>4366</v>
      </c>
      <c r="L8" s="99">
        <v>44984</v>
      </c>
      <c r="M8" s="100">
        <v>63228</v>
      </c>
      <c r="N8" s="101">
        <v>302</v>
      </c>
      <c r="O8" s="102">
        <v>450</v>
      </c>
      <c r="P8" s="103">
        <v>752</v>
      </c>
      <c r="Q8" s="413">
        <v>0</v>
      </c>
      <c r="R8" s="102">
        <v>416</v>
      </c>
      <c r="S8" s="102">
        <v>735</v>
      </c>
      <c r="T8" s="102">
        <v>447</v>
      </c>
      <c r="U8" s="102">
        <v>396</v>
      </c>
      <c r="V8" s="102">
        <v>281</v>
      </c>
      <c r="W8" s="103">
        <v>2275</v>
      </c>
      <c r="X8" s="104">
        <v>3027</v>
      </c>
      <c r="Y8" s="101">
        <v>670</v>
      </c>
      <c r="Z8" s="102">
        <v>1047</v>
      </c>
      <c r="AA8" s="103">
        <v>1717</v>
      </c>
      <c r="AB8" s="413">
        <v>0</v>
      </c>
      <c r="AC8" s="102">
        <v>819</v>
      </c>
      <c r="AD8" s="102">
        <v>1478</v>
      </c>
      <c r="AE8" s="102">
        <v>923</v>
      </c>
      <c r="AF8" s="102">
        <v>798</v>
      </c>
      <c r="AG8" s="102">
        <v>552</v>
      </c>
      <c r="AH8" s="103">
        <v>4570</v>
      </c>
      <c r="AI8" s="104">
        <v>6287</v>
      </c>
      <c r="AJ8" s="101">
        <v>1223</v>
      </c>
      <c r="AK8" s="102">
        <v>1643</v>
      </c>
      <c r="AL8" s="103">
        <v>2866</v>
      </c>
      <c r="AM8" s="413">
        <v>0</v>
      </c>
      <c r="AN8" s="102">
        <v>1476</v>
      </c>
      <c r="AO8" s="102">
        <v>2322</v>
      </c>
      <c r="AP8" s="102">
        <v>1416</v>
      </c>
      <c r="AQ8" s="102">
        <v>1128</v>
      </c>
      <c r="AR8" s="102">
        <v>783</v>
      </c>
      <c r="AS8" s="103">
        <v>7125</v>
      </c>
      <c r="AT8" s="104">
        <v>9991</v>
      </c>
      <c r="AU8" s="101">
        <v>2124</v>
      </c>
      <c r="AV8" s="102">
        <v>2536</v>
      </c>
      <c r="AW8" s="103">
        <v>4660</v>
      </c>
      <c r="AX8" s="413">
        <v>0</v>
      </c>
      <c r="AY8" s="102">
        <v>2633</v>
      </c>
      <c r="AZ8" s="102">
        <v>3260</v>
      </c>
      <c r="BA8" s="102">
        <v>2048</v>
      </c>
      <c r="BB8" s="102">
        <v>1651</v>
      </c>
      <c r="BC8" s="102">
        <v>1000</v>
      </c>
      <c r="BD8" s="103">
        <v>10592</v>
      </c>
      <c r="BE8" s="104">
        <v>15252</v>
      </c>
      <c r="BF8" s="101">
        <v>2344</v>
      </c>
      <c r="BG8" s="102">
        <v>2604</v>
      </c>
      <c r="BH8" s="103">
        <v>4948</v>
      </c>
      <c r="BI8" s="413">
        <v>0</v>
      </c>
      <c r="BJ8" s="102">
        <v>2917</v>
      </c>
      <c r="BK8" s="102">
        <v>3492</v>
      </c>
      <c r="BL8" s="102">
        <v>2134</v>
      </c>
      <c r="BM8" s="102">
        <v>1723</v>
      </c>
      <c r="BN8" s="102">
        <v>969</v>
      </c>
      <c r="BO8" s="103">
        <v>11235</v>
      </c>
      <c r="BP8" s="104">
        <v>16183</v>
      </c>
      <c r="BQ8" s="101">
        <v>1431</v>
      </c>
      <c r="BR8" s="102">
        <v>1870</v>
      </c>
      <c r="BS8" s="103">
        <v>3301</v>
      </c>
      <c r="BT8" s="413">
        <v>0</v>
      </c>
      <c r="BU8" s="102">
        <v>2062</v>
      </c>
      <c r="BV8" s="102">
        <v>2909</v>
      </c>
      <c r="BW8" s="102">
        <v>1920</v>
      </c>
      <c r="BX8" s="102">
        <v>1515</v>
      </c>
      <c r="BY8" s="102">
        <v>781</v>
      </c>
      <c r="BZ8" s="103">
        <v>9187</v>
      </c>
      <c r="CA8" s="104">
        <v>12488</v>
      </c>
      <c r="CB8" s="101">
        <v>171</v>
      </c>
      <c r="CC8" s="102">
        <v>375</v>
      </c>
      <c r="CD8" s="103">
        <v>546</v>
      </c>
      <c r="CE8" s="413">
        <v>0</v>
      </c>
      <c r="CF8" s="102">
        <v>250</v>
      </c>
      <c r="CG8" s="102">
        <v>665</v>
      </c>
      <c r="CH8" s="102">
        <v>390</v>
      </c>
      <c r="CI8" s="102">
        <v>335</v>
      </c>
      <c r="CJ8" s="102">
        <v>346</v>
      </c>
      <c r="CK8" s="103">
        <v>1986</v>
      </c>
      <c r="CL8" s="104">
        <v>2532</v>
      </c>
      <c r="CM8" s="101">
        <v>8265</v>
      </c>
      <c r="CN8" s="102">
        <v>10525</v>
      </c>
      <c r="CO8" s="103">
        <v>18790</v>
      </c>
      <c r="CP8" s="413">
        <v>0</v>
      </c>
      <c r="CQ8" s="102">
        <v>10573</v>
      </c>
      <c r="CR8" s="102">
        <v>14861</v>
      </c>
      <c r="CS8" s="102">
        <v>9278</v>
      </c>
      <c r="CT8" s="102">
        <v>7546</v>
      </c>
      <c r="CU8" s="102">
        <v>4712</v>
      </c>
      <c r="CV8" s="103">
        <v>46970</v>
      </c>
      <c r="CW8" s="104">
        <v>65760</v>
      </c>
      <c r="CX8" s="105">
        <v>15339</v>
      </c>
      <c r="CY8" s="97">
        <v>21170</v>
      </c>
      <c r="CZ8" s="98">
        <v>36509</v>
      </c>
      <c r="DA8" s="413">
        <v>0</v>
      </c>
      <c r="DB8" s="97">
        <v>19812</v>
      </c>
      <c r="DC8" s="97">
        <v>24935</v>
      </c>
      <c r="DD8" s="97">
        <v>16804</v>
      </c>
      <c r="DE8" s="97">
        <v>16257</v>
      </c>
      <c r="DF8" s="97">
        <v>10475</v>
      </c>
      <c r="DG8" s="99">
        <v>88283</v>
      </c>
      <c r="DH8" s="100">
        <v>124792</v>
      </c>
      <c r="DI8" s="101">
        <v>322</v>
      </c>
      <c r="DJ8" s="102">
        <v>487</v>
      </c>
      <c r="DK8" s="103">
        <v>809</v>
      </c>
      <c r="DL8" s="413">
        <v>0</v>
      </c>
      <c r="DM8" s="102">
        <v>274</v>
      </c>
      <c r="DN8" s="102">
        <v>468</v>
      </c>
      <c r="DO8" s="102">
        <v>305</v>
      </c>
      <c r="DP8" s="102">
        <v>278</v>
      </c>
      <c r="DQ8" s="102">
        <v>228</v>
      </c>
      <c r="DR8" s="103">
        <v>1553</v>
      </c>
      <c r="DS8" s="104">
        <v>2362</v>
      </c>
      <c r="DT8" s="101">
        <v>858</v>
      </c>
      <c r="DU8" s="102">
        <v>1317</v>
      </c>
      <c r="DV8" s="103">
        <v>2175</v>
      </c>
      <c r="DW8" s="413">
        <v>0</v>
      </c>
      <c r="DX8" s="102">
        <v>771</v>
      </c>
      <c r="DY8" s="102">
        <v>1203</v>
      </c>
      <c r="DZ8" s="102">
        <v>671</v>
      </c>
      <c r="EA8" s="102">
        <v>668</v>
      </c>
      <c r="EB8" s="102">
        <v>594</v>
      </c>
      <c r="EC8" s="103">
        <v>3907</v>
      </c>
      <c r="ED8" s="104">
        <v>6082</v>
      </c>
      <c r="EE8" s="101">
        <v>2303</v>
      </c>
      <c r="EF8" s="102">
        <v>2984</v>
      </c>
      <c r="EG8" s="103">
        <v>5287</v>
      </c>
      <c r="EH8" s="413">
        <v>0</v>
      </c>
      <c r="EI8" s="102">
        <v>2129</v>
      </c>
      <c r="EJ8" s="102">
        <v>2524</v>
      </c>
      <c r="EK8" s="102">
        <v>1430</v>
      </c>
      <c r="EL8" s="102">
        <v>1356</v>
      </c>
      <c r="EM8" s="102">
        <v>1063</v>
      </c>
      <c r="EN8" s="103">
        <v>8502</v>
      </c>
      <c r="EO8" s="104">
        <v>13789</v>
      </c>
      <c r="EP8" s="101">
        <v>4854</v>
      </c>
      <c r="EQ8" s="102">
        <v>5817</v>
      </c>
      <c r="ER8" s="103">
        <v>10671</v>
      </c>
      <c r="ES8" s="413">
        <v>0</v>
      </c>
      <c r="ET8" s="102">
        <v>5028</v>
      </c>
      <c r="EU8" s="102">
        <v>5302</v>
      </c>
      <c r="EV8" s="102">
        <v>3145</v>
      </c>
      <c r="EW8" s="102">
        <v>2829</v>
      </c>
      <c r="EX8" s="102">
        <v>1860</v>
      </c>
      <c r="EY8" s="103">
        <v>18164</v>
      </c>
      <c r="EZ8" s="104">
        <v>28835</v>
      </c>
      <c r="FA8" s="101">
        <v>4539</v>
      </c>
      <c r="FB8" s="102">
        <v>6282</v>
      </c>
      <c r="FC8" s="103">
        <v>10821</v>
      </c>
      <c r="FD8" s="413">
        <v>0</v>
      </c>
      <c r="FE8" s="102">
        <v>6242</v>
      </c>
      <c r="FF8" s="102">
        <v>7228</v>
      </c>
      <c r="FG8" s="102">
        <v>4534</v>
      </c>
      <c r="FH8" s="102">
        <v>4154</v>
      </c>
      <c r="FI8" s="102">
        <v>2671</v>
      </c>
      <c r="FJ8" s="103">
        <v>24829</v>
      </c>
      <c r="FK8" s="104">
        <v>35650</v>
      </c>
      <c r="FL8" s="101">
        <v>2463</v>
      </c>
      <c r="FM8" s="102">
        <v>4283</v>
      </c>
      <c r="FN8" s="103">
        <v>6746</v>
      </c>
      <c r="FO8" s="413">
        <v>0</v>
      </c>
      <c r="FP8" s="102">
        <v>5368</v>
      </c>
      <c r="FQ8" s="102">
        <v>8210</v>
      </c>
      <c r="FR8" s="102">
        <v>6719</v>
      </c>
      <c r="FS8" s="102">
        <v>6972</v>
      </c>
      <c r="FT8" s="102">
        <v>4059</v>
      </c>
      <c r="FU8" s="103">
        <v>31328</v>
      </c>
      <c r="FV8" s="104">
        <v>38074</v>
      </c>
      <c r="FW8" s="101">
        <v>147</v>
      </c>
      <c r="FX8" s="102">
        <v>294</v>
      </c>
      <c r="FY8" s="103">
        <v>441</v>
      </c>
      <c r="FZ8" s="413">
        <v>0</v>
      </c>
      <c r="GA8" s="102">
        <v>208</v>
      </c>
      <c r="GB8" s="102">
        <v>523</v>
      </c>
      <c r="GC8" s="102">
        <v>266</v>
      </c>
      <c r="GD8" s="102">
        <v>237</v>
      </c>
      <c r="GE8" s="102">
        <v>267</v>
      </c>
      <c r="GF8" s="103">
        <v>1501</v>
      </c>
      <c r="GG8" s="104">
        <v>1942</v>
      </c>
      <c r="GH8" s="101">
        <v>15486</v>
      </c>
      <c r="GI8" s="102">
        <v>21464</v>
      </c>
      <c r="GJ8" s="103">
        <v>36950</v>
      </c>
      <c r="GK8" s="413">
        <v>0</v>
      </c>
      <c r="GL8" s="102">
        <v>20020</v>
      </c>
      <c r="GM8" s="102">
        <v>25458</v>
      </c>
      <c r="GN8" s="102">
        <v>17070</v>
      </c>
      <c r="GO8" s="102">
        <v>16494</v>
      </c>
      <c r="GP8" s="102">
        <v>10742</v>
      </c>
      <c r="GQ8" s="103">
        <v>89784</v>
      </c>
      <c r="GR8" s="104">
        <v>126734</v>
      </c>
      <c r="GS8" s="105">
        <v>23433</v>
      </c>
      <c r="GT8" s="97">
        <v>31320</v>
      </c>
      <c r="GU8" s="98">
        <v>54753</v>
      </c>
      <c r="GV8" s="413">
        <v>0</v>
      </c>
      <c r="GW8" s="97">
        <v>30135</v>
      </c>
      <c r="GX8" s="97">
        <v>39131</v>
      </c>
      <c r="GY8" s="97">
        <v>25692</v>
      </c>
      <c r="GZ8" s="97">
        <v>23468</v>
      </c>
      <c r="HA8" s="97">
        <v>14841</v>
      </c>
      <c r="HB8" s="99">
        <v>133267</v>
      </c>
      <c r="HC8" s="100">
        <v>188020</v>
      </c>
      <c r="HD8" s="101">
        <v>624</v>
      </c>
      <c r="HE8" s="102">
        <v>937</v>
      </c>
      <c r="HF8" s="103">
        <v>1561</v>
      </c>
      <c r="HG8" s="416">
        <v>0</v>
      </c>
      <c r="HH8" s="102">
        <v>690</v>
      </c>
      <c r="HI8" s="102">
        <v>1203</v>
      </c>
      <c r="HJ8" s="102">
        <v>752</v>
      </c>
      <c r="HK8" s="102">
        <v>674</v>
      </c>
      <c r="HL8" s="102">
        <v>509</v>
      </c>
      <c r="HM8" s="103">
        <v>3828</v>
      </c>
      <c r="HN8" s="104">
        <v>5389</v>
      </c>
      <c r="HO8" s="101">
        <v>1528</v>
      </c>
      <c r="HP8" s="102">
        <v>2364</v>
      </c>
      <c r="HQ8" s="103">
        <v>3892</v>
      </c>
      <c r="HR8" s="413">
        <v>0</v>
      </c>
      <c r="HS8" s="102">
        <v>1590</v>
      </c>
      <c r="HT8" s="102">
        <v>2681</v>
      </c>
      <c r="HU8" s="102">
        <v>1594</v>
      </c>
      <c r="HV8" s="102">
        <v>1466</v>
      </c>
      <c r="HW8" s="102">
        <v>1146</v>
      </c>
      <c r="HX8" s="103">
        <v>8477</v>
      </c>
      <c r="HY8" s="104">
        <v>12369</v>
      </c>
      <c r="HZ8" s="101">
        <v>3526</v>
      </c>
      <c r="IA8" s="102">
        <v>4627</v>
      </c>
      <c r="IB8" s="103">
        <v>8153</v>
      </c>
      <c r="IC8" s="413">
        <v>0</v>
      </c>
      <c r="ID8" s="102">
        <v>3605</v>
      </c>
      <c r="IE8" s="102">
        <v>4846</v>
      </c>
      <c r="IF8" s="102">
        <v>2846</v>
      </c>
      <c r="IG8" s="102">
        <v>2484</v>
      </c>
      <c r="IH8" s="102">
        <v>1846</v>
      </c>
      <c r="II8" s="103">
        <v>15627</v>
      </c>
      <c r="IJ8" s="104">
        <v>23780</v>
      </c>
      <c r="IK8" s="101">
        <v>6978</v>
      </c>
      <c r="IL8" s="102">
        <v>8353</v>
      </c>
      <c r="IM8" s="103">
        <v>15331</v>
      </c>
      <c r="IN8" s="413">
        <v>0</v>
      </c>
      <c r="IO8" s="102">
        <v>7661</v>
      </c>
      <c r="IP8" s="102">
        <v>8562</v>
      </c>
      <c r="IQ8" s="102">
        <v>5193</v>
      </c>
      <c r="IR8" s="102">
        <v>4480</v>
      </c>
      <c r="IS8" s="102">
        <v>2860</v>
      </c>
      <c r="IT8" s="103">
        <v>28756</v>
      </c>
      <c r="IU8" s="104">
        <v>44087</v>
      </c>
      <c r="IV8" s="101">
        <v>6883</v>
      </c>
      <c r="IW8" s="102">
        <v>8886</v>
      </c>
      <c r="IX8" s="103">
        <v>15769</v>
      </c>
      <c r="IY8" s="413">
        <v>0</v>
      </c>
      <c r="IZ8" s="102">
        <v>9159</v>
      </c>
      <c r="JA8" s="102">
        <v>10720</v>
      </c>
      <c r="JB8" s="102">
        <v>6668</v>
      </c>
      <c r="JC8" s="102">
        <v>5877</v>
      </c>
      <c r="JD8" s="102">
        <v>3640</v>
      </c>
      <c r="JE8" s="103">
        <v>36064</v>
      </c>
      <c r="JF8" s="104">
        <v>51833</v>
      </c>
      <c r="JG8" s="101">
        <v>3894</v>
      </c>
      <c r="JH8" s="102">
        <v>6153</v>
      </c>
      <c r="JI8" s="103">
        <v>10047</v>
      </c>
      <c r="JJ8" s="413">
        <v>0</v>
      </c>
      <c r="JK8" s="102">
        <v>7430</v>
      </c>
      <c r="JL8" s="102">
        <v>11119</v>
      </c>
      <c r="JM8" s="102">
        <v>8639</v>
      </c>
      <c r="JN8" s="102">
        <v>8487</v>
      </c>
      <c r="JO8" s="102">
        <v>4840</v>
      </c>
      <c r="JP8" s="103">
        <v>40515</v>
      </c>
      <c r="JQ8" s="104">
        <v>50562</v>
      </c>
      <c r="JR8" s="101">
        <v>318</v>
      </c>
      <c r="JS8" s="102">
        <v>669</v>
      </c>
      <c r="JT8" s="103">
        <v>987</v>
      </c>
      <c r="JU8" s="413">
        <v>0</v>
      </c>
      <c r="JV8" s="102">
        <v>458</v>
      </c>
      <c r="JW8" s="102">
        <v>1188</v>
      </c>
      <c r="JX8" s="102">
        <v>656</v>
      </c>
      <c r="JY8" s="102">
        <v>572</v>
      </c>
      <c r="JZ8" s="102">
        <v>613</v>
      </c>
      <c r="KA8" s="103">
        <v>3487</v>
      </c>
      <c r="KB8" s="104">
        <v>4474</v>
      </c>
      <c r="KC8" s="101">
        <v>23751</v>
      </c>
      <c r="KD8" s="102">
        <v>31989</v>
      </c>
      <c r="KE8" s="103">
        <v>55740</v>
      </c>
      <c r="KF8" s="413">
        <v>0</v>
      </c>
      <c r="KG8" s="102">
        <v>30593</v>
      </c>
      <c r="KH8" s="102">
        <v>40319</v>
      </c>
      <c r="KI8" s="102">
        <v>26348</v>
      </c>
      <c r="KJ8" s="102">
        <v>24040</v>
      </c>
      <c r="KK8" s="102">
        <v>15454</v>
      </c>
      <c r="KL8" s="103">
        <v>136754</v>
      </c>
      <c r="KM8" s="104">
        <v>192494</v>
      </c>
    </row>
    <row r="9" spans="2:299" s="70" customFormat="1" ht="21" customHeight="1" x14ac:dyDescent="0.2">
      <c r="B9" s="106" t="s">
        <v>6</v>
      </c>
      <c r="C9" s="96">
        <v>2778</v>
      </c>
      <c r="D9" s="97">
        <v>2417</v>
      </c>
      <c r="E9" s="98">
        <v>5195</v>
      </c>
      <c r="F9" s="413">
        <v>0</v>
      </c>
      <c r="G9" s="97">
        <v>5176</v>
      </c>
      <c r="H9" s="97">
        <v>4321</v>
      </c>
      <c r="I9" s="97">
        <v>2847</v>
      </c>
      <c r="J9" s="97">
        <v>2451</v>
      </c>
      <c r="K9" s="97">
        <v>1638</v>
      </c>
      <c r="L9" s="99">
        <v>16433</v>
      </c>
      <c r="M9" s="100">
        <v>21628</v>
      </c>
      <c r="N9" s="101">
        <v>163</v>
      </c>
      <c r="O9" s="102">
        <v>152</v>
      </c>
      <c r="P9" s="103">
        <v>315</v>
      </c>
      <c r="Q9" s="413">
        <v>0</v>
      </c>
      <c r="R9" s="102">
        <v>273</v>
      </c>
      <c r="S9" s="102">
        <v>251</v>
      </c>
      <c r="T9" s="102">
        <v>151</v>
      </c>
      <c r="U9" s="102">
        <v>141</v>
      </c>
      <c r="V9" s="102">
        <v>117</v>
      </c>
      <c r="W9" s="103">
        <v>933</v>
      </c>
      <c r="X9" s="104">
        <v>1248</v>
      </c>
      <c r="Y9" s="101">
        <v>294</v>
      </c>
      <c r="Z9" s="102">
        <v>278</v>
      </c>
      <c r="AA9" s="103">
        <v>572</v>
      </c>
      <c r="AB9" s="413">
        <v>0</v>
      </c>
      <c r="AC9" s="102">
        <v>528</v>
      </c>
      <c r="AD9" s="102">
        <v>463</v>
      </c>
      <c r="AE9" s="102">
        <v>325</v>
      </c>
      <c r="AF9" s="102">
        <v>270</v>
      </c>
      <c r="AG9" s="102">
        <v>224</v>
      </c>
      <c r="AH9" s="103">
        <v>1810</v>
      </c>
      <c r="AI9" s="104">
        <v>2382</v>
      </c>
      <c r="AJ9" s="101">
        <v>464</v>
      </c>
      <c r="AK9" s="102">
        <v>415</v>
      </c>
      <c r="AL9" s="103">
        <v>879</v>
      </c>
      <c r="AM9" s="413">
        <v>0</v>
      </c>
      <c r="AN9" s="102">
        <v>870</v>
      </c>
      <c r="AO9" s="102">
        <v>739</v>
      </c>
      <c r="AP9" s="102">
        <v>477</v>
      </c>
      <c r="AQ9" s="102">
        <v>430</v>
      </c>
      <c r="AR9" s="102">
        <v>314</v>
      </c>
      <c r="AS9" s="103">
        <v>2830</v>
      </c>
      <c r="AT9" s="104">
        <v>3709</v>
      </c>
      <c r="AU9" s="101">
        <v>696</v>
      </c>
      <c r="AV9" s="102">
        <v>574</v>
      </c>
      <c r="AW9" s="103">
        <v>1270</v>
      </c>
      <c r="AX9" s="413">
        <v>0</v>
      </c>
      <c r="AY9" s="102">
        <v>1297</v>
      </c>
      <c r="AZ9" s="102">
        <v>1044</v>
      </c>
      <c r="BA9" s="102">
        <v>642</v>
      </c>
      <c r="BB9" s="102">
        <v>557</v>
      </c>
      <c r="BC9" s="102">
        <v>347</v>
      </c>
      <c r="BD9" s="103">
        <v>3887</v>
      </c>
      <c r="BE9" s="104">
        <v>5157</v>
      </c>
      <c r="BF9" s="101">
        <v>729</v>
      </c>
      <c r="BG9" s="102">
        <v>587</v>
      </c>
      <c r="BH9" s="103">
        <v>1316</v>
      </c>
      <c r="BI9" s="413">
        <v>0</v>
      </c>
      <c r="BJ9" s="102">
        <v>1273</v>
      </c>
      <c r="BK9" s="102">
        <v>990</v>
      </c>
      <c r="BL9" s="102">
        <v>667</v>
      </c>
      <c r="BM9" s="102">
        <v>531</v>
      </c>
      <c r="BN9" s="102">
        <v>358</v>
      </c>
      <c r="BO9" s="103">
        <v>3819</v>
      </c>
      <c r="BP9" s="104">
        <v>5135</v>
      </c>
      <c r="BQ9" s="101">
        <v>432</v>
      </c>
      <c r="BR9" s="102">
        <v>411</v>
      </c>
      <c r="BS9" s="103">
        <v>843</v>
      </c>
      <c r="BT9" s="413">
        <v>0</v>
      </c>
      <c r="BU9" s="102">
        <v>935</v>
      </c>
      <c r="BV9" s="102">
        <v>834</v>
      </c>
      <c r="BW9" s="102">
        <v>585</v>
      </c>
      <c r="BX9" s="102">
        <v>522</v>
      </c>
      <c r="BY9" s="102">
        <v>278</v>
      </c>
      <c r="BZ9" s="103">
        <v>3154</v>
      </c>
      <c r="CA9" s="104">
        <v>3997</v>
      </c>
      <c r="CB9" s="101">
        <v>82</v>
      </c>
      <c r="CC9" s="102">
        <v>99</v>
      </c>
      <c r="CD9" s="103">
        <v>181</v>
      </c>
      <c r="CE9" s="413">
        <v>0</v>
      </c>
      <c r="CF9" s="102">
        <v>178</v>
      </c>
      <c r="CG9" s="102">
        <v>203</v>
      </c>
      <c r="CH9" s="102">
        <v>113</v>
      </c>
      <c r="CI9" s="102">
        <v>129</v>
      </c>
      <c r="CJ9" s="102">
        <v>128</v>
      </c>
      <c r="CK9" s="103">
        <v>751</v>
      </c>
      <c r="CL9" s="104">
        <v>932</v>
      </c>
      <c r="CM9" s="101">
        <v>2860</v>
      </c>
      <c r="CN9" s="102">
        <v>2516</v>
      </c>
      <c r="CO9" s="103">
        <v>5376</v>
      </c>
      <c r="CP9" s="413">
        <v>0</v>
      </c>
      <c r="CQ9" s="102">
        <v>5354</v>
      </c>
      <c r="CR9" s="102">
        <v>4524</v>
      </c>
      <c r="CS9" s="102">
        <v>2960</v>
      </c>
      <c r="CT9" s="102">
        <v>2580</v>
      </c>
      <c r="CU9" s="102">
        <v>1766</v>
      </c>
      <c r="CV9" s="103">
        <v>17184</v>
      </c>
      <c r="CW9" s="104">
        <v>22560</v>
      </c>
      <c r="CX9" s="105">
        <v>5381</v>
      </c>
      <c r="CY9" s="97">
        <v>5622</v>
      </c>
      <c r="CZ9" s="98">
        <v>11003</v>
      </c>
      <c r="DA9" s="413">
        <v>0</v>
      </c>
      <c r="DB9" s="97">
        <v>8993</v>
      </c>
      <c r="DC9" s="97">
        <v>7050</v>
      </c>
      <c r="DD9" s="97">
        <v>5308</v>
      </c>
      <c r="DE9" s="97">
        <v>5228</v>
      </c>
      <c r="DF9" s="97">
        <v>3669</v>
      </c>
      <c r="DG9" s="99">
        <v>30248</v>
      </c>
      <c r="DH9" s="100">
        <v>41251</v>
      </c>
      <c r="DI9" s="101">
        <v>119</v>
      </c>
      <c r="DJ9" s="102">
        <v>134</v>
      </c>
      <c r="DK9" s="103">
        <v>253</v>
      </c>
      <c r="DL9" s="413">
        <v>0</v>
      </c>
      <c r="DM9" s="102">
        <v>165</v>
      </c>
      <c r="DN9" s="102">
        <v>136</v>
      </c>
      <c r="DO9" s="102">
        <v>108</v>
      </c>
      <c r="DP9" s="102">
        <v>95</v>
      </c>
      <c r="DQ9" s="102">
        <v>73</v>
      </c>
      <c r="DR9" s="103">
        <v>577</v>
      </c>
      <c r="DS9" s="104">
        <v>830</v>
      </c>
      <c r="DT9" s="101">
        <v>344</v>
      </c>
      <c r="DU9" s="102">
        <v>353</v>
      </c>
      <c r="DV9" s="103">
        <v>697</v>
      </c>
      <c r="DW9" s="413">
        <v>0</v>
      </c>
      <c r="DX9" s="102">
        <v>449</v>
      </c>
      <c r="DY9" s="102">
        <v>359</v>
      </c>
      <c r="DZ9" s="102">
        <v>230</v>
      </c>
      <c r="EA9" s="102">
        <v>232</v>
      </c>
      <c r="EB9" s="102">
        <v>185</v>
      </c>
      <c r="EC9" s="103">
        <v>1455</v>
      </c>
      <c r="ED9" s="104">
        <v>2152</v>
      </c>
      <c r="EE9" s="101">
        <v>807</v>
      </c>
      <c r="EF9" s="102">
        <v>783</v>
      </c>
      <c r="EG9" s="103">
        <v>1590</v>
      </c>
      <c r="EH9" s="413">
        <v>0</v>
      </c>
      <c r="EI9" s="102">
        <v>1041</v>
      </c>
      <c r="EJ9" s="102">
        <v>702</v>
      </c>
      <c r="EK9" s="102">
        <v>437</v>
      </c>
      <c r="EL9" s="102">
        <v>456</v>
      </c>
      <c r="EM9" s="102">
        <v>340</v>
      </c>
      <c r="EN9" s="103">
        <v>2976</v>
      </c>
      <c r="EO9" s="104">
        <v>4566</v>
      </c>
      <c r="EP9" s="101">
        <v>1701</v>
      </c>
      <c r="EQ9" s="102">
        <v>1583</v>
      </c>
      <c r="ER9" s="103">
        <v>3284</v>
      </c>
      <c r="ES9" s="413">
        <v>0</v>
      </c>
      <c r="ET9" s="102">
        <v>2216</v>
      </c>
      <c r="EU9" s="102">
        <v>1453</v>
      </c>
      <c r="EV9" s="102">
        <v>1006</v>
      </c>
      <c r="EW9" s="102">
        <v>891</v>
      </c>
      <c r="EX9" s="102">
        <v>659</v>
      </c>
      <c r="EY9" s="103">
        <v>6225</v>
      </c>
      <c r="EZ9" s="104">
        <v>9509</v>
      </c>
      <c r="FA9" s="101">
        <v>1561</v>
      </c>
      <c r="FB9" s="102">
        <v>1656</v>
      </c>
      <c r="FC9" s="103">
        <v>3217</v>
      </c>
      <c r="FD9" s="413">
        <v>0</v>
      </c>
      <c r="FE9" s="102">
        <v>2712</v>
      </c>
      <c r="FF9" s="102">
        <v>2111</v>
      </c>
      <c r="FG9" s="102">
        <v>1447</v>
      </c>
      <c r="FH9" s="102">
        <v>1280</v>
      </c>
      <c r="FI9" s="102">
        <v>947</v>
      </c>
      <c r="FJ9" s="103">
        <v>8497</v>
      </c>
      <c r="FK9" s="104">
        <v>11714</v>
      </c>
      <c r="FL9" s="101">
        <v>849</v>
      </c>
      <c r="FM9" s="102">
        <v>1113</v>
      </c>
      <c r="FN9" s="103">
        <v>1962</v>
      </c>
      <c r="FO9" s="413">
        <v>0</v>
      </c>
      <c r="FP9" s="102">
        <v>2410</v>
      </c>
      <c r="FQ9" s="102">
        <v>2289</v>
      </c>
      <c r="FR9" s="102">
        <v>2080</v>
      </c>
      <c r="FS9" s="102">
        <v>2274</v>
      </c>
      <c r="FT9" s="102">
        <v>1465</v>
      </c>
      <c r="FU9" s="103">
        <v>10518</v>
      </c>
      <c r="FV9" s="104">
        <v>12480</v>
      </c>
      <c r="FW9" s="101">
        <v>66</v>
      </c>
      <c r="FX9" s="102">
        <v>93</v>
      </c>
      <c r="FY9" s="103">
        <v>159</v>
      </c>
      <c r="FZ9" s="413">
        <v>0</v>
      </c>
      <c r="GA9" s="102">
        <v>130</v>
      </c>
      <c r="GB9" s="102">
        <v>135</v>
      </c>
      <c r="GC9" s="102">
        <v>102</v>
      </c>
      <c r="GD9" s="102">
        <v>90</v>
      </c>
      <c r="GE9" s="102">
        <v>90</v>
      </c>
      <c r="GF9" s="103">
        <v>547</v>
      </c>
      <c r="GG9" s="104">
        <v>706</v>
      </c>
      <c r="GH9" s="101">
        <v>5447</v>
      </c>
      <c r="GI9" s="102">
        <v>5715</v>
      </c>
      <c r="GJ9" s="103">
        <v>11162</v>
      </c>
      <c r="GK9" s="413">
        <v>0</v>
      </c>
      <c r="GL9" s="102">
        <v>9123</v>
      </c>
      <c r="GM9" s="102">
        <v>7185</v>
      </c>
      <c r="GN9" s="102">
        <v>5410</v>
      </c>
      <c r="GO9" s="102">
        <v>5318</v>
      </c>
      <c r="GP9" s="102">
        <v>3759</v>
      </c>
      <c r="GQ9" s="103">
        <v>30795</v>
      </c>
      <c r="GR9" s="104">
        <v>41957</v>
      </c>
      <c r="GS9" s="105">
        <v>8159</v>
      </c>
      <c r="GT9" s="97">
        <v>8039</v>
      </c>
      <c r="GU9" s="98">
        <v>16198</v>
      </c>
      <c r="GV9" s="413">
        <v>0</v>
      </c>
      <c r="GW9" s="97">
        <v>14169</v>
      </c>
      <c r="GX9" s="97">
        <v>11371</v>
      </c>
      <c r="GY9" s="97">
        <v>8155</v>
      </c>
      <c r="GZ9" s="97">
        <v>7679</v>
      </c>
      <c r="HA9" s="97">
        <v>5307</v>
      </c>
      <c r="HB9" s="99">
        <v>46681</v>
      </c>
      <c r="HC9" s="100">
        <v>62879</v>
      </c>
      <c r="HD9" s="101">
        <v>282</v>
      </c>
      <c r="HE9" s="102">
        <v>286</v>
      </c>
      <c r="HF9" s="103">
        <v>568</v>
      </c>
      <c r="HG9" s="416">
        <v>0</v>
      </c>
      <c r="HH9" s="102">
        <v>438</v>
      </c>
      <c r="HI9" s="102">
        <v>387</v>
      </c>
      <c r="HJ9" s="102">
        <v>259</v>
      </c>
      <c r="HK9" s="102">
        <v>236</v>
      </c>
      <c r="HL9" s="102">
        <v>190</v>
      </c>
      <c r="HM9" s="103">
        <v>1510</v>
      </c>
      <c r="HN9" s="104">
        <v>2078</v>
      </c>
      <c r="HO9" s="101">
        <v>638</v>
      </c>
      <c r="HP9" s="102">
        <v>631</v>
      </c>
      <c r="HQ9" s="103">
        <v>1269</v>
      </c>
      <c r="HR9" s="413">
        <v>0</v>
      </c>
      <c r="HS9" s="102">
        <v>977</v>
      </c>
      <c r="HT9" s="102">
        <v>822</v>
      </c>
      <c r="HU9" s="102">
        <v>555</v>
      </c>
      <c r="HV9" s="102">
        <v>502</v>
      </c>
      <c r="HW9" s="102">
        <v>409</v>
      </c>
      <c r="HX9" s="103">
        <v>3265</v>
      </c>
      <c r="HY9" s="104">
        <v>4534</v>
      </c>
      <c r="HZ9" s="101">
        <v>1271</v>
      </c>
      <c r="IA9" s="102">
        <v>1198</v>
      </c>
      <c r="IB9" s="103">
        <v>2469</v>
      </c>
      <c r="IC9" s="413">
        <v>0</v>
      </c>
      <c r="ID9" s="102">
        <v>1911</v>
      </c>
      <c r="IE9" s="102">
        <v>1441</v>
      </c>
      <c r="IF9" s="102">
        <v>914</v>
      </c>
      <c r="IG9" s="102">
        <v>886</v>
      </c>
      <c r="IH9" s="102">
        <v>654</v>
      </c>
      <c r="II9" s="103">
        <v>5806</v>
      </c>
      <c r="IJ9" s="104">
        <v>8275</v>
      </c>
      <c r="IK9" s="101">
        <v>2397</v>
      </c>
      <c r="IL9" s="102">
        <v>2157</v>
      </c>
      <c r="IM9" s="103">
        <v>4554</v>
      </c>
      <c r="IN9" s="413">
        <v>0</v>
      </c>
      <c r="IO9" s="102">
        <v>3513</v>
      </c>
      <c r="IP9" s="102">
        <v>2497</v>
      </c>
      <c r="IQ9" s="102">
        <v>1648</v>
      </c>
      <c r="IR9" s="102">
        <v>1448</v>
      </c>
      <c r="IS9" s="102">
        <v>1006</v>
      </c>
      <c r="IT9" s="103">
        <v>10112</v>
      </c>
      <c r="IU9" s="104">
        <v>14666</v>
      </c>
      <c r="IV9" s="101">
        <v>2290</v>
      </c>
      <c r="IW9" s="102">
        <v>2243</v>
      </c>
      <c r="IX9" s="103">
        <v>4533</v>
      </c>
      <c r="IY9" s="413">
        <v>0</v>
      </c>
      <c r="IZ9" s="102">
        <v>3985</v>
      </c>
      <c r="JA9" s="102">
        <v>3101</v>
      </c>
      <c r="JB9" s="102">
        <v>2114</v>
      </c>
      <c r="JC9" s="102">
        <v>1811</v>
      </c>
      <c r="JD9" s="102">
        <v>1305</v>
      </c>
      <c r="JE9" s="103">
        <v>12316</v>
      </c>
      <c r="JF9" s="104">
        <v>16849</v>
      </c>
      <c r="JG9" s="101">
        <v>1281</v>
      </c>
      <c r="JH9" s="102">
        <v>1524</v>
      </c>
      <c r="JI9" s="103">
        <v>2805</v>
      </c>
      <c r="JJ9" s="413">
        <v>0</v>
      </c>
      <c r="JK9" s="102">
        <v>3345</v>
      </c>
      <c r="JL9" s="102">
        <v>3123</v>
      </c>
      <c r="JM9" s="102">
        <v>2665</v>
      </c>
      <c r="JN9" s="102">
        <v>2796</v>
      </c>
      <c r="JO9" s="102">
        <v>1743</v>
      </c>
      <c r="JP9" s="103">
        <v>13672</v>
      </c>
      <c r="JQ9" s="104">
        <v>16477</v>
      </c>
      <c r="JR9" s="101">
        <v>148</v>
      </c>
      <c r="JS9" s="102">
        <v>192</v>
      </c>
      <c r="JT9" s="103">
        <v>340</v>
      </c>
      <c r="JU9" s="413">
        <v>0</v>
      </c>
      <c r="JV9" s="102">
        <v>308</v>
      </c>
      <c r="JW9" s="102">
        <v>338</v>
      </c>
      <c r="JX9" s="102">
        <v>215</v>
      </c>
      <c r="JY9" s="102">
        <v>219</v>
      </c>
      <c r="JZ9" s="102">
        <v>218</v>
      </c>
      <c r="KA9" s="103">
        <v>1298</v>
      </c>
      <c r="KB9" s="104">
        <v>1638</v>
      </c>
      <c r="KC9" s="101">
        <v>8307</v>
      </c>
      <c r="KD9" s="102">
        <v>8231</v>
      </c>
      <c r="KE9" s="103">
        <v>16538</v>
      </c>
      <c r="KF9" s="413">
        <v>0</v>
      </c>
      <c r="KG9" s="102">
        <v>14477</v>
      </c>
      <c r="KH9" s="102">
        <v>11709</v>
      </c>
      <c r="KI9" s="102">
        <v>8370</v>
      </c>
      <c r="KJ9" s="102">
        <v>7898</v>
      </c>
      <c r="KK9" s="102">
        <v>5525</v>
      </c>
      <c r="KL9" s="103">
        <v>47979</v>
      </c>
      <c r="KM9" s="104">
        <v>64517</v>
      </c>
    </row>
    <row r="10" spans="2:299" s="70" customFormat="1" ht="21" customHeight="1" x14ac:dyDescent="0.2">
      <c r="B10" s="106" t="s">
        <v>14</v>
      </c>
      <c r="C10" s="96">
        <v>1586</v>
      </c>
      <c r="D10" s="97">
        <v>2006</v>
      </c>
      <c r="E10" s="98">
        <v>3592</v>
      </c>
      <c r="F10" s="413">
        <v>0</v>
      </c>
      <c r="G10" s="97">
        <v>2363</v>
      </c>
      <c r="H10" s="97">
        <v>2646</v>
      </c>
      <c r="I10" s="97">
        <v>1905</v>
      </c>
      <c r="J10" s="97">
        <v>1528</v>
      </c>
      <c r="K10" s="97">
        <v>896</v>
      </c>
      <c r="L10" s="99">
        <v>9338</v>
      </c>
      <c r="M10" s="100">
        <v>12930</v>
      </c>
      <c r="N10" s="101">
        <v>68</v>
      </c>
      <c r="O10" s="102">
        <v>84</v>
      </c>
      <c r="P10" s="103">
        <v>152</v>
      </c>
      <c r="Q10" s="413">
        <v>0</v>
      </c>
      <c r="R10" s="102">
        <v>89</v>
      </c>
      <c r="S10" s="102">
        <v>134</v>
      </c>
      <c r="T10" s="102">
        <v>101</v>
      </c>
      <c r="U10" s="102">
        <v>101</v>
      </c>
      <c r="V10" s="102">
        <v>65</v>
      </c>
      <c r="W10" s="103">
        <v>490</v>
      </c>
      <c r="X10" s="104">
        <v>642</v>
      </c>
      <c r="Y10" s="101">
        <v>139</v>
      </c>
      <c r="Z10" s="102">
        <v>268</v>
      </c>
      <c r="AA10" s="103">
        <v>407</v>
      </c>
      <c r="AB10" s="413">
        <v>0</v>
      </c>
      <c r="AC10" s="102">
        <v>194</v>
      </c>
      <c r="AD10" s="102">
        <v>263</v>
      </c>
      <c r="AE10" s="102">
        <v>191</v>
      </c>
      <c r="AF10" s="102">
        <v>161</v>
      </c>
      <c r="AG10" s="102">
        <v>125</v>
      </c>
      <c r="AH10" s="103">
        <v>934</v>
      </c>
      <c r="AI10" s="104">
        <v>1341</v>
      </c>
      <c r="AJ10" s="101">
        <v>242</v>
      </c>
      <c r="AK10" s="102">
        <v>367</v>
      </c>
      <c r="AL10" s="103">
        <v>609</v>
      </c>
      <c r="AM10" s="413">
        <v>0</v>
      </c>
      <c r="AN10" s="102">
        <v>365</v>
      </c>
      <c r="AO10" s="102">
        <v>435</v>
      </c>
      <c r="AP10" s="102">
        <v>310</v>
      </c>
      <c r="AQ10" s="102">
        <v>249</v>
      </c>
      <c r="AR10" s="102">
        <v>154</v>
      </c>
      <c r="AS10" s="103">
        <v>1513</v>
      </c>
      <c r="AT10" s="104">
        <v>2122</v>
      </c>
      <c r="AU10" s="101">
        <v>485</v>
      </c>
      <c r="AV10" s="102">
        <v>534</v>
      </c>
      <c r="AW10" s="103">
        <v>1019</v>
      </c>
      <c r="AX10" s="413">
        <v>0</v>
      </c>
      <c r="AY10" s="102">
        <v>690</v>
      </c>
      <c r="AZ10" s="102">
        <v>684</v>
      </c>
      <c r="BA10" s="102">
        <v>490</v>
      </c>
      <c r="BB10" s="102">
        <v>387</v>
      </c>
      <c r="BC10" s="102">
        <v>219</v>
      </c>
      <c r="BD10" s="103">
        <v>2470</v>
      </c>
      <c r="BE10" s="104">
        <v>3489</v>
      </c>
      <c r="BF10" s="101">
        <v>447</v>
      </c>
      <c r="BG10" s="102">
        <v>495</v>
      </c>
      <c r="BH10" s="103">
        <v>942</v>
      </c>
      <c r="BI10" s="413">
        <v>0</v>
      </c>
      <c r="BJ10" s="102">
        <v>643</v>
      </c>
      <c r="BK10" s="102">
        <v>680</v>
      </c>
      <c r="BL10" s="102">
        <v>467</v>
      </c>
      <c r="BM10" s="102">
        <v>356</v>
      </c>
      <c r="BN10" s="102">
        <v>193</v>
      </c>
      <c r="BO10" s="103">
        <v>2339</v>
      </c>
      <c r="BP10" s="104">
        <v>3281</v>
      </c>
      <c r="BQ10" s="101">
        <v>205</v>
      </c>
      <c r="BR10" s="102">
        <v>258</v>
      </c>
      <c r="BS10" s="103">
        <v>463</v>
      </c>
      <c r="BT10" s="413">
        <v>0</v>
      </c>
      <c r="BU10" s="102">
        <v>382</v>
      </c>
      <c r="BV10" s="102">
        <v>450</v>
      </c>
      <c r="BW10" s="102">
        <v>346</v>
      </c>
      <c r="BX10" s="102">
        <v>274</v>
      </c>
      <c r="BY10" s="102">
        <v>140</v>
      </c>
      <c r="BZ10" s="103">
        <v>1592</v>
      </c>
      <c r="CA10" s="104">
        <v>2055</v>
      </c>
      <c r="CB10" s="101">
        <v>31</v>
      </c>
      <c r="CC10" s="102">
        <v>100</v>
      </c>
      <c r="CD10" s="103">
        <v>131</v>
      </c>
      <c r="CE10" s="413">
        <v>0</v>
      </c>
      <c r="CF10" s="102">
        <v>42</v>
      </c>
      <c r="CG10" s="102">
        <v>134</v>
      </c>
      <c r="CH10" s="102">
        <v>80</v>
      </c>
      <c r="CI10" s="102">
        <v>69</v>
      </c>
      <c r="CJ10" s="102">
        <v>57</v>
      </c>
      <c r="CK10" s="103">
        <v>382</v>
      </c>
      <c r="CL10" s="104">
        <v>513</v>
      </c>
      <c r="CM10" s="101">
        <v>1617</v>
      </c>
      <c r="CN10" s="102">
        <v>2106</v>
      </c>
      <c r="CO10" s="103">
        <v>3723</v>
      </c>
      <c r="CP10" s="413">
        <v>0</v>
      </c>
      <c r="CQ10" s="102">
        <v>2405</v>
      </c>
      <c r="CR10" s="102">
        <v>2780</v>
      </c>
      <c r="CS10" s="102">
        <v>1985</v>
      </c>
      <c r="CT10" s="102">
        <v>1597</v>
      </c>
      <c r="CU10" s="102">
        <v>953</v>
      </c>
      <c r="CV10" s="103">
        <v>9720</v>
      </c>
      <c r="CW10" s="104">
        <v>13443</v>
      </c>
      <c r="CX10" s="105">
        <v>3099</v>
      </c>
      <c r="CY10" s="97">
        <v>4263</v>
      </c>
      <c r="CZ10" s="98">
        <v>7362</v>
      </c>
      <c r="DA10" s="413">
        <v>0</v>
      </c>
      <c r="DB10" s="97">
        <v>3949</v>
      </c>
      <c r="DC10" s="97">
        <v>4269</v>
      </c>
      <c r="DD10" s="97">
        <v>3323</v>
      </c>
      <c r="DE10" s="97">
        <v>3087</v>
      </c>
      <c r="DF10" s="97">
        <v>1929</v>
      </c>
      <c r="DG10" s="99">
        <v>16557</v>
      </c>
      <c r="DH10" s="100">
        <v>23919</v>
      </c>
      <c r="DI10" s="101">
        <v>73</v>
      </c>
      <c r="DJ10" s="102">
        <v>91</v>
      </c>
      <c r="DK10" s="103">
        <v>164</v>
      </c>
      <c r="DL10" s="413">
        <v>0</v>
      </c>
      <c r="DM10" s="102">
        <v>65</v>
      </c>
      <c r="DN10" s="102">
        <v>105</v>
      </c>
      <c r="DO10" s="102">
        <v>68</v>
      </c>
      <c r="DP10" s="102">
        <v>58</v>
      </c>
      <c r="DQ10" s="102">
        <v>45</v>
      </c>
      <c r="DR10" s="103">
        <v>341</v>
      </c>
      <c r="DS10" s="104">
        <v>505</v>
      </c>
      <c r="DT10" s="101">
        <v>234</v>
      </c>
      <c r="DU10" s="102">
        <v>301</v>
      </c>
      <c r="DV10" s="103">
        <v>535</v>
      </c>
      <c r="DW10" s="413">
        <v>0</v>
      </c>
      <c r="DX10" s="102">
        <v>183</v>
      </c>
      <c r="DY10" s="102">
        <v>249</v>
      </c>
      <c r="DZ10" s="102">
        <v>166</v>
      </c>
      <c r="EA10" s="102">
        <v>143</v>
      </c>
      <c r="EB10" s="102">
        <v>97</v>
      </c>
      <c r="EC10" s="103">
        <v>838</v>
      </c>
      <c r="ED10" s="104">
        <v>1373</v>
      </c>
      <c r="EE10" s="101">
        <v>535</v>
      </c>
      <c r="EF10" s="102">
        <v>706</v>
      </c>
      <c r="EG10" s="103">
        <v>1241</v>
      </c>
      <c r="EH10" s="413">
        <v>0</v>
      </c>
      <c r="EI10" s="102">
        <v>482</v>
      </c>
      <c r="EJ10" s="102">
        <v>547</v>
      </c>
      <c r="EK10" s="102">
        <v>331</v>
      </c>
      <c r="EL10" s="102">
        <v>328</v>
      </c>
      <c r="EM10" s="102">
        <v>233</v>
      </c>
      <c r="EN10" s="103">
        <v>1921</v>
      </c>
      <c r="EO10" s="104">
        <v>3162</v>
      </c>
      <c r="EP10" s="101">
        <v>1023</v>
      </c>
      <c r="EQ10" s="102">
        <v>1301</v>
      </c>
      <c r="ER10" s="103">
        <v>2324</v>
      </c>
      <c r="ES10" s="413">
        <v>0</v>
      </c>
      <c r="ET10" s="102">
        <v>1117</v>
      </c>
      <c r="EU10" s="102">
        <v>1035</v>
      </c>
      <c r="EV10" s="102">
        <v>786</v>
      </c>
      <c r="EW10" s="102">
        <v>586</v>
      </c>
      <c r="EX10" s="102">
        <v>407</v>
      </c>
      <c r="EY10" s="103">
        <v>3931</v>
      </c>
      <c r="EZ10" s="104">
        <v>6255</v>
      </c>
      <c r="FA10" s="101">
        <v>846</v>
      </c>
      <c r="FB10" s="102">
        <v>1174</v>
      </c>
      <c r="FC10" s="103">
        <v>2020</v>
      </c>
      <c r="FD10" s="413">
        <v>0</v>
      </c>
      <c r="FE10" s="102">
        <v>1195</v>
      </c>
      <c r="FF10" s="102">
        <v>1155</v>
      </c>
      <c r="FG10" s="102">
        <v>831</v>
      </c>
      <c r="FH10" s="102">
        <v>773</v>
      </c>
      <c r="FI10" s="102">
        <v>484</v>
      </c>
      <c r="FJ10" s="103">
        <v>4438</v>
      </c>
      <c r="FK10" s="104">
        <v>6458</v>
      </c>
      <c r="FL10" s="101">
        <v>388</v>
      </c>
      <c r="FM10" s="102">
        <v>690</v>
      </c>
      <c r="FN10" s="103">
        <v>1078</v>
      </c>
      <c r="FO10" s="413">
        <v>0</v>
      </c>
      <c r="FP10" s="102">
        <v>907</v>
      </c>
      <c r="FQ10" s="102">
        <v>1178</v>
      </c>
      <c r="FR10" s="102">
        <v>1141</v>
      </c>
      <c r="FS10" s="102">
        <v>1199</v>
      </c>
      <c r="FT10" s="102">
        <v>663</v>
      </c>
      <c r="FU10" s="103">
        <v>5088</v>
      </c>
      <c r="FV10" s="104">
        <v>6166</v>
      </c>
      <c r="FW10" s="101">
        <v>23</v>
      </c>
      <c r="FX10" s="102">
        <v>83</v>
      </c>
      <c r="FY10" s="103">
        <v>106</v>
      </c>
      <c r="FZ10" s="413">
        <v>0</v>
      </c>
      <c r="GA10" s="102">
        <v>43</v>
      </c>
      <c r="GB10" s="102">
        <v>84</v>
      </c>
      <c r="GC10" s="102">
        <v>52</v>
      </c>
      <c r="GD10" s="102">
        <v>54</v>
      </c>
      <c r="GE10" s="102">
        <v>61</v>
      </c>
      <c r="GF10" s="103">
        <v>294</v>
      </c>
      <c r="GG10" s="104">
        <v>400</v>
      </c>
      <c r="GH10" s="101">
        <v>3122</v>
      </c>
      <c r="GI10" s="102">
        <v>4346</v>
      </c>
      <c r="GJ10" s="103">
        <v>7468</v>
      </c>
      <c r="GK10" s="413">
        <v>0</v>
      </c>
      <c r="GL10" s="102">
        <v>3992</v>
      </c>
      <c r="GM10" s="102">
        <v>4353</v>
      </c>
      <c r="GN10" s="102">
        <v>3375</v>
      </c>
      <c r="GO10" s="102">
        <v>3141</v>
      </c>
      <c r="GP10" s="102">
        <v>1990</v>
      </c>
      <c r="GQ10" s="103">
        <v>16851</v>
      </c>
      <c r="GR10" s="104">
        <v>24319</v>
      </c>
      <c r="GS10" s="105">
        <v>4685</v>
      </c>
      <c r="GT10" s="97">
        <v>6269</v>
      </c>
      <c r="GU10" s="98">
        <v>10954</v>
      </c>
      <c r="GV10" s="413">
        <v>0</v>
      </c>
      <c r="GW10" s="97">
        <v>6312</v>
      </c>
      <c r="GX10" s="97">
        <v>6915</v>
      </c>
      <c r="GY10" s="97">
        <v>5228</v>
      </c>
      <c r="GZ10" s="97">
        <v>4615</v>
      </c>
      <c r="HA10" s="97">
        <v>2825</v>
      </c>
      <c r="HB10" s="99">
        <v>25895</v>
      </c>
      <c r="HC10" s="100">
        <v>36849</v>
      </c>
      <c r="HD10" s="101">
        <v>141</v>
      </c>
      <c r="HE10" s="102">
        <v>175</v>
      </c>
      <c r="HF10" s="103">
        <v>316</v>
      </c>
      <c r="HG10" s="416">
        <v>0</v>
      </c>
      <c r="HH10" s="102">
        <v>154</v>
      </c>
      <c r="HI10" s="102">
        <v>239</v>
      </c>
      <c r="HJ10" s="102">
        <v>169</v>
      </c>
      <c r="HK10" s="102">
        <v>159</v>
      </c>
      <c r="HL10" s="102">
        <v>110</v>
      </c>
      <c r="HM10" s="103">
        <v>831</v>
      </c>
      <c r="HN10" s="104">
        <v>1147</v>
      </c>
      <c r="HO10" s="101">
        <v>373</v>
      </c>
      <c r="HP10" s="102">
        <v>569</v>
      </c>
      <c r="HQ10" s="103">
        <v>942</v>
      </c>
      <c r="HR10" s="413">
        <v>0</v>
      </c>
      <c r="HS10" s="102">
        <v>377</v>
      </c>
      <c r="HT10" s="102">
        <v>512</v>
      </c>
      <c r="HU10" s="102">
        <v>357</v>
      </c>
      <c r="HV10" s="102">
        <v>304</v>
      </c>
      <c r="HW10" s="102">
        <v>222</v>
      </c>
      <c r="HX10" s="103">
        <v>1772</v>
      </c>
      <c r="HY10" s="104">
        <v>2714</v>
      </c>
      <c r="HZ10" s="101">
        <v>777</v>
      </c>
      <c r="IA10" s="102">
        <v>1073</v>
      </c>
      <c r="IB10" s="103">
        <v>1850</v>
      </c>
      <c r="IC10" s="413">
        <v>0</v>
      </c>
      <c r="ID10" s="102">
        <v>847</v>
      </c>
      <c r="IE10" s="102">
        <v>982</v>
      </c>
      <c r="IF10" s="102">
        <v>641</v>
      </c>
      <c r="IG10" s="102">
        <v>577</v>
      </c>
      <c r="IH10" s="102">
        <v>387</v>
      </c>
      <c r="II10" s="103">
        <v>3434</v>
      </c>
      <c r="IJ10" s="104">
        <v>5284</v>
      </c>
      <c r="IK10" s="101">
        <v>1508</v>
      </c>
      <c r="IL10" s="102">
        <v>1835</v>
      </c>
      <c r="IM10" s="103">
        <v>3343</v>
      </c>
      <c r="IN10" s="413">
        <v>0</v>
      </c>
      <c r="IO10" s="102">
        <v>1807</v>
      </c>
      <c r="IP10" s="102">
        <v>1719</v>
      </c>
      <c r="IQ10" s="102">
        <v>1276</v>
      </c>
      <c r="IR10" s="102">
        <v>973</v>
      </c>
      <c r="IS10" s="102">
        <v>626</v>
      </c>
      <c r="IT10" s="103">
        <v>6401</v>
      </c>
      <c r="IU10" s="104">
        <v>9744</v>
      </c>
      <c r="IV10" s="101">
        <v>1293</v>
      </c>
      <c r="IW10" s="102">
        <v>1669</v>
      </c>
      <c r="IX10" s="103">
        <v>2962</v>
      </c>
      <c r="IY10" s="413">
        <v>0</v>
      </c>
      <c r="IZ10" s="102">
        <v>1838</v>
      </c>
      <c r="JA10" s="102">
        <v>1835</v>
      </c>
      <c r="JB10" s="102">
        <v>1298</v>
      </c>
      <c r="JC10" s="102">
        <v>1129</v>
      </c>
      <c r="JD10" s="102">
        <v>677</v>
      </c>
      <c r="JE10" s="103">
        <v>6777</v>
      </c>
      <c r="JF10" s="104">
        <v>9739</v>
      </c>
      <c r="JG10" s="101">
        <v>593</v>
      </c>
      <c r="JH10" s="102">
        <v>948</v>
      </c>
      <c r="JI10" s="103">
        <v>1541</v>
      </c>
      <c r="JJ10" s="413">
        <v>0</v>
      </c>
      <c r="JK10" s="102">
        <v>1289</v>
      </c>
      <c r="JL10" s="102">
        <v>1628</v>
      </c>
      <c r="JM10" s="102">
        <v>1487</v>
      </c>
      <c r="JN10" s="102">
        <v>1473</v>
      </c>
      <c r="JO10" s="102">
        <v>803</v>
      </c>
      <c r="JP10" s="103">
        <v>6680</v>
      </c>
      <c r="JQ10" s="104">
        <v>8221</v>
      </c>
      <c r="JR10" s="101">
        <v>54</v>
      </c>
      <c r="JS10" s="102">
        <v>183</v>
      </c>
      <c r="JT10" s="103">
        <v>237</v>
      </c>
      <c r="JU10" s="413">
        <v>0</v>
      </c>
      <c r="JV10" s="102">
        <v>85</v>
      </c>
      <c r="JW10" s="102">
        <v>218</v>
      </c>
      <c r="JX10" s="102">
        <v>132</v>
      </c>
      <c r="JY10" s="102">
        <v>123</v>
      </c>
      <c r="JZ10" s="102">
        <v>118</v>
      </c>
      <c r="KA10" s="103">
        <v>676</v>
      </c>
      <c r="KB10" s="104">
        <v>913</v>
      </c>
      <c r="KC10" s="101">
        <v>4739</v>
      </c>
      <c r="KD10" s="102">
        <v>6452</v>
      </c>
      <c r="KE10" s="103">
        <v>11191</v>
      </c>
      <c r="KF10" s="413">
        <v>0</v>
      </c>
      <c r="KG10" s="102">
        <v>6397</v>
      </c>
      <c r="KH10" s="102">
        <v>7133</v>
      </c>
      <c r="KI10" s="102">
        <v>5360</v>
      </c>
      <c r="KJ10" s="102">
        <v>4738</v>
      </c>
      <c r="KK10" s="102">
        <v>2943</v>
      </c>
      <c r="KL10" s="103">
        <v>26571</v>
      </c>
      <c r="KM10" s="104">
        <v>37762</v>
      </c>
    </row>
    <row r="11" spans="2:299" s="70" customFormat="1" ht="21" customHeight="1" x14ac:dyDescent="0.2">
      <c r="B11" s="106" t="s">
        <v>7</v>
      </c>
      <c r="C11" s="96">
        <v>1078</v>
      </c>
      <c r="D11" s="97">
        <v>786</v>
      </c>
      <c r="E11" s="98">
        <v>1864</v>
      </c>
      <c r="F11" s="413">
        <v>0</v>
      </c>
      <c r="G11" s="97">
        <v>2377</v>
      </c>
      <c r="H11" s="97">
        <v>1562</v>
      </c>
      <c r="I11" s="97">
        <v>907</v>
      </c>
      <c r="J11" s="97">
        <v>867</v>
      </c>
      <c r="K11" s="97">
        <v>487</v>
      </c>
      <c r="L11" s="99">
        <v>6200</v>
      </c>
      <c r="M11" s="100">
        <v>8064</v>
      </c>
      <c r="N11" s="101">
        <v>45</v>
      </c>
      <c r="O11" s="102">
        <v>26</v>
      </c>
      <c r="P11" s="103">
        <v>71</v>
      </c>
      <c r="Q11" s="413">
        <v>0</v>
      </c>
      <c r="R11" s="102">
        <v>91</v>
      </c>
      <c r="S11" s="102">
        <v>69</v>
      </c>
      <c r="T11" s="102">
        <v>28</v>
      </c>
      <c r="U11" s="102">
        <v>41</v>
      </c>
      <c r="V11" s="102">
        <v>34</v>
      </c>
      <c r="W11" s="103">
        <v>263</v>
      </c>
      <c r="X11" s="104">
        <v>334</v>
      </c>
      <c r="Y11" s="101">
        <v>68</v>
      </c>
      <c r="Z11" s="102">
        <v>74</v>
      </c>
      <c r="AA11" s="103">
        <v>142</v>
      </c>
      <c r="AB11" s="413">
        <v>0</v>
      </c>
      <c r="AC11" s="102">
        <v>214</v>
      </c>
      <c r="AD11" s="102">
        <v>159</v>
      </c>
      <c r="AE11" s="102">
        <v>80</v>
      </c>
      <c r="AF11" s="102">
        <v>96</v>
      </c>
      <c r="AG11" s="102">
        <v>58</v>
      </c>
      <c r="AH11" s="103">
        <v>607</v>
      </c>
      <c r="AI11" s="104">
        <v>749</v>
      </c>
      <c r="AJ11" s="101">
        <v>151</v>
      </c>
      <c r="AK11" s="102">
        <v>123</v>
      </c>
      <c r="AL11" s="103">
        <v>274</v>
      </c>
      <c r="AM11" s="413">
        <v>0</v>
      </c>
      <c r="AN11" s="102">
        <v>391</v>
      </c>
      <c r="AO11" s="102">
        <v>255</v>
      </c>
      <c r="AP11" s="102">
        <v>155</v>
      </c>
      <c r="AQ11" s="102">
        <v>142</v>
      </c>
      <c r="AR11" s="102">
        <v>96</v>
      </c>
      <c r="AS11" s="103">
        <v>1039</v>
      </c>
      <c r="AT11" s="104">
        <v>1313</v>
      </c>
      <c r="AU11" s="101">
        <v>318</v>
      </c>
      <c r="AV11" s="102">
        <v>211</v>
      </c>
      <c r="AW11" s="103">
        <v>529</v>
      </c>
      <c r="AX11" s="413">
        <v>0</v>
      </c>
      <c r="AY11" s="102">
        <v>629</v>
      </c>
      <c r="AZ11" s="102">
        <v>371</v>
      </c>
      <c r="BA11" s="102">
        <v>231</v>
      </c>
      <c r="BB11" s="102">
        <v>212</v>
      </c>
      <c r="BC11" s="102">
        <v>121</v>
      </c>
      <c r="BD11" s="103">
        <v>1564</v>
      </c>
      <c r="BE11" s="104">
        <v>2093</v>
      </c>
      <c r="BF11" s="101">
        <v>311</v>
      </c>
      <c r="BG11" s="102">
        <v>213</v>
      </c>
      <c r="BH11" s="103">
        <v>524</v>
      </c>
      <c r="BI11" s="413">
        <v>0</v>
      </c>
      <c r="BJ11" s="102">
        <v>624</v>
      </c>
      <c r="BK11" s="102">
        <v>388</v>
      </c>
      <c r="BL11" s="102">
        <v>220</v>
      </c>
      <c r="BM11" s="102">
        <v>222</v>
      </c>
      <c r="BN11" s="102">
        <v>101</v>
      </c>
      <c r="BO11" s="103">
        <v>1555</v>
      </c>
      <c r="BP11" s="104">
        <v>2079</v>
      </c>
      <c r="BQ11" s="101">
        <v>185</v>
      </c>
      <c r="BR11" s="102">
        <v>139</v>
      </c>
      <c r="BS11" s="103">
        <v>324</v>
      </c>
      <c r="BT11" s="413">
        <v>0</v>
      </c>
      <c r="BU11" s="102">
        <v>428</v>
      </c>
      <c r="BV11" s="102">
        <v>320</v>
      </c>
      <c r="BW11" s="102">
        <v>193</v>
      </c>
      <c r="BX11" s="102">
        <v>154</v>
      </c>
      <c r="BY11" s="102">
        <v>77</v>
      </c>
      <c r="BZ11" s="103">
        <v>1172</v>
      </c>
      <c r="CA11" s="104">
        <v>1496</v>
      </c>
      <c r="CB11" s="101">
        <v>19</v>
      </c>
      <c r="CC11" s="102">
        <v>22</v>
      </c>
      <c r="CD11" s="103">
        <v>41</v>
      </c>
      <c r="CE11" s="413">
        <v>0</v>
      </c>
      <c r="CF11" s="102">
        <v>68</v>
      </c>
      <c r="CG11" s="102">
        <v>63</v>
      </c>
      <c r="CH11" s="102">
        <v>35</v>
      </c>
      <c r="CI11" s="102">
        <v>33</v>
      </c>
      <c r="CJ11" s="102">
        <v>23</v>
      </c>
      <c r="CK11" s="103">
        <v>222</v>
      </c>
      <c r="CL11" s="104">
        <v>263</v>
      </c>
      <c r="CM11" s="101">
        <v>1097</v>
      </c>
      <c r="CN11" s="102">
        <v>808</v>
      </c>
      <c r="CO11" s="103">
        <v>1905</v>
      </c>
      <c r="CP11" s="413">
        <v>0</v>
      </c>
      <c r="CQ11" s="102">
        <v>2445</v>
      </c>
      <c r="CR11" s="102">
        <v>1625</v>
      </c>
      <c r="CS11" s="102">
        <v>942</v>
      </c>
      <c r="CT11" s="102">
        <v>900</v>
      </c>
      <c r="CU11" s="102">
        <v>510</v>
      </c>
      <c r="CV11" s="103">
        <v>6422</v>
      </c>
      <c r="CW11" s="104">
        <v>8327</v>
      </c>
      <c r="CX11" s="105">
        <v>2000</v>
      </c>
      <c r="CY11" s="97">
        <v>2224</v>
      </c>
      <c r="CZ11" s="98">
        <v>4224</v>
      </c>
      <c r="DA11" s="413">
        <v>0</v>
      </c>
      <c r="DB11" s="97">
        <v>4304</v>
      </c>
      <c r="DC11" s="97">
        <v>2619</v>
      </c>
      <c r="DD11" s="97">
        <v>2051</v>
      </c>
      <c r="DE11" s="97">
        <v>2049</v>
      </c>
      <c r="DF11" s="97">
        <v>1184</v>
      </c>
      <c r="DG11" s="99">
        <v>12207</v>
      </c>
      <c r="DH11" s="100">
        <v>16431</v>
      </c>
      <c r="DI11" s="101">
        <v>29</v>
      </c>
      <c r="DJ11" s="102">
        <v>41</v>
      </c>
      <c r="DK11" s="103">
        <v>70</v>
      </c>
      <c r="DL11" s="413">
        <v>0</v>
      </c>
      <c r="DM11" s="102">
        <v>95</v>
      </c>
      <c r="DN11" s="102">
        <v>52</v>
      </c>
      <c r="DO11" s="102">
        <v>39</v>
      </c>
      <c r="DP11" s="102">
        <v>28</v>
      </c>
      <c r="DQ11" s="102">
        <v>36</v>
      </c>
      <c r="DR11" s="103">
        <v>250</v>
      </c>
      <c r="DS11" s="104">
        <v>320</v>
      </c>
      <c r="DT11" s="101">
        <v>119</v>
      </c>
      <c r="DU11" s="102">
        <v>112</v>
      </c>
      <c r="DV11" s="103">
        <v>231</v>
      </c>
      <c r="DW11" s="413">
        <v>0</v>
      </c>
      <c r="DX11" s="102">
        <v>210</v>
      </c>
      <c r="DY11" s="102">
        <v>125</v>
      </c>
      <c r="DZ11" s="102">
        <v>78</v>
      </c>
      <c r="EA11" s="102">
        <v>101</v>
      </c>
      <c r="EB11" s="102">
        <v>49</v>
      </c>
      <c r="EC11" s="103">
        <v>563</v>
      </c>
      <c r="ED11" s="104">
        <v>794</v>
      </c>
      <c r="EE11" s="101">
        <v>308</v>
      </c>
      <c r="EF11" s="102">
        <v>314</v>
      </c>
      <c r="EG11" s="103">
        <v>622</v>
      </c>
      <c r="EH11" s="413">
        <v>0</v>
      </c>
      <c r="EI11" s="102">
        <v>512</v>
      </c>
      <c r="EJ11" s="102">
        <v>265</v>
      </c>
      <c r="EK11" s="102">
        <v>185</v>
      </c>
      <c r="EL11" s="102">
        <v>189</v>
      </c>
      <c r="EM11" s="102">
        <v>129</v>
      </c>
      <c r="EN11" s="103">
        <v>1280</v>
      </c>
      <c r="EO11" s="104">
        <v>1902</v>
      </c>
      <c r="EP11" s="101">
        <v>571</v>
      </c>
      <c r="EQ11" s="102">
        <v>640</v>
      </c>
      <c r="ER11" s="103">
        <v>1211</v>
      </c>
      <c r="ES11" s="413">
        <v>0</v>
      </c>
      <c r="ET11" s="102">
        <v>1017</v>
      </c>
      <c r="EU11" s="102">
        <v>585</v>
      </c>
      <c r="EV11" s="102">
        <v>381</v>
      </c>
      <c r="EW11" s="102">
        <v>371</v>
      </c>
      <c r="EX11" s="102">
        <v>229</v>
      </c>
      <c r="EY11" s="103">
        <v>2583</v>
      </c>
      <c r="EZ11" s="104">
        <v>3794</v>
      </c>
      <c r="FA11" s="101">
        <v>633</v>
      </c>
      <c r="FB11" s="102">
        <v>681</v>
      </c>
      <c r="FC11" s="103">
        <v>1314</v>
      </c>
      <c r="FD11" s="413">
        <v>0</v>
      </c>
      <c r="FE11" s="102">
        <v>1255</v>
      </c>
      <c r="FF11" s="102">
        <v>731</v>
      </c>
      <c r="FG11" s="102">
        <v>527</v>
      </c>
      <c r="FH11" s="102">
        <v>495</v>
      </c>
      <c r="FI11" s="102">
        <v>288</v>
      </c>
      <c r="FJ11" s="103">
        <v>3296</v>
      </c>
      <c r="FK11" s="104">
        <v>4610</v>
      </c>
      <c r="FL11" s="101">
        <v>340</v>
      </c>
      <c r="FM11" s="102">
        <v>436</v>
      </c>
      <c r="FN11" s="103">
        <v>776</v>
      </c>
      <c r="FO11" s="413">
        <v>0</v>
      </c>
      <c r="FP11" s="102">
        <v>1215</v>
      </c>
      <c r="FQ11" s="102">
        <v>861</v>
      </c>
      <c r="FR11" s="102">
        <v>841</v>
      </c>
      <c r="FS11" s="102">
        <v>865</v>
      </c>
      <c r="FT11" s="102">
        <v>453</v>
      </c>
      <c r="FU11" s="103">
        <v>4235</v>
      </c>
      <c r="FV11" s="104">
        <v>5011</v>
      </c>
      <c r="FW11" s="101">
        <v>13</v>
      </c>
      <c r="FX11" s="102">
        <v>22</v>
      </c>
      <c r="FY11" s="103">
        <v>35</v>
      </c>
      <c r="FZ11" s="413">
        <v>0</v>
      </c>
      <c r="GA11" s="102">
        <v>68</v>
      </c>
      <c r="GB11" s="102">
        <v>51</v>
      </c>
      <c r="GC11" s="102">
        <v>29</v>
      </c>
      <c r="GD11" s="102">
        <v>35</v>
      </c>
      <c r="GE11" s="102">
        <v>18</v>
      </c>
      <c r="GF11" s="103">
        <v>201</v>
      </c>
      <c r="GG11" s="104">
        <v>236</v>
      </c>
      <c r="GH11" s="101">
        <v>2013</v>
      </c>
      <c r="GI11" s="102">
        <v>2246</v>
      </c>
      <c r="GJ11" s="103">
        <v>4259</v>
      </c>
      <c r="GK11" s="413">
        <v>0</v>
      </c>
      <c r="GL11" s="102">
        <v>4372</v>
      </c>
      <c r="GM11" s="102">
        <v>2670</v>
      </c>
      <c r="GN11" s="102">
        <v>2080</v>
      </c>
      <c r="GO11" s="102">
        <v>2084</v>
      </c>
      <c r="GP11" s="102">
        <v>1202</v>
      </c>
      <c r="GQ11" s="103">
        <v>12408</v>
      </c>
      <c r="GR11" s="104">
        <v>16667</v>
      </c>
      <c r="GS11" s="105">
        <v>3078</v>
      </c>
      <c r="GT11" s="97">
        <v>3010</v>
      </c>
      <c r="GU11" s="98">
        <v>6088</v>
      </c>
      <c r="GV11" s="413">
        <v>0</v>
      </c>
      <c r="GW11" s="97">
        <v>6681</v>
      </c>
      <c r="GX11" s="97">
        <v>4181</v>
      </c>
      <c r="GY11" s="97">
        <v>2958</v>
      </c>
      <c r="GZ11" s="97">
        <v>2916</v>
      </c>
      <c r="HA11" s="97">
        <v>1671</v>
      </c>
      <c r="HB11" s="99">
        <v>18407</v>
      </c>
      <c r="HC11" s="100">
        <v>24495</v>
      </c>
      <c r="HD11" s="101">
        <v>74</v>
      </c>
      <c r="HE11" s="102">
        <v>67</v>
      </c>
      <c r="HF11" s="103">
        <v>141</v>
      </c>
      <c r="HG11" s="416">
        <v>0</v>
      </c>
      <c r="HH11" s="102">
        <v>186</v>
      </c>
      <c r="HI11" s="102">
        <v>121</v>
      </c>
      <c r="HJ11" s="102">
        <v>67</v>
      </c>
      <c r="HK11" s="102">
        <v>69</v>
      </c>
      <c r="HL11" s="102">
        <v>70</v>
      </c>
      <c r="HM11" s="103">
        <v>513</v>
      </c>
      <c r="HN11" s="104">
        <v>654</v>
      </c>
      <c r="HO11" s="101">
        <v>187</v>
      </c>
      <c r="HP11" s="102">
        <v>186</v>
      </c>
      <c r="HQ11" s="103">
        <v>373</v>
      </c>
      <c r="HR11" s="413">
        <v>0</v>
      </c>
      <c r="HS11" s="102">
        <v>424</v>
      </c>
      <c r="HT11" s="102">
        <v>284</v>
      </c>
      <c r="HU11" s="102">
        <v>158</v>
      </c>
      <c r="HV11" s="102">
        <v>197</v>
      </c>
      <c r="HW11" s="102">
        <v>107</v>
      </c>
      <c r="HX11" s="103">
        <v>1170</v>
      </c>
      <c r="HY11" s="104">
        <v>1543</v>
      </c>
      <c r="HZ11" s="101">
        <v>459</v>
      </c>
      <c r="IA11" s="102">
        <v>437</v>
      </c>
      <c r="IB11" s="103">
        <v>896</v>
      </c>
      <c r="IC11" s="413">
        <v>0</v>
      </c>
      <c r="ID11" s="102">
        <v>903</v>
      </c>
      <c r="IE11" s="102">
        <v>520</v>
      </c>
      <c r="IF11" s="102">
        <v>340</v>
      </c>
      <c r="IG11" s="102">
        <v>331</v>
      </c>
      <c r="IH11" s="102">
        <v>225</v>
      </c>
      <c r="II11" s="103">
        <v>2319</v>
      </c>
      <c r="IJ11" s="104">
        <v>3215</v>
      </c>
      <c r="IK11" s="101">
        <v>889</v>
      </c>
      <c r="IL11" s="102">
        <v>851</v>
      </c>
      <c r="IM11" s="103">
        <v>1740</v>
      </c>
      <c r="IN11" s="413">
        <v>0</v>
      </c>
      <c r="IO11" s="102">
        <v>1646</v>
      </c>
      <c r="IP11" s="102">
        <v>956</v>
      </c>
      <c r="IQ11" s="102">
        <v>612</v>
      </c>
      <c r="IR11" s="102">
        <v>583</v>
      </c>
      <c r="IS11" s="102">
        <v>350</v>
      </c>
      <c r="IT11" s="103">
        <v>4147</v>
      </c>
      <c r="IU11" s="104">
        <v>5887</v>
      </c>
      <c r="IV11" s="101">
        <v>944</v>
      </c>
      <c r="IW11" s="102">
        <v>894</v>
      </c>
      <c r="IX11" s="103">
        <v>1838</v>
      </c>
      <c r="IY11" s="413">
        <v>0</v>
      </c>
      <c r="IZ11" s="102">
        <v>1879</v>
      </c>
      <c r="JA11" s="102">
        <v>1119</v>
      </c>
      <c r="JB11" s="102">
        <v>747</v>
      </c>
      <c r="JC11" s="102">
        <v>717</v>
      </c>
      <c r="JD11" s="102">
        <v>389</v>
      </c>
      <c r="JE11" s="103">
        <v>4851</v>
      </c>
      <c r="JF11" s="104">
        <v>6689</v>
      </c>
      <c r="JG11" s="101">
        <v>525</v>
      </c>
      <c r="JH11" s="102">
        <v>575</v>
      </c>
      <c r="JI11" s="103">
        <v>1100</v>
      </c>
      <c r="JJ11" s="413">
        <v>0</v>
      </c>
      <c r="JK11" s="102">
        <v>1643</v>
      </c>
      <c r="JL11" s="102">
        <v>1181</v>
      </c>
      <c r="JM11" s="102">
        <v>1034</v>
      </c>
      <c r="JN11" s="102">
        <v>1019</v>
      </c>
      <c r="JO11" s="102">
        <v>530</v>
      </c>
      <c r="JP11" s="103">
        <v>5407</v>
      </c>
      <c r="JQ11" s="104">
        <v>6507</v>
      </c>
      <c r="JR11" s="101">
        <v>32</v>
      </c>
      <c r="JS11" s="102">
        <v>44</v>
      </c>
      <c r="JT11" s="103">
        <v>76</v>
      </c>
      <c r="JU11" s="413">
        <v>0</v>
      </c>
      <c r="JV11" s="102">
        <v>136</v>
      </c>
      <c r="JW11" s="102">
        <v>114</v>
      </c>
      <c r="JX11" s="102">
        <v>64</v>
      </c>
      <c r="JY11" s="102">
        <v>68</v>
      </c>
      <c r="JZ11" s="102">
        <v>41</v>
      </c>
      <c r="KA11" s="103">
        <v>423</v>
      </c>
      <c r="KB11" s="104">
        <v>499</v>
      </c>
      <c r="KC11" s="101">
        <v>3110</v>
      </c>
      <c r="KD11" s="102">
        <v>3054</v>
      </c>
      <c r="KE11" s="103">
        <v>6164</v>
      </c>
      <c r="KF11" s="413">
        <v>0</v>
      </c>
      <c r="KG11" s="102">
        <v>6817</v>
      </c>
      <c r="KH11" s="102">
        <v>4295</v>
      </c>
      <c r="KI11" s="102">
        <v>3022</v>
      </c>
      <c r="KJ11" s="102">
        <v>2984</v>
      </c>
      <c r="KK11" s="102">
        <v>1712</v>
      </c>
      <c r="KL11" s="103">
        <v>18830</v>
      </c>
      <c r="KM11" s="104">
        <v>24994</v>
      </c>
    </row>
    <row r="12" spans="2:299" s="70" customFormat="1" ht="21" customHeight="1" x14ac:dyDescent="0.2">
      <c r="B12" s="106" t="s">
        <v>8</v>
      </c>
      <c r="C12" s="96">
        <v>577</v>
      </c>
      <c r="D12" s="97">
        <v>387</v>
      </c>
      <c r="E12" s="98">
        <v>964</v>
      </c>
      <c r="F12" s="413">
        <v>0</v>
      </c>
      <c r="G12" s="97">
        <v>1050</v>
      </c>
      <c r="H12" s="97">
        <v>919</v>
      </c>
      <c r="I12" s="97">
        <v>632</v>
      </c>
      <c r="J12" s="97">
        <v>504</v>
      </c>
      <c r="K12" s="97">
        <v>294</v>
      </c>
      <c r="L12" s="99">
        <v>3399</v>
      </c>
      <c r="M12" s="100">
        <v>4363</v>
      </c>
      <c r="N12" s="101">
        <v>16</v>
      </c>
      <c r="O12" s="102">
        <v>28</v>
      </c>
      <c r="P12" s="103">
        <v>44</v>
      </c>
      <c r="Q12" s="413">
        <v>0</v>
      </c>
      <c r="R12" s="102">
        <v>55</v>
      </c>
      <c r="S12" s="102">
        <v>48</v>
      </c>
      <c r="T12" s="102">
        <v>28</v>
      </c>
      <c r="U12" s="102">
        <v>31</v>
      </c>
      <c r="V12" s="102">
        <v>19</v>
      </c>
      <c r="W12" s="103">
        <v>181</v>
      </c>
      <c r="X12" s="104">
        <v>225</v>
      </c>
      <c r="Y12" s="101">
        <v>47</v>
      </c>
      <c r="Z12" s="102">
        <v>43</v>
      </c>
      <c r="AA12" s="103">
        <v>90</v>
      </c>
      <c r="AB12" s="413">
        <v>0</v>
      </c>
      <c r="AC12" s="102">
        <v>103</v>
      </c>
      <c r="AD12" s="102">
        <v>90</v>
      </c>
      <c r="AE12" s="102">
        <v>57</v>
      </c>
      <c r="AF12" s="102">
        <v>66</v>
      </c>
      <c r="AG12" s="102">
        <v>45</v>
      </c>
      <c r="AH12" s="103">
        <v>361</v>
      </c>
      <c r="AI12" s="104">
        <v>451</v>
      </c>
      <c r="AJ12" s="101">
        <v>102</v>
      </c>
      <c r="AK12" s="102">
        <v>66</v>
      </c>
      <c r="AL12" s="103">
        <v>168</v>
      </c>
      <c r="AM12" s="413">
        <v>0</v>
      </c>
      <c r="AN12" s="102">
        <v>184</v>
      </c>
      <c r="AO12" s="102">
        <v>175</v>
      </c>
      <c r="AP12" s="102">
        <v>99</v>
      </c>
      <c r="AQ12" s="102">
        <v>74</v>
      </c>
      <c r="AR12" s="102">
        <v>50</v>
      </c>
      <c r="AS12" s="103">
        <v>582</v>
      </c>
      <c r="AT12" s="104">
        <v>750</v>
      </c>
      <c r="AU12" s="101">
        <v>155</v>
      </c>
      <c r="AV12" s="102">
        <v>89</v>
      </c>
      <c r="AW12" s="103">
        <v>244</v>
      </c>
      <c r="AX12" s="413">
        <v>0</v>
      </c>
      <c r="AY12" s="102">
        <v>279</v>
      </c>
      <c r="AZ12" s="102">
        <v>242</v>
      </c>
      <c r="BA12" s="102">
        <v>146</v>
      </c>
      <c r="BB12" s="102">
        <v>129</v>
      </c>
      <c r="BC12" s="102">
        <v>77</v>
      </c>
      <c r="BD12" s="103">
        <v>873</v>
      </c>
      <c r="BE12" s="104">
        <v>1117</v>
      </c>
      <c r="BF12" s="101">
        <v>149</v>
      </c>
      <c r="BG12" s="102">
        <v>91</v>
      </c>
      <c r="BH12" s="103">
        <v>240</v>
      </c>
      <c r="BI12" s="413">
        <v>0</v>
      </c>
      <c r="BJ12" s="102">
        <v>265</v>
      </c>
      <c r="BK12" s="102">
        <v>212</v>
      </c>
      <c r="BL12" s="102">
        <v>164</v>
      </c>
      <c r="BM12" s="102">
        <v>98</v>
      </c>
      <c r="BN12" s="102">
        <v>59</v>
      </c>
      <c r="BO12" s="103">
        <v>798</v>
      </c>
      <c r="BP12" s="104">
        <v>1038</v>
      </c>
      <c r="BQ12" s="101">
        <v>108</v>
      </c>
      <c r="BR12" s="102">
        <v>70</v>
      </c>
      <c r="BS12" s="103">
        <v>178</v>
      </c>
      <c r="BT12" s="413">
        <v>0</v>
      </c>
      <c r="BU12" s="102">
        <v>164</v>
      </c>
      <c r="BV12" s="102">
        <v>152</v>
      </c>
      <c r="BW12" s="102">
        <v>138</v>
      </c>
      <c r="BX12" s="102">
        <v>106</v>
      </c>
      <c r="BY12" s="102">
        <v>44</v>
      </c>
      <c r="BZ12" s="103">
        <v>604</v>
      </c>
      <c r="CA12" s="104">
        <v>782</v>
      </c>
      <c r="CB12" s="101">
        <v>17</v>
      </c>
      <c r="CC12" s="102">
        <v>20</v>
      </c>
      <c r="CD12" s="103">
        <v>37</v>
      </c>
      <c r="CE12" s="413">
        <v>0</v>
      </c>
      <c r="CF12" s="102">
        <v>29</v>
      </c>
      <c r="CG12" s="102">
        <v>48</v>
      </c>
      <c r="CH12" s="102">
        <v>26</v>
      </c>
      <c r="CI12" s="102">
        <v>22</v>
      </c>
      <c r="CJ12" s="102">
        <v>14</v>
      </c>
      <c r="CK12" s="103">
        <v>139</v>
      </c>
      <c r="CL12" s="104">
        <v>176</v>
      </c>
      <c r="CM12" s="101">
        <v>594</v>
      </c>
      <c r="CN12" s="102">
        <v>407</v>
      </c>
      <c r="CO12" s="103">
        <v>1001</v>
      </c>
      <c r="CP12" s="413">
        <v>0</v>
      </c>
      <c r="CQ12" s="102">
        <v>1079</v>
      </c>
      <c r="CR12" s="102">
        <v>967</v>
      </c>
      <c r="CS12" s="102">
        <v>658</v>
      </c>
      <c r="CT12" s="102">
        <v>526</v>
      </c>
      <c r="CU12" s="102">
        <v>308</v>
      </c>
      <c r="CV12" s="103">
        <v>3538</v>
      </c>
      <c r="CW12" s="104">
        <v>4539</v>
      </c>
      <c r="CX12" s="105">
        <v>1148</v>
      </c>
      <c r="CY12" s="97">
        <v>989</v>
      </c>
      <c r="CZ12" s="98">
        <v>2137</v>
      </c>
      <c r="DA12" s="413">
        <v>0</v>
      </c>
      <c r="DB12" s="97">
        <v>1770</v>
      </c>
      <c r="DC12" s="97">
        <v>1629</v>
      </c>
      <c r="DD12" s="97">
        <v>1321</v>
      </c>
      <c r="DE12" s="97">
        <v>1123</v>
      </c>
      <c r="DF12" s="97">
        <v>691</v>
      </c>
      <c r="DG12" s="99">
        <v>6534</v>
      </c>
      <c r="DH12" s="100">
        <v>8671</v>
      </c>
      <c r="DI12" s="101">
        <v>30</v>
      </c>
      <c r="DJ12" s="102">
        <v>25</v>
      </c>
      <c r="DK12" s="103">
        <v>55</v>
      </c>
      <c r="DL12" s="413">
        <v>0</v>
      </c>
      <c r="DM12" s="102">
        <v>47</v>
      </c>
      <c r="DN12" s="102">
        <v>36</v>
      </c>
      <c r="DO12" s="102">
        <v>11</v>
      </c>
      <c r="DP12" s="102">
        <v>28</v>
      </c>
      <c r="DQ12" s="102">
        <v>18</v>
      </c>
      <c r="DR12" s="103">
        <v>140</v>
      </c>
      <c r="DS12" s="104">
        <v>195</v>
      </c>
      <c r="DT12" s="101">
        <v>79</v>
      </c>
      <c r="DU12" s="102">
        <v>63</v>
      </c>
      <c r="DV12" s="103">
        <v>142</v>
      </c>
      <c r="DW12" s="413">
        <v>0</v>
      </c>
      <c r="DX12" s="102">
        <v>92</v>
      </c>
      <c r="DY12" s="102">
        <v>81</v>
      </c>
      <c r="DZ12" s="102">
        <v>54</v>
      </c>
      <c r="EA12" s="102">
        <v>59</v>
      </c>
      <c r="EB12" s="102">
        <v>40</v>
      </c>
      <c r="EC12" s="103">
        <v>326</v>
      </c>
      <c r="ED12" s="104">
        <v>468</v>
      </c>
      <c r="EE12" s="101">
        <v>163</v>
      </c>
      <c r="EF12" s="102">
        <v>155</v>
      </c>
      <c r="EG12" s="103">
        <v>318</v>
      </c>
      <c r="EH12" s="413">
        <v>0</v>
      </c>
      <c r="EI12" s="102">
        <v>209</v>
      </c>
      <c r="EJ12" s="102">
        <v>157</v>
      </c>
      <c r="EK12" s="102">
        <v>119</v>
      </c>
      <c r="EL12" s="102">
        <v>102</v>
      </c>
      <c r="EM12" s="102">
        <v>64</v>
      </c>
      <c r="EN12" s="103">
        <v>651</v>
      </c>
      <c r="EO12" s="104">
        <v>969</v>
      </c>
      <c r="EP12" s="101">
        <v>352</v>
      </c>
      <c r="EQ12" s="102">
        <v>276</v>
      </c>
      <c r="ER12" s="103">
        <v>628</v>
      </c>
      <c r="ES12" s="413">
        <v>0</v>
      </c>
      <c r="ET12" s="102">
        <v>467</v>
      </c>
      <c r="EU12" s="102">
        <v>351</v>
      </c>
      <c r="EV12" s="102">
        <v>240</v>
      </c>
      <c r="EW12" s="102">
        <v>218</v>
      </c>
      <c r="EX12" s="102">
        <v>136</v>
      </c>
      <c r="EY12" s="103">
        <v>1412</v>
      </c>
      <c r="EZ12" s="104">
        <v>2040</v>
      </c>
      <c r="FA12" s="101">
        <v>340</v>
      </c>
      <c r="FB12" s="102">
        <v>274</v>
      </c>
      <c r="FC12" s="103">
        <v>614</v>
      </c>
      <c r="FD12" s="413">
        <v>0</v>
      </c>
      <c r="FE12" s="102">
        <v>517</v>
      </c>
      <c r="FF12" s="102">
        <v>458</v>
      </c>
      <c r="FG12" s="102">
        <v>381</v>
      </c>
      <c r="FH12" s="102">
        <v>264</v>
      </c>
      <c r="FI12" s="102">
        <v>170</v>
      </c>
      <c r="FJ12" s="103">
        <v>1790</v>
      </c>
      <c r="FK12" s="104">
        <v>2404</v>
      </c>
      <c r="FL12" s="101">
        <v>184</v>
      </c>
      <c r="FM12" s="102">
        <v>196</v>
      </c>
      <c r="FN12" s="103">
        <v>380</v>
      </c>
      <c r="FO12" s="413">
        <v>0</v>
      </c>
      <c r="FP12" s="102">
        <v>438</v>
      </c>
      <c r="FQ12" s="102">
        <v>546</v>
      </c>
      <c r="FR12" s="102">
        <v>516</v>
      </c>
      <c r="FS12" s="102">
        <v>452</v>
      </c>
      <c r="FT12" s="102">
        <v>263</v>
      </c>
      <c r="FU12" s="103">
        <v>2215</v>
      </c>
      <c r="FV12" s="104">
        <v>2595</v>
      </c>
      <c r="FW12" s="101">
        <v>7</v>
      </c>
      <c r="FX12" s="102">
        <v>15</v>
      </c>
      <c r="FY12" s="103">
        <v>22</v>
      </c>
      <c r="FZ12" s="413">
        <v>0</v>
      </c>
      <c r="GA12" s="102">
        <v>29</v>
      </c>
      <c r="GB12" s="102">
        <v>39</v>
      </c>
      <c r="GC12" s="102">
        <v>16</v>
      </c>
      <c r="GD12" s="102">
        <v>17</v>
      </c>
      <c r="GE12" s="102">
        <v>14</v>
      </c>
      <c r="GF12" s="103">
        <v>115</v>
      </c>
      <c r="GG12" s="104">
        <v>137</v>
      </c>
      <c r="GH12" s="101">
        <v>1155</v>
      </c>
      <c r="GI12" s="102">
        <v>1004</v>
      </c>
      <c r="GJ12" s="103">
        <v>2159</v>
      </c>
      <c r="GK12" s="413">
        <v>0</v>
      </c>
      <c r="GL12" s="102">
        <v>1799</v>
      </c>
      <c r="GM12" s="102">
        <v>1668</v>
      </c>
      <c r="GN12" s="102">
        <v>1337</v>
      </c>
      <c r="GO12" s="102">
        <v>1140</v>
      </c>
      <c r="GP12" s="102">
        <v>705</v>
      </c>
      <c r="GQ12" s="103">
        <v>6649</v>
      </c>
      <c r="GR12" s="104">
        <v>8808</v>
      </c>
      <c r="GS12" s="105">
        <v>1725</v>
      </c>
      <c r="GT12" s="97">
        <v>1376</v>
      </c>
      <c r="GU12" s="98">
        <v>3101</v>
      </c>
      <c r="GV12" s="413">
        <v>0</v>
      </c>
      <c r="GW12" s="97">
        <v>2820</v>
      </c>
      <c r="GX12" s="97">
        <v>2548</v>
      </c>
      <c r="GY12" s="97">
        <v>1953</v>
      </c>
      <c r="GZ12" s="97">
        <v>1627</v>
      </c>
      <c r="HA12" s="97">
        <v>985</v>
      </c>
      <c r="HB12" s="99">
        <v>9933</v>
      </c>
      <c r="HC12" s="100">
        <v>13034</v>
      </c>
      <c r="HD12" s="101">
        <v>46</v>
      </c>
      <c r="HE12" s="102">
        <v>53</v>
      </c>
      <c r="HF12" s="103">
        <v>99</v>
      </c>
      <c r="HG12" s="416">
        <v>0</v>
      </c>
      <c r="HH12" s="102">
        <v>102</v>
      </c>
      <c r="HI12" s="102">
        <v>84</v>
      </c>
      <c r="HJ12" s="102">
        <v>39</v>
      </c>
      <c r="HK12" s="102">
        <v>59</v>
      </c>
      <c r="HL12" s="102">
        <v>37</v>
      </c>
      <c r="HM12" s="103">
        <v>321</v>
      </c>
      <c r="HN12" s="104">
        <v>420</v>
      </c>
      <c r="HO12" s="101">
        <v>126</v>
      </c>
      <c r="HP12" s="102">
        <v>106</v>
      </c>
      <c r="HQ12" s="103">
        <v>232</v>
      </c>
      <c r="HR12" s="413">
        <v>0</v>
      </c>
      <c r="HS12" s="102">
        <v>195</v>
      </c>
      <c r="HT12" s="102">
        <v>171</v>
      </c>
      <c r="HU12" s="102">
        <v>111</v>
      </c>
      <c r="HV12" s="102">
        <v>125</v>
      </c>
      <c r="HW12" s="102">
        <v>85</v>
      </c>
      <c r="HX12" s="103">
        <v>687</v>
      </c>
      <c r="HY12" s="104">
        <v>919</v>
      </c>
      <c r="HZ12" s="101">
        <v>265</v>
      </c>
      <c r="IA12" s="102">
        <v>221</v>
      </c>
      <c r="IB12" s="103">
        <v>486</v>
      </c>
      <c r="IC12" s="413">
        <v>0</v>
      </c>
      <c r="ID12" s="102">
        <v>393</v>
      </c>
      <c r="IE12" s="102">
        <v>332</v>
      </c>
      <c r="IF12" s="102">
        <v>218</v>
      </c>
      <c r="IG12" s="102">
        <v>176</v>
      </c>
      <c r="IH12" s="102">
        <v>114</v>
      </c>
      <c r="II12" s="103">
        <v>1233</v>
      </c>
      <c r="IJ12" s="104">
        <v>1719</v>
      </c>
      <c r="IK12" s="101">
        <v>507</v>
      </c>
      <c r="IL12" s="102">
        <v>365</v>
      </c>
      <c r="IM12" s="103">
        <v>872</v>
      </c>
      <c r="IN12" s="413">
        <v>0</v>
      </c>
      <c r="IO12" s="102">
        <v>746</v>
      </c>
      <c r="IP12" s="102">
        <v>593</v>
      </c>
      <c r="IQ12" s="102">
        <v>386</v>
      </c>
      <c r="IR12" s="102">
        <v>347</v>
      </c>
      <c r="IS12" s="102">
        <v>213</v>
      </c>
      <c r="IT12" s="103">
        <v>2285</v>
      </c>
      <c r="IU12" s="104">
        <v>3157</v>
      </c>
      <c r="IV12" s="101">
        <v>489</v>
      </c>
      <c r="IW12" s="102">
        <v>365</v>
      </c>
      <c r="IX12" s="103">
        <v>854</v>
      </c>
      <c r="IY12" s="413">
        <v>0</v>
      </c>
      <c r="IZ12" s="102">
        <v>782</v>
      </c>
      <c r="JA12" s="102">
        <v>670</v>
      </c>
      <c r="JB12" s="102">
        <v>545</v>
      </c>
      <c r="JC12" s="102">
        <v>362</v>
      </c>
      <c r="JD12" s="102">
        <v>229</v>
      </c>
      <c r="JE12" s="103">
        <v>2588</v>
      </c>
      <c r="JF12" s="104">
        <v>3442</v>
      </c>
      <c r="JG12" s="101">
        <v>292</v>
      </c>
      <c r="JH12" s="102">
        <v>266</v>
      </c>
      <c r="JI12" s="103">
        <v>558</v>
      </c>
      <c r="JJ12" s="413">
        <v>0</v>
      </c>
      <c r="JK12" s="102">
        <v>602</v>
      </c>
      <c r="JL12" s="102">
        <v>698</v>
      </c>
      <c r="JM12" s="102">
        <v>654</v>
      </c>
      <c r="JN12" s="102">
        <v>558</v>
      </c>
      <c r="JO12" s="102">
        <v>307</v>
      </c>
      <c r="JP12" s="103">
        <v>2819</v>
      </c>
      <c r="JQ12" s="104">
        <v>3377</v>
      </c>
      <c r="JR12" s="101">
        <v>24</v>
      </c>
      <c r="JS12" s="102">
        <v>35</v>
      </c>
      <c r="JT12" s="103">
        <v>59</v>
      </c>
      <c r="JU12" s="413">
        <v>0</v>
      </c>
      <c r="JV12" s="102">
        <v>58</v>
      </c>
      <c r="JW12" s="102">
        <v>87</v>
      </c>
      <c r="JX12" s="102">
        <v>42</v>
      </c>
      <c r="JY12" s="102">
        <v>39</v>
      </c>
      <c r="JZ12" s="102">
        <v>28</v>
      </c>
      <c r="KA12" s="103">
        <v>254</v>
      </c>
      <c r="KB12" s="104">
        <v>313</v>
      </c>
      <c r="KC12" s="101">
        <v>1749</v>
      </c>
      <c r="KD12" s="102">
        <v>1411</v>
      </c>
      <c r="KE12" s="103">
        <v>3160</v>
      </c>
      <c r="KF12" s="413">
        <v>0</v>
      </c>
      <c r="KG12" s="102">
        <v>2878</v>
      </c>
      <c r="KH12" s="102">
        <v>2635</v>
      </c>
      <c r="KI12" s="102">
        <v>1995</v>
      </c>
      <c r="KJ12" s="102">
        <v>1666</v>
      </c>
      <c r="KK12" s="102">
        <v>1013</v>
      </c>
      <c r="KL12" s="103">
        <v>10187</v>
      </c>
      <c r="KM12" s="104">
        <v>13347</v>
      </c>
    </row>
    <row r="13" spans="2:299" s="70" customFormat="1" ht="21" customHeight="1" x14ac:dyDescent="0.2">
      <c r="B13" s="106" t="s">
        <v>9</v>
      </c>
      <c r="C13" s="96">
        <v>725</v>
      </c>
      <c r="D13" s="97">
        <v>386</v>
      </c>
      <c r="E13" s="98">
        <v>1111</v>
      </c>
      <c r="F13" s="413">
        <v>0</v>
      </c>
      <c r="G13" s="97">
        <v>872</v>
      </c>
      <c r="H13" s="97">
        <v>590</v>
      </c>
      <c r="I13" s="97">
        <v>477</v>
      </c>
      <c r="J13" s="97">
        <v>392</v>
      </c>
      <c r="K13" s="97">
        <v>223</v>
      </c>
      <c r="L13" s="99">
        <v>2554</v>
      </c>
      <c r="M13" s="100">
        <v>3665</v>
      </c>
      <c r="N13" s="101">
        <v>19</v>
      </c>
      <c r="O13" s="102">
        <v>16</v>
      </c>
      <c r="P13" s="103">
        <v>35</v>
      </c>
      <c r="Q13" s="413">
        <v>0</v>
      </c>
      <c r="R13" s="102">
        <v>22</v>
      </c>
      <c r="S13" s="102">
        <v>24</v>
      </c>
      <c r="T13" s="102">
        <v>14</v>
      </c>
      <c r="U13" s="102">
        <v>13</v>
      </c>
      <c r="V13" s="102">
        <v>12</v>
      </c>
      <c r="W13" s="103">
        <v>85</v>
      </c>
      <c r="X13" s="104">
        <v>120</v>
      </c>
      <c r="Y13" s="101">
        <v>37</v>
      </c>
      <c r="Z13" s="102">
        <v>28</v>
      </c>
      <c r="AA13" s="103">
        <v>65</v>
      </c>
      <c r="AB13" s="413">
        <v>0</v>
      </c>
      <c r="AC13" s="102">
        <v>55</v>
      </c>
      <c r="AD13" s="102">
        <v>38</v>
      </c>
      <c r="AE13" s="102">
        <v>31</v>
      </c>
      <c r="AF13" s="102">
        <v>26</v>
      </c>
      <c r="AG13" s="102">
        <v>24</v>
      </c>
      <c r="AH13" s="103">
        <v>174</v>
      </c>
      <c r="AI13" s="104">
        <v>239</v>
      </c>
      <c r="AJ13" s="101">
        <v>88</v>
      </c>
      <c r="AK13" s="102">
        <v>46</v>
      </c>
      <c r="AL13" s="103">
        <v>134</v>
      </c>
      <c r="AM13" s="413">
        <v>0</v>
      </c>
      <c r="AN13" s="102">
        <v>89</v>
      </c>
      <c r="AO13" s="102">
        <v>75</v>
      </c>
      <c r="AP13" s="102">
        <v>74</v>
      </c>
      <c r="AQ13" s="102">
        <v>55</v>
      </c>
      <c r="AR13" s="102">
        <v>29</v>
      </c>
      <c r="AS13" s="103">
        <v>322</v>
      </c>
      <c r="AT13" s="104">
        <v>456</v>
      </c>
      <c r="AU13" s="101">
        <v>173</v>
      </c>
      <c r="AV13" s="102">
        <v>94</v>
      </c>
      <c r="AW13" s="103">
        <v>267</v>
      </c>
      <c r="AX13" s="413">
        <v>0</v>
      </c>
      <c r="AY13" s="102">
        <v>219</v>
      </c>
      <c r="AZ13" s="102">
        <v>116</v>
      </c>
      <c r="BA13" s="102">
        <v>87</v>
      </c>
      <c r="BB13" s="102">
        <v>60</v>
      </c>
      <c r="BC13" s="102">
        <v>50</v>
      </c>
      <c r="BD13" s="103">
        <v>532</v>
      </c>
      <c r="BE13" s="104">
        <v>799</v>
      </c>
      <c r="BF13" s="101">
        <v>246</v>
      </c>
      <c r="BG13" s="102">
        <v>117</v>
      </c>
      <c r="BH13" s="103">
        <v>363</v>
      </c>
      <c r="BI13" s="413">
        <v>0</v>
      </c>
      <c r="BJ13" s="102">
        <v>260</v>
      </c>
      <c r="BK13" s="102">
        <v>141</v>
      </c>
      <c r="BL13" s="102">
        <v>128</v>
      </c>
      <c r="BM13" s="102">
        <v>102</v>
      </c>
      <c r="BN13" s="102">
        <v>57</v>
      </c>
      <c r="BO13" s="103">
        <v>688</v>
      </c>
      <c r="BP13" s="104">
        <v>1051</v>
      </c>
      <c r="BQ13" s="101">
        <v>162</v>
      </c>
      <c r="BR13" s="102">
        <v>85</v>
      </c>
      <c r="BS13" s="103">
        <v>247</v>
      </c>
      <c r="BT13" s="413">
        <v>0</v>
      </c>
      <c r="BU13" s="102">
        <v>227</v>
      </c>
      <c r="BV13" s="102">
        <v>196</v>
      </c>
      <c r="BW13" s="102">
        <v>143</v>
      </c>
      <c r="BX13" s="102">
        <v>136</v>
      </c>
      <c r="BY13" s="102">
        <v>51</v>
      </c>
      <c r="BZ13" s="103">
        <v>753</v>
      </c>
      <c r="CA13" s="104">
        <v>1000</v>
      </c>
      <c r="CB13" s="101">
        <v>5</v>
      </c>
      <c r="CC13" s="102">
        <v>14</v>
      </c>
      <c r="CD13" s="103">
        <v>19</v>
      </c>
      <c r="CE13" s="413">
        <v>0</v>
      </c>
      <c r="CF13" s="102">
        <v>31</v>
      </c>
      <c r="CG13" s="102">
        <v>27</v>
      </c>
      <c r="CH13" s="102">
        <v>13</v>
      </c>
      <c r="CI13" s="102">
        <v>15</v>
      </c>
      <c r="CJ13" s="102">
        <v>12</v>
      </c>
      <c r="CK13" s="103">
        <v>98</v>
      </c>
      <c r="CL13" s="104">
        <v>117</v>
      </c>
      <c r="CM13" s="101">
        <v>730</v>
      </c>
      <c r="CN13" s="102">
        <v>400</v>
      </c>
      <c r="CO13" s="103">
        <v>1130</v>
      </c>
      <c r="CP13" s="413">
        <v>0</v>
      </c>
      <c r="CQ13" s="102">
        <v>903</v>
      </c>
      <c r="CR13" s="102">
        <v>617</v>
      </c>
      <c r="CS13" s="102">
        <v>490</v>
      </c>
      <c r="CT13" s="102">
        <v>407</v>
      </c>
      <c r="CU13" s="102">
        <v>235</v>
      </c>
      <c r="CV13" s="103">
        <v>2652</v>
      </c>
      <c r="CW13" s="104">
        <v>3782</v>
      </c>
      <c r="CX13" s="105">
        <v>1466</v>
      </c>
      <c r="CY13" s="97">
        <v>1046</v>
      </c>
      <c r="CZ13" s="98">
        <v>2512</v>
      </c>
      <c r="DA13" s="413">
        <v>0</v>
      </c>
      <c r="DB13" s="97">
        <v>1728</v>
      </c>
      <c r="DC13" s="97">
        <v>1161</v>
      </c>
      <c r="DD13" s="97">
        <v>984</v>
      </c>
      <c r="DE13" s="97">
        <v>1039</v>
      </c>
      <c r="DF13" s="97">
        <v>777</v>
      </c>
      <c r="DG13" s="99">
        <v>5689</v>
      </c>
      <c r="DH13" s="100">
        <v>8201</v>
      </c>
      <c r="DI13" s="101">
        <v>28</v>
      </c>
      <c r="DJ13" s="102">
        <v>24</v>
      </c>
      <c r="DK13" s="103">
        <v>52</v>
      </c>
      <c r="DL13" s="413">
        <v>0</v>
      </c>
      <c r="DM13" s="102">
        <v>15</v>
      </c>
      <c r="DN13" s="102">
        <v>16</v>
      </c>
      <c r="DO13" s="102">
        <v>15</v>
      </c>
      <c r="DP13" s="102">
        <v>9</v>
      </c>
      <c r="DQ13" s="102">
        <v>10</v>
      </c>
      <c r="DR13" s="103">
        <v>65</v>
      </c>
      <c r="DS13" s="104">
        <v>117</v>
      </c>
      <c r="DT13" s="101">
        <v>58</v>
      </c>
      <c r="DU13" s="102">
        <v>54</v>
      </c>
      <c r="DV13" s="103">
        <v>112</v>
      </c>
      <c r="DW13" s="413">
        <v>0</v>
      </c>
      <c r="DX13" s="102">
        <v>59</v>
      </c>
      <c r="DY13" s="102">
        <v>26</v>
      </c>
      <c r="DZ13" s="102">
        <v>35</v>
      </c>
      <c r="EA13" s="102">
        <v>23</v>
      </c>
      <c r="EB13" s="102">
        <v>29</v>
      </c>
      <c r="EC13" s="103">
        <v>172</v>
      </c>
      <c r="ED13" s="104">
        <v>284</v>
      </c>
      <c r="EE13" s="101">
        <v>205</v>
      </c>
      <c r="EF13" s="102">
        <v>134</v>
      </c>
      <c r="EG13" s="103">
        <v>339</v>
      </c>
      <c r="EH13" s="413">
        <v>0</v>
      </c>
      <c r="EI13" s="102">
        <v>187</v>
      </c>
      <c r="EJ13" s="102">
        <v>99</v>
      </c>
      <c r="EK13" s="102">
        <v>67</v>
      </c>
      <c r="EL13" s="102">
        <v>53</v>
      </c>
      <c r="EM13" s="102">
        <v>73</v>
      </c>
      <c r="EN13" s="103">
        <v>479</v>
      </c>
      <c r="EO13" s="104">
        <v>818</v>
      </c>
      <c r="EP13" s="101">
        <v>406</v>
      </c>
      <c r="EQ13" s="102">
        <v>275</v>
      </c>
      <c r="ER13" s="103">
        <v>681</v>
      </c>
      <c r="ES13" s="413">
        <v>0</v>
      </c>
      <c r="ET13" s="102">
        <v>389</v>
      </c>
      <c r="EU13" s="102">
        <v>206</v>
      </c>
      <c r="EV13" s="102">
        <v>156</v>
      </c>
      <c r="EW13" s="102">
        <v>165</v>
      </c>
      <c r="EX13" s="102">
        <v>126</v>
      </c>
      <c r="EY13" s="103">
        <v>1042</v>
      </c>
      <c r="EZ13" s="104">
        <v>1723</v>
      </c>
      <c r="FA13" s="101">
        <v>476</v>
      </c>
      <c r="FB13" s="102">
        <v>312</v>
      </c>
      <c r="FC13" s="103">
        <v>788</v>
      </c>
      <c r="FD13" s="413">
        <v>0</v>
      </c>
      <c r="FE13" s="102">
        <v>495</v>
      </c>
      <c r="FF13" s="102">
        <v>322</v>
      </c>
      <c r="FG13" s="102">
        <v>253</v>
      </c>
      <c r="FH13" s="102">
        <v>266</v>
      </c>
      <c r="FI13" s="102">
        <v>168</v>
      </c>
      <c r="FJ13" s="103">
        <v>1504</v>
      </c>
      <c r="FK13" s="104">
        <v>2292</v>
      </c>
      <c r="FL13" s="101">
        <v>293</v>
      </c>
      <c r="FM13" s="102">
        <v>247</v>
      </c>
      <c r="FN13" s="103">
        <v>540</v>
      </c>
      <c r="FO13" s="413">
        <v>0</v>
      </c>
      <c r="FP13" s="102">
        <v>583</v>
      </c>
      <c r="FQ13" s="102">
        <v>492</v>
      </c>
      <c r="FR13" s="102">
        <v>458</v>
      </c>
      <c r="FS13" s="102">
        <v>523</v>
      </c>
      <c r="FT13" s="102">
        <v>371</v>
      </c>
      <c r="FU13" s="103">
        <v>2427</v>
      </c>
      <c r="FV13" s="104">
        <v>2967</v>
      </c>
      <c r="FW13" s="101">
        <v>4</v>
      </c>
      <c r="FX13" s="102">
        <v>19</v>
      </c>
      <c r="FY13" s="103">
        <v>23</v>
      </c>
      <c r="FZ13" s="413">
        <v>0</v>
      </c>
      <c r="GA13" s="102">
        <v>19</v>
      </c>
      <c r="GB13" s="102">
        <v>20</v>
      </c>
      <c r="GC13" s="102">
        <v>10</v>
      </c>
      <c r="GD13" s="102">
        <v>11</v>
      </c>
      <c r="GE13" s="102">
        <v>10</v>
      </c>
      <c r="GF13" s="103">
        <v>70</v>
      </c>
      <c r="GG13" s="104">
        <v>93</v>
      </c>
      <c r="GH13" s="101">
        <v>1470</v>
      </c>
      <c r="GI13" s="102">
        <v>1065</v>
      </c>
      <c r="GJ13" s="103">
        <v>2535</v>
      </c>
      <c r="GK13" s="413">
        <v>0</v>
      </c>
      <c r="GL13" s="102">
        <v>1747</v>
      </c>
      <c r="GM13" s="102">
        <v>1181</v>
      </c>
      <c r="GN13" s="102">
        <v>994</v>
      </c>
      <c r="GO13" s="102">
        <v>1050</v>
      </c>
      <c r="GP13" s="102">
        <v>787</v>
      </c>
      <c r="GQ13" s="103">
        <v>5759</v>
      </c>
      <c r="GR13" s="104">
        <v>8294</v>
      </c>
      <c r="GS13" s="105">
        <v>2191</v>
      </c>
      <c r="GT13" s="97">
        <v>1432</v>
      </c>
      <c r="GU13" s="98">
        <v>3623</v>
      </c>
      <c r="GV13" s="413">
        <v>0</v>
      </c>
      <c r="GW13" s="97">
        <v>2600</v>
      </c>
      <c r="GX13" s="97">
        <v>1751</v>
      </c>
      <c r="GY13" s="97">
        <v>1461</v>
      </c>
      <c r="GZ13" s="97">
        <v>1431</v>
      </c>
      <c r="HA13" s="97">
        <v>1000</v>
      </c>
      <c r="HB13" s="99">
        <v>8243</v>
      </c>
      <c r="HC13" s="100">
        <v>11866</v>
      </c>
      <c r="HD13" s="101">
        <v>47</v>
      </c>
      <c r="HE13" s="102">
        <v>40</v>
      </c>
      <c r="HF13" s="103">
        <v>87</v>
      </c>
      <c r="HG13" s="416">
        <v>0</v>
      </c>
      <c r="HH13" s="102">
        <v>37</v>
      </c>
      <c r="HI13" s="102">
        <v>40</v>
      </c>
      <c r="HJ13" s="102">
        <v>29</v>
      </c>
      <c r="HK13" s="102">
        <v>22</v>
      </c>
      <c r="HL13" s="102">
        <v>22</v>
      </c>
      <c r="HM13" s="103">
        <v>150</v>
      </c>
      <c r="HN13" s="104">
        <v>237</v>
      </c>
      <c r="HO13" s="101">
        <v>95</v>
      </c>
      <c r="HP13" s="102">
        <v>82</v>
      </c>
      <c r="HQ13" s="103">
        <v>177</v>
      </c>
      <c r="HR13" s="413">
        <v>0</v>
      </c>
      <c r="HS13" s="102">
        <v>114</v>
      </c>
      <c r="HT13" s="102">
        <v>64</v>
      </c>
      <c r="HU13" s="102">
        <v>66</v>
      </c>
      <c r="HV13" s="102">
        <v>49</v>
      </c>
      <c r="HW13" s="102">
        <v>53</v>
      </c>
      <c r="HX13" s="103">
        <v>346</v>
      </c>
      <c r="HY13" s="104">
        <v>523</v>
      </c>
      <c r="HZ13" s="101">
        <v>293</v>
      </c>
      <c r="IA13" s="102">
        <v>180</v>
      </c>
      <c r="IB13" s="103">
        <v>473</v>
      </c>
      <c r="IC13" s="413">
        <v>0</v>
      </c>
      <c r="ID13" s="102">
        <v>276</v>
      </c>
      <c r="IE13" s="102">
        <v>174</v>
      </c>
      <c r="IF13" s="102">
        <v>141</v>
      </c>
      <c r="IG13" s="102">
        <v>108</v>
      </c>
      <c r="IH13" s="102">
        <v>102</v>
      </c>
      <c r="II13" s="103">
        <v>801</v>
      </c>
      <c r="IJ13" s="104">
        <v>1274</v>
      </c>
      <c r="IK13" s="101">
        <v>579</v>
      </c>
      <c r="IL13" s="102">
        <v>369</v>
      </c>
      <c r="IM13" s="103">
        <v>948</v>
      </c>
      <c r="IN13" s="413">
        <v>0</v>
      </c>
      <c r="IO13" s="102">
        <v>608</v>
      </c>
      <c r="IP13" s="102">
        <v>322</v>
      </c>
      <c r="IQ13" s="102">
        <v>243</v>
      </c>
      <c r="IR13" s="102">
        <v>225</v>
      </c>
      <c r="IS13" s="102">
        <v>176</v>
      </c>
      <c r="IT13" s="103">
        <v>1574</v>
      </c>
      <c r="IU13" s="104">
        <v>2522</v>
      </c>
      <c r="IV13" s="101">
        <v>722</v>
      </c>
      <c r="IW13" s="102">
        <v>429</v>
      </c>
      <c r="IX13" s="103">
        <v>1151</v>
      </c>
      <c r="IY13" s="413">
        <v>0</v>
      </c>
      <c r="IZ13" s="102">
        <v>755</v>
      </c>
      <c r="JA13" s="102">
        <v>463</v>
      </c>
      <c r="JB13" s="102">
        <v>381</v>
      </c>
      <c r="JC13" s="102">
        <v>368</v>
      </c>
      <c r="JD13" s="102">
        <v>225</v>
      </c>
      <c r="JE13" s="103">
        <v>2192</v>
      </c>
      <c r="JF13" s="104">
        <v>3343</v>
      </c>
      <c r="JG13" s="101">
        <v>455</v>
      </c>
      <c r="JH13" s="102">
        <v>332</v>
      </c>
      <c r="JI13" s="103">
        <v>787</v>
      </c>
      <c r="JJ13" s="413">
        <v>0</v>
      </c>
      <c r="JK13" s="102">
        <v>810</v>
      </c>
      <c r="JL13" s="102">
        <v>688</v>
      </c>
      <c r="JM13" s="102">
        <v>601</v>
      </c>
      <c r="JN13" s="102">
        <v>659</v>
      </c>
      <c r="JO13" s="102">
        <v>422</v>
      </c>
      <c r="JP13" s="103">
        <v>3180</v>
      </c>
      <c r="JQ13" s="104">
        <v>3967</v>
      </c>
      <c r="JR13" s="101">
        <v>9</v>
      </c>
      <c r="JS13" s="102">
        <v>33</v>
      </c>
      <c r="JT13" s="103">
        <v>42</v>
      </c>
      <c r="JU13" s="413">
        <v>0</v>
      </c>
      <c r="JV13" s="102">
        <v>50</v>
      </c>
      <c r="JW13" s="102">
        <v>47</v>
      </c>
      <c r="JX13" s="102">
        <v>23</v>
      </c>
      <c r="JY13" s="102">
        <v>26</v>
      </c>
      <c r="JZ13" s="102">
        <v>22</v>
      </c>
      <c r="KA13" s="103">
        <v>168</v>
      </c>
      <c r="KB13" s="104">
        <v>210</v>
      </c>
      <c r="KC13" s="101">
        <v>2200</v>
      </c>
      <c r="KD13" s="102">
        <v>1465</v>
      </c>
      <c r="KE13" s="103">
        <v>3665</v>
      </c>
      <c r="KF13" s="413">
        <v>0</v>
      </c>
      <c r="KG13" s="102">
        <v>2650</v>
      </c>
      <c r="KH13" s="102">
        <v>1798</v>
      </c>
      <c r="KI13" s="102">
        <v>1484</v>
      </c>
      <c r="KJ13" s="102">
        <v>1457</v>
      </c>
      <c r="KK13" s="102">
        <v>1022</v>
      </c>
      <c r="KL13" s="103">
        <v>8411</v>
      </c>
      <c r="KM13" s="104">
        <v>12076</v>
      </c>
    </row>
    <row r="14" spans="2:299" s="70" customFormat="1" ht="21" customHeight="1" x14ac:dyDescent="0.2">
      <c r="B14" s="106" t="s">
        <v>10</v>
      </c>
      <c r="C14" s="96">
        <v>1559</v>
      </c>
      <c r="D14" s="97">
        <v>964</v>
      </c>
      <c r="E14" s="98">
        <v>2523</v>
      </c>
      <c r="F14" s="413">
        <v>0</v>
      </c>
      <c r="G14" s="97">
        <v>1771</v>
      </c>
      <c r="H14" s="97">
        <v>1031</v>
      </c>
      <c r="I14" s="97">
        <v>737</v>
      </c>
      <c r="J14" s="97">
        <v>649</v>
      </c>
      <c r="K14" s="97">
        <v>447</v>
      </c>
      <c r="L14" s="99">
        <v>4635</v>
      </c>
      <c r="M14" s="100">
        <v>7158</v>
      </c>
      <c r="N14" s="101">
        <v>60</v>
      </c>
      <c r="O14" s="102">
        <v>54</v>
      </c>
      <c r="P14" s="103">
        <v>114</v>
      </c>
      <c r="Q14" s="413">
        <v>0</v>
      </c>
      <c r="R14" s="102">
        <v>77</v>
      </c>
      <c r="S14" s="102">
        <v>53</v>
      </c>
      <c r="T14" s="102">
        <v>31</v>
      </c>
      <c r="U14" s="102">
        <v>41</v>
      </c>
      <c r="V14" s="102">
        <v>29</v>
      </c>
      <c r="W14" s="103">
        <v>231</v>
      </c>
      <c r="X14" s="104">
        <v>345</v>
      </c>
      <c r="Y14" s="101">
        <v>134</v>
      </c>
      <c r="Z14" s="102">
        <v>82</v>
      </c>
      <c r="AA14" s="103">
        <v>216</v>
      </c>
      <c r="AB14" s="413">
        <v>0</v>
      </c>
      <c r="AC14" s="102">
        <v>154</v>
      </c>
      <c r="AD14" s="102">
        <v>118</v>
      </c>
      <c r="AE14" s="102">
        <v>68</v>
      </c>
      <c r="AF14" s="102">
        <v>52</v>
      </c>
      <c r="AG14" s="102">
        <v>65</v>
      </c>
      <c r="AH14" s="103">
        <v>457</v>
      </c>
      <c r="AI14" s="104">
        <v>673</v>
      </c>
      <c r="AJ14" s="101">
        <v>235</v>
      </c>
      <c r="AK14" s="102">
        <v>165</v>
      </c>
      <c r="AL14" s="103">
        <v>400</v>
      </c>
      <c r="AM14" s="413">
        <v>0</v>
      </c>
      <c r="AN14" s="102">
        <v>295</v>
      </c>
      <c r="AO14" s="102">
        <v>158</v>
      </c>
      <c r="AP14" s="102">
        <v>116</v>
      </c>
      <c r="AQ14" s="102">
        <v>116</v>
      </c>
      <c r="AR14" s="102">
        <v>77</v>
      </c>
      <c r="AS14" s="103">
        <v>762</v>
      </c>
      <c r="AT14" s="104">
        <v>1162</v>
      </c>
      <c r="AU14" s="101">
        <v>399</v>
      </c>
      <c r="AV14" s="102">
        <v>236</v>
      </c>
      <c r="AW14" s="103">
        <v>635</v>
      </c>
      <c r="AX14" s="413">
        <v>0</v>
      </c>
      <c r="AY14" s="102">
        <v>460</v>
      </c>
      <c r="AZ14" s="102">
        <v>239</v>
      </c>
      <c r="BA14" s="102">
        <v>152</v>
      </c>
      <c r="BB14" s="102">
        <v>153</v>
      </c>
      <c r="BC14" s="102">
        <v>106</v>
      </c>
      <c r="BD14" s="103">
        <v>1110</v>
      </c>
      <c r="BE14" s="104">
        <v>1745</v>
      </c>
      <c r="BF14" s="101">
        <v>454</v>
      </c>
      <c r="BG14" s="102">
        <v>247</v>
      </c>
      <c r="BH14" s="103">
        <v>701</v>
      </c>
      <c r="BI14" s="413">
        <v>0</v>
      </c>
      <c r="BJ14" s="102">
        <v>468</v>
      </c>
      <c r="BK14" s="102">
        <v>259</v>
      </c>
      <c r="BL14" s="102">
        <v>181</v>
      </c>
      <c r="BM14" s="102">
        <v>146</v>
      </c>
      <c r="BN14" s="102">
        <v>88</v>
      </c>
      <c r="BO14" s="103">
        <v>1142</v>
      </c>
      <c r="BP14" s="104">
        <v>1843</v>
      </c>
      <c r="BQ14" s="101">
        <v>277</v>
      </c>
      <c r="BR14" s="102">
        <v>180</v>
      </c>
      <c r="BS14" s="103">
        <v>457</v>
      </c>
      <c r="BT14" s="413">
        <v>0</v>
      </c>
      <c r="BU14" s="102">
        <v>317</v>
      </c>
      <c r="BV14" s="102">
        <v>204</v>
      </c>
      <c r="BW14" s="102">
        <v>189</v>
      </c>
      <c r="BX14" s="102">
        <v>141</v>
      </c>
      <c r="BY14" s="102">
        <v>82</v>
      </c>
      <c r="BZ14" s="103">
        <v>933</v>
      </c>
      <c r="CA14" s="104">
        <v>1390</v>
      </c>
      <c r="CB14" s="101">
        <v>51</v>
      </c>
      <c r="CC14" s="102">
        <v>29</v>
      </c>
      <c r="CD14" s="103">
        <v>80</v>
      </c>
      <c r="CE14" s="413">
        <v>0</v>
      </c>
      <c r="CF14" s="102">
        <v>73</v>
      </c>
      <c r="CG14" s="102">
        <v>53</v>
      </c>
      <c r="CH14" s="102">
        <v>36</v>
      </c>
      <c r="CI14" s="102">
        <v>39</v>
      </c>
      <c r="CJ14" s="102">
        <v>36</v>
      </c>
      <c r="CK14" s="103">
        <v>237</v>
      </c>
      <c r="CL14" s="104">
        <v>317</v>
      </c>
      <c r="CM14" s="101">
        <v>1610</v>
      </c>
      <c r="CN14" s="102">
        <v>993</v>
      </c>
      <c r="CO14" s="103">
        <v>2603</v>
      </c>
      <c r="CP14" s="413">
        <v>0</v>
      </c>
      <c r="CQ14" s="102">
        <v>1844</v>
      </c>
      <c r="CR14" s="102">
        <v>1084</v>
      </c>
      <c r="CS14" s="102">
        <v>773</v>
      </c>
      <c r="CT14" s="102">
        <v>688</v>
      </c>
      <c r="CU14" s="102">
        <v>483</v>
      </c>
      <c r="CV14" s="103">
        <v>4872</v>
      </c>
      <c r="CW14" s="104">
        <v>7475</v>
      </c>
      <c r="CX14" s="105">
        <v>3164</v>
      </c>
      <c r="CY14" s="97">
        <v>2252</v>
      </c>
      <c r="CZ14" s="98">
        <v>5416</v>
      </c>
      <c r="DA14" s="413">
        <v>0</v>
      </c>
      <c r="DB14" s="97">
        <v>3396</v>
      </c>
      <c r="DC14" s="97">
        <v>1831</v>
      </c>
      <c r="DD14" s="97">
        <v>1441</v>
      </c>
      <c r="DE14" s="97">
        <v>1610</v>
      </c>
      <c r="DF14" s="97">
        <v>1180</v>
      </c>
      <c r="DG14" s="99">
        <v>9458</v>
      </c>
      <c r="DH14" s="100">
        <v>14874</v>
      </c>
      <c r="DI14" s="101">
        <v>61</v>
      </c>
      <c r="DJ14" s="102">
        <v>54</v>
      </c>
      <c r="DK14" s="103">
        <v>115</v>
      </c>
      <c r="DL14" s="413">
        <v>0</v>
      </c>
      <c r="DM14" s="102">
        <v>68</v>
      </c>
      <c r="DN14" s="102">
        <v>36</v>
      </c>
      <c r="DO14" s="102">
        <v>20</v>
      </c>
      <c r="DP14" s="102">
        <v>26</v>
      </c>
      <c r="DQ14" s="102">
        <v>24</v>
      </c>
      <c r="DR14" s="103">
        <v>174</v>
      </c>
      <c r="DS14" s="104">
        <v>289</v>
      </c>
      <c r="DT14" s="101">
        <v>188</v>
      </c>
      <c r="DU14" s="102">
        <v>118</v>
      </c>
      <c r="DV14" s="103">
        <v>306</v>
      </c>
      <c r="DW14" s="413">
        <v>0</v>
      </c>
      <c r="DX14" s="102">
        <v>186</v>
      </c>
      <c r="DY14" s="102">
        <v>87</v>
      </c>
      <c r="DZ14" s="102">
        <v>53</v>
      </c>
      <c r="EA14" s="102">
        <v>46</v>
      </c>
      <c r="EB14" s="102">
        <v>48</v>
      </c>
      <c r="EC14" s="103">
        <v>420</v>
      </c>
      <c r="ED14" s="104">
        <v>726</v>
      </c>
      <c r="EE14" s="101">
        <v>456</v>
      </c>
      <c r="EF14" s="102">
        <v>281</v>
      </c>
      <c r="EG14" s="103">
        <v>737</v>
      </c>
      <c r="EH14" s="413">
        <v>0</v>
      </c>
      <c r="EI14" s="102">
        <v>379</v>
      </c>
      <c r="EJ14" s="102">
        <v>194</v>
      </c>
      <c r="EK14" s="102">
        <v>110</v>
      </c>
      <c r="EL14" s="102">
        <v>135</v>
      </c>
      <c r="EM14" s="102">
        <v>95</v>
      </c>
      <c r="EN14" s="103">
        <v>913</v>
      </c>
      <c r="EO14" s="104">
        <v>1650</v>
      </c>
      <c r="EP14" s="101">
        <v>953</v>
      </c>
      <c r="EQ14" s="102">
        <v>604</v>
      </c>
      <c r="ER14" s="103">
        <v>1557</v>
      </c>
      <c r="ES14" s="413">
        <v>0</v>
      </c>
      <c r="ET14" s="102">
        <v>787</v>
      </c>
      <c r="EU14" s="102">
        <v>365</v>
      </c>
      <c r="EV14" s="102">
        <v>252</v>
      </c>
      <c r="EW14" s="102">
        <v>255</v>
      </c>
      <c r="EX14" s="102">
        <v>225</v>
      </c>
      <c r="EY14" s="103">
        <v>1884</v>
      </c>
      <c r="EZ14" s="104">
        <v>3441</v>
      </c>
      <c r="FA14" s="101">
        <v>975</v>
      </c>
      <c r="FB14" s="102">
        <v>673</v>
      </c>
      <c r="FC14" s="103">
        <v>1648</v>
      </c>
      <c r="FD14" s="413">
        <v>0</v>
      </c>
      <c r="FE14" s="102">
        <v>1006</v>
      </c>
      <c r="FF14" s="102">
        <v>470</v>
      </c>
      <c r="FG14" s="102">
        <v>394</v>
      </c>
      <c r="FH14" s="102">
        <v>381</v>
      </c>
      <c r="FI14" s="102">
        <v>311</v>
      </c>
      <c r="FJ14" s="103">
        <v>2562</v>
      </c>
      <c r="FK14" s="104">
        <v>4210</v>
      </c>
      <c r="FL14" s="101">
        <v>531</v>
      </c>
      <c r="FM14" s="102">
        <v>522</v>
      </c>
      <c r="FN14" s="103">
        <v>1053</v>
      </c>
      <c r="FO14" s="413">
        <v>0</v>
      </c>
      <c r="FP14" s="102">
        <v>970</v>
      </c>
      <c r="FQ14" s="102">
        <v>679</v>
      </c>
      <c r="FR14" s="102">
        <v>612</v>
      </c>
      <c r="FS14" s="102">
        <v>767</v>
      </c>
      <c r="FT14" s="102">
        <v>477</v>
      </c>
      <c r="FU14" s="103">
        <v>3505</v>
      </c>
      <c r="FV14" s="104">
        <v>4558</v>
      </c>
      <c r="FW14" s="101">
        <v>27</v>
      </c>
      <c r="FX14" s="102">
        <v>44</v>
      </c>
      <c r="FY14" s="103">
        <v>71</v>
      </c>
      <c r="FZ14" s="413">
        <v>0</v>
      </c>
      <c r="GA14" s="102">
        <v>59</v>
      </c>
      <c r="GB14" s="102">
        <v>43</v>
      </c>
      <c r="GC14" s="102">
        <v>31</v>
      </c>
      <c r="GD14" s="102">
        <v>25</v>
      </c>
      <c r="GE14" s="102">
        <v>23</v>
      </c>
      <c r="GF14" s="103">
        <v>181</v>
      </c>
      <c r="GG14" s="104">
        <v>252</v>
      </c>
      <c r="GH14" s="101">
        <v>3191</v>
      </c>
      <c r="GI14" s="102">
        <v>2296</v>
      </c>
      <c r="GJ14" s="103">
        <v>5487</v>
      </c>
      <c r="GK14" s="413">
        <v>0</v>
      </c>
      <c r="GL14" s="102">
        <v>3455</v>
      </c>
      <c r="GM14" s="102">
        <v>1874</v>
      </c>
      <c r="GN14" s="102">
        <v>1472</v>
      </c>
      <c r="GO14" s="102">
        <v>1635</v>
      </c>
      <c r="GP14" s="102">
        <v>1203</v>
      </c>
      <c r="GQ14" s="103">
        <v>9639</v>
      </c>
      <c r="GR14" s="104">
        <v>15126</v>
      </c>
      <c r="GS14" s="105">
        <v>4723</v>
      </c>
      <c r="GT14" s="97">
        <v>3216</v>
      </c>
      <c r="GU14" s="98">
        <v>7939</v>
      </c>
      <c r="GV14" s="413">
        <v>0</v>
      </c>
      <c r="GW14" s="97">
        <v>5167</v>
      </c>
      <c r="GX14" s="97">
        <v>2862</v>
      </c>
      <c r="GY14" s="97">
        <v>2178</v>
      </c>
      <c r="GZ14" s="97">
        <v>2259</v>
      </c>
      <c r="HA14" s="97">
        <v>1627</v>
      </c>
      <c r="HB14" s="99">
        <v>14093</v>
      </c>
      <c r="HC14" s="100">
        <v>22032</v>
      </c>
      <c r="HD14" s="101">
        <v>121</v>
      </c>
      <c r="HE14" s="102">
        <v>108</v>
      </c>
      <c r="HF14" s="103">
        <v>229</v>
      </c>
      <c r="HG14" s="416">
        <v>0</v>
      </c>
      <c r="HH14" s="102">
        <v>145</v>
      </c>
      <c r="HI14" s="102">
        <v>89</v>
      </c>
      <c r="HJ14" s="102">
        <v>51</v>
      </c>
      <c r="HK14" s="102">
        <v>67</v>
      </c>
      <c r="HL14" s="102">
        <v>53</v>
      </c>
      <c r="HM14" s="103">
        <v>405</v>
      </c>
      <c r="HN14" s="104">
        <v>634</v>
      </c>
      <c r="HO14" s="101">
        <v>322</v>
      </c>
      <c r="HP14" s="102">
        <v>200</v>
      </c>
      <c r="HQ14" s="103">
        <v>522</v>
      </c>
      <c r="HR14" s="413">
        <v>0</v>
      </c>
      <c r="HS14" s="102">
        <v>340</v>
      </c>
      <c r="HT14" s="102">
        <v>205</v>
      </c>
      <c r="HU14" s="102">
        <v>121</v>
      </c>
      <c r="HV14" s="102">
        <v>98</v>
      </c>
      <c r="HW14" s="102">
        <v>113</v>
      </c>
      <c r="HX14" s="103">
        <v>877</v>
      </c>
      <c r="HY14" s="104">
        <v>1399</v>
      </c>
      <c r="HZ14" s="101">
        <v>691</v>
      </c>
      <c r="IA14" s="102">
        <v>446</v>
      </c>
      <c r="IB14" s="103">
        <v>1137</v>
      </c>
      <c r="IC14" s="413">
        <v>0</v>
      </c>
      <c r="ID14" s="102">
        <v>674</v>
      </c>
      <c r="IE14" s="102">
        <v>352</v>
      </c>
      <c r="IF14" s="102">
        <v>226</v>
      </c>
      <c r="IG14" s="102">
        <v>251</v>
      </c>
      <c r="IH14" s="102">
        <v>172</v>
      </c>
      <c r="II14" s="103">
        <v>1675</v>
      </c>
      <c r="IJ14" s="104">
        <v>2812</v>
      </c>
      <c r="IK14" s="101">
        <v>1352</v>
      </c>
      <c r="IL14" s="102">
        <v>840</v>
      </c>
      <c r="IM14" s="103">
        <v>2192</v>
      </c>
      <c r="IN14" s="413">
        <v>0</v>
      </c>
      <c r="IO14" s="102">
        <v>1247</v>
      </c>
      <c r="IP14" s="102">
        <v>604</v>
      </c>
      <c r="IQ14" s="102">
        <v>404</v>
      </c>
      <c r="IR14" s="102">
        <v>408</v>
      </c>
      <c r="IS14" s="102">
        <v>331</v>
      </c>
      <c r="IT14" s="103">
        <v>2994</v>
      </c>
      <c r="IU14" s="104">
        <v>5186</v>
      </c>
      <c r="IV14" s="101">
        <v>1429</v>
      </c>
      <c r="IW14" s="102">
        <v>920</v>
      </c>
      <c r="IX14" s="103">
        <v>2349</v>
      </c>
      <c r="IY14" s="413">
        <v>0</v>
      </c>
      <c r="IZ14" s="102">
        <v>1474</v>
      </c>
      <c r="JA14" s="102">
        <v>729</v>
      </c>
      <c r="JB14" s="102">
        <v>575</v>
      </c>
      <c r="JC14" s="102">
        <v>527</v>
      </c>
      <c r="JD14" s="102">
        <v>399</v>
      </c>
      <c r="JE14" s="103">
        <v>3704</v>
      </c>
      <c r="JF14" s="104">
        <v>6053</v>
      </c>
      <c r="JG14" s="101">
        <v>808</v>
      </c>
      <c r="JH14" s="102">
        <v>702</v>
      </c>
      <c r="JI14" s="103">
        <v>1510</v>
      </c>
      <c r="JJ14" s="413">
        <v>0</v>
      </c>
      <c r="JK14" s="102">
        <v>1287</v>
      </c>
      <c r="JL14" s="102">
        <v>883</v>
      </c>
      <c r="JM14" s="102">
        <v>801</v>
      </c>
      <c r="JN14" s="102">
        <v>908</v>
      </c>
      <c r="JO14" s="102">
        <v>559</v>
      </c>
      <c r="JP14" s="103">
        <v>4438</v>
      </c>
      <c r="JQ14" s="104">
        <v>5948</v>
      </c>
      <c r="JR14" s="101">
        <v>78</v>
      </c>
      <c r="JS14" s="102">
        <v>73</v>
      </c>
      <c r="JT14" s="103">
        <v>151</v>
      </c>
      <c r="JU14" s="413">
        <v>0</v>
      </c>
      <c r="JV14" s="102">
        <v>132</v>
      </c>
      <c r="JW14" s="102">
        <v>96</v>
      </c>
      <c r="JX14" s="102">
        <v>67</v>
      </c>
      <c r="JY14" s="102">
        <v>64</v>
      </c>
      <c r="JZ14" s="102">
        <v>59</v>
      </c>
      <c r="KA14" s="103">
        <v>418</v>
      </c>
      <c r="KB14" s="104">
        <v>569</v>
      </c>
      <c r="KC14" s="101">
        <v>4801</v>
      </c>
      <c r="KD14" s="102">
        <v>3289</v>
      </c>
      <c r="KE14" s="103">
        <v>8090</v>
      </c>
      <c r="KF14" s="413">
        <v>0</v>
      </c>
      <c r="KG14" s="102">
        <v>5299</v>
      </c>
      <c r="KH14" s="102">
        <v>2958</v>
      </c>
      <c r="KI14" s="102">
        <v>2245</v>
      </c>
      <c r="KJ14" s="102">
        <v>2323</v>
      </c>
      <c r="KK14" s="102">
        <v>1686</v>
      </c>
      <c r="KL14" s="103">
        <v>14511</v>
      </c>
      <c r="KM14" s="104">
        <v>22601</v>
      </c>
    </row>
    <row r="15" spans="2:299" s="70" customFormat="1" ht="21" customHeight="1" x14ac:dyDescent="0.2">
      <c r="B15" s="106" t="s">
        <v>11</v>
      </c>
      <c r="C15" s="96">
        <v>452</v>
      </c>
      <c r="D15" s="97">
        <v>351</v>
      </c>
      <c r="E15" s="98">
        <v>803</v>
      </c>
      <c r="F15" s="413">
        <v>0</v>
      </c>
      <c r="G15" s="97">
        <v>902</v>
      </c>
      <c r="H15" s="97">
        <v>598</v>
      </c>
      <c r="I15" s="97">
        <v>458</v>
      </c>
      <c r="J15" s="97">
        <v>450</v>
      </c>
      <c r="K15" s="97">
        <v>247</v>
      </c>
      <c r="L15" s="99">
        <v>2655</v>
      </c>
      <c r="M15" s="100">
        <v>3458</v>
      </c>
      <c r="N15" s="101">
        <v>15</v>
      </c>
      <c r="O15" s="102">
        <v>14</v>
      </c>
      <c r="P15" s="103">
        <v>29</v>
      </c>
      <c r="Q15" s="413">
        <v>0</v>
      </c>
      <c r="R15" s="102">
        <v>51</v>
      </c>
      <c r="S15" s="102">
        <v>26</v>
      </c>
      <c r="T15" s="102">
        <v>22</v>
      </c>
      <c r="U15" s="102">
        <v>18</v>
      </c>
      <c r="V15" s="102">
        <v>13</v>
      </c>
      <c r="W15" s="103">
        <v>130</v>
      </c>
      <c r="X15" s="104">
        <v>159</v>
      </c>
      <c r="Y15" s="101">
        <v>44</v>
      </c>
      <c r="Z15" s="102">
        <v>40</v>
      </c>
      <c r="AA15" s="103">
        <v>84</v>
      </c>
      <c r="AB15" s="413">
        <v>0</v>
      </c>
      <c r="AC15" s="102">
        <v>90</v>
      </c>
      <c r="AD15" s="102">
        <v>58</v>
      </c>
      <c r="AE15" s="102">
        <v>50</v>
      </c>
      <c r="AF15" s="102">
        <v>46</v>
      </c>
      <c r="AG15" s="102">
        <v>30</v>
      </c>
      <c r="AH15" s="103">
        <v>274</v>
      </c>
      <c r="AI15" s="104">
        <v>358</v>
      </c>
      <c r="AJ15" s="101">
        <v>58</v>
      </c>
      <c r="AK15" s="102">
        <v>64</v>
      </c>
      <c r="AL15" s="103">
        <v>122</v>
      </c>
      <c r="AM15" s="413">
        <v>0</v>
      </c>
      <c r="AN15" s="102">
        <v>133</v>
      </c>
      <c r="AO15" s="102">
        <v>100</v>
      </c>
      <c r="AP15" s="102">
        <v>78</v>
      </c>
      <c r="AQ15" s="102">
        <v>78</v>
      </c>
      <c r="AR15" s="102">
        <v>34</v>
      </c>
      <c r="AS15" s="103">
        <v>423</v>
      </c>
      <c r="AT15" s="104">
        <v>545</v>
      </c>
      <c r="AU15" s="101">
        <v>115</v>
      </c>
      <c r="AV15" s="102">
        <v>93</v>
      </c>
      <c r="AW15" s="103">
        <v>208</v>
      </c>
      <c r="AX15" s="413">
        <v>0</v>
      </c>
      <c r="AY15" s="102">
        <v>231</v>
      </c>
      <c r="AZ15" s="102">
        <v>146</v>
      </c>
      <c r="BA15" s="102">
        <v>111</v>
      </c>
      <c r="BB15" s="102">
        <v>109</v>
      </c>
      <c r="BC15" s="102">
        <v>65</v>
      </c>
      <c r="BD15" s="103">
        <v>662</v>
      </c>
      <c r="BE15" s="104">
        <v>870</v>
      </c>
      <c r="BF15" s="101">
        <v>138</v>
      </c>
      <c r="BG15" s="102">
        <v>82</v>
      </c>
      <c r="BH15" s="103">
        <v>220</v>
      </c>
      <c r="BI15" s="413">
        <v>0</v>
      </c>
      <c r="BJ15" s="102">
        <v>208</v>
      </c>
      <c r="BK15" s="102">
        <v>142</v>
      </c>
      <c r="BL15" s="102">
        <v>109</v>
      </c>
      <c r="BM15" s="102">
        <v>110</v>
      </c>
      <c r="BN15" s="102">
        <v>54</v>
      </c>
      <c r="BO15" s="103">
        <v>623</v>
      </c>
      <c r="BP15" s="104">
        <v>843</v>
      </c>
      <c r="BQ15" s="101">
        <v>82</v>
      </c>
      <c r="BR15" s="102">
        <v>58</v>
      </c>
      <c r="BS15" s="103">
        <v>140</v>
      </c>
      <c r="BT15" s="413">
        <v>0</v>
      </c>
      <c r="BU15" s="102">
        <v>189</v>
      </c>
      <c r="BV15" s="102">
        <v>126</v>
      </c>
      <c r="BW15" s="102">
        <v>88</v>
      </c>
      <c r="BX15" s="102">
        <v>89</v>
      </c>
      <c r="BY15" s="102">
        <v>51</v>
      </c>
      <c r="BZ15" s="103">
        <v>543</v>
      </c>
      <c r="CA15" s="104">
        <v>683</v>
      </c>
      <c r="CB15" s="101">
        <v>7</v>
      </c>
      <c r="CC15" s="102">
        <v>13</v>
      </c>
      <c r="CD15" s="103">
        <v>20</v>
      </c>
      <c r="CE15" s="413">
        <v>0</v>
      </c>
      <c r="CF15" s="102">
        <v>26</v>
      </c>
      <c r="CG15" s="102">
        <v>14</v>
      </c>
      <c r="CH15" s="102">
        <v>15</v>
      </c>
      <c r="CI15" s="102">
        <v>21</v>
      </c>
      <c r="CJ15" s="102">
        <v>13</v>
      </c>
      <c r="CK15" s="103">
        <v>89</v>
      </c>
      <c r="CL15" s="104">
        <v>109</v>
      </c>
      <c r="CM15" s="101">
        <v>459</v>
      </c>
      <c r="CN15" s="102">
        <v>364</v>
      </c>
      <c r="CO15" s="103">
        <v>823</v>
      </c>
      <c r="CP15" s="413">
        <v>0</v>
      </c>
      <c r="CQ15" s="102">
        <v>928</v>
      </c>
      <c r="CR15" s="102">
        <v>612</v>
      </c>
      <c r="CS15" s="102">
        <v>473</v>
      </c>
      <c r="CT15" s="102">
        <v>471</v>
      </c>
      <c r="CU15" s="102">
        <v>260</v>
      </c>
      <c r="CV15" s="103">
        <v>2744</v>
      </c>
      <c r="CW15" s="104">
        <v>3567</v>
      </c>
      <c r="CX15" s="105">
        <v>950</v>
      </c>
      <c r="CY15" s="97">
        <v>843</v>
      </c>
      <c r="CZ15" s="98">
        <v>1793</v>
      </c>
      <c r="DA15" s="413">
        <v>0</v>
      </c>
      <c r="DB15" s="97">
        <v>1702</v>
      </c>
      <c r="DC15" s="97">
        <v>1094</v>
      </c>
      <c r="DD15" s="97">
        <v>934</v>
      </c>
      <c r="DE15" s="97">
        <v>983</v>
      </c>
      <c r="DF15" s="97">
        <v>591</v>
      </c>
      <c r="DG15" s="99">
        <v>5304</v>
      </c>
      <c r="DH15" s="100">
        <v>7097</v>
      </c>
      <c r="DI15" s="101">
        <v>21</v>
      </c>
      <c r="DJ15" s="102">
        <v>17</v>
      </c>
      <c r="DK15" s="103">
        <v>38</v>
      </c>
      <c r="DL15" s="413">
        <v>0</v>
      </c>
      <c r="DM15" s="102">
        <v>41</v>
      </c>
      <c r="DN15" s="102">
        <v>17</v>
      </c>
      <c r="DO15" s="102">
        <v>15</v>
      </c>
      <c r="DP15" s="102">
        <v>18</v>
      </c>
      <c r="DQ15" s="102">
        <v>20</v>
      </c>
      <c r="DR15" s="103">
        <v>111</v>
      </c>
      <c r="DS15" s="104">
        <v>149</v>
      </c>
      <c r="DT15" s="101">
        <v>57</v>
      </c>
      <c r="DU15" s="102">
        <v>65</v>
      </c>
      <c r="DV15" s="103">
        <v>122</v>
      </c>
      <c r="DW15" s="413">
        <v>0</v>
      </c>
      <c r="DX15" s="102">
        <v>84</v>
      </c>
      <c r="DY15" s="102">
        <v>53</v>
      </c>
      <c r="DZ15" s="102">
        <v>41</v>
      </c>
      <c r="EA15" s="102">
        <v>48</v>
      </c>
      <c r="EB15" s="102">
        <v>25</v>
      </c>
      <c r="EC15" s="103">
        <v>251</v>
      </c>
      <c r="ED15" s="104">
        <v>373</v>
      </c>
      <c r="EE15" s="101">
        <v>142</v>
      </c>
      <c r="EF15" s="102">
        <v>110</v>
      </c>
      <c r="EG15" s="103">
        <v>252</v>
      </c>
      <c r="EH15" s="413">
        <v>0</v>
      </c>
      <c r="EI15" s="102">
        <v>158</v>
      </c>
      <c r="EJ15" s="102">
        <v>107</v>
      </c>
      <c r="EK15" s="102">
        <v>84</v>
      </c>
      <c r="EL15" s="102">
        <v>81</v>
      </c>
      <c r="EM15" s="102">
        <v>58</v>
      </c>
      <c r="EN15" s="103">
        <v>488</v>
      </c>
      <c r="EO15" s="104">
        <v>740</v>
      </c>
      <c r="EP15" s="101">
        <v>267</v>
      </c>
      <c r="EQ15" s="102">
        <v>232</v>
      </c>
      <c r="ER15" s="103">
        <v>499</v>
      </c>
      <c r="ES15" s="413">
        <v>0</v>
      </c>
      <c r="ET15" s="102">
        <v>410</v>
      </c>
      <c r="EU15" s="102">
        <v>239</v>
      </c>
      <c r="EV15" s="102">
        <v>173</v>
      </c>
      <c r="EW15" s="102">
        <v>163</v>
      </c>
      <c r="EX15" s="102">
        <v>107</v>
      </c>
      <c r="EY15" s="103">
        <v>1092</v>
      </c>
      <c r="EZ15" s="104">
        <v>1591</v>
      </c>
      <c r="FA15" s="101">
        <v>289</v>
      </c>
      <c r="FB15" s="102">
        <v>236</v>
      </c>
      <c r="FC15" s="103">
        <v>525</v>
      </c>
      <c r="FD15" s="413">
        <v>0</v>
      </c>
      <c r="FE15" s="102">
        <v>523</v>
      </c>
      <c r="FF15" s="102">
        <v>310</v>
      </c>
      <c r="FG15" s="102">
        <v>232</v>
      </c>
      <c r="FH15" s="102">
        <v>211</v>
      </c>
      <c r="FI15" s="102">
        <v>145</v>
      </c>
      <c r="FJ15" s="103">
        <v>1421</v>
      </c>
      <c r="FK15" s="104">
        <v>1946</v>
      </c>
      <c r="FL15" s="101">
        <v>174</v>
      </c>
      <c r="FM15" s="102">
        <v>183</v>
      </c>
      <c r="FN15" s="103">
        <v>357</v>
      </c>
      <c r="FO15" s="413">
        <v>0</v>
      </c>
      <c r="FP15" s="102">
        <v>486</v>
      </c>
      <c r="FQ15" s="102">
        <v>368</v>
      </c>
      <c r="FR15" s="102">
        <v>389</v>
      </c>
      <c r="FS15" s="102">
        <v>462</v>
      </c>
      <c r="FT15" s="102">
        <v>236</v>
      </c>
      <c r="FU15" s="103">
        <v>1941</v>
      </c>
      <c r="FV15" s="104">
        <v>2298</v>
      </c>
      <c r="FW15" s="101">
        <v>14</v>
      </c>
      <c r="FX15" s="102">
        <v>9</v>
      </c>
      <c r="FY15" s="103">
        <v>23</v>
      </c>
      <c r="FZ15" s="413">
        <v>0</v>
      </c>
      <c r="GA15" s="102">
        <v>26</v>
      </c>
      <c r="GB15" s="102">
        <v>16</v>
      </c>
      <c r="GC15" s="102">
        <v>22</v>
      </c>
      <c r="GD15" s="102">
        <v>8</v>
      </c>
      <c r="GE15" s="102">
        <v>9</v>
      </c>
      <c r="GF15" s="103">
        <v>81</v>
      </c>
      <c r="GG15" s="104">
        <v>104</v>
      </c>
      <c r="GH15" s="101">
        <v>964</v>
      </c>
      <c r="GI15" s="102">
        <v>852</v>
      </c>
      <c r="GJ15" s="103">
        <v>1816</v>
      </c>
      <c r="GK15" s="413">
        <v>0</v>
      </c>
      <c r="GL15" s="102">
        <v>1728</v>
      </c>
      <c r="GM15" s="102">
        <v>1110</v>
      </c>
      <c r="GN15" s="102">
        <v>956</v>
      </c>
      <c r="GO15" s="102">
        <v>991</v>
      </c>
      <c r="GP15" s="102">
        <v>600</v>
      </c>
      <c r="GQ15" s="103">
        <v>5385</v>
      </c>
      <c r="GR15" s="104">
        <v>7201</v>
      </c>
      <c r="GS15" s="105">
        <v>1402</v>
      </c>
      <c r="GT15" s="97">
        <v>1194</v>
      </c>
      <c r="GU15" s="98">
        <v>2596</v>
      </c>
      <c r="GV15" s="413">
        <v>0</v>
      </c>
      <c r="GW15" s="97">
        <v>2604</v>
      </c>
      <c r="GX15" s="97">
        <v>1692</v>
      </c>
      <c r="GY15" s="97">
        <v>1392</v>
      </c>
      <c r="GZ15" s="97">
        <v>1433</v>
      </c>
      <c r="HA15" s="97">
        <v>838</v>
      </c>
      <c r="HB15" s="99">
        <v>7959</v>
      </c>
      <c r="HC15" s="100">
        <v>10555</v>
      </c>
      <c r="HD15" s="101">
        <v>36</v>
      </c>
      <c r="HE15" s="102">
        <v>31</v>
      </c>
      <c r="HF15" s="103">
        <v>67</v>
      </c>
      <c r="HG15" s="416">
        <v>0</v>
      </c>
      <c r="HH15" s="102">
        <v>92</v>
      </c>
      <c r="HI15" s="102">
        <v>43</v>
      </c>
      <c r="HJ15" s="102">
        <v>37</v>
      </c>
      <c r="HK15" s="102">
        <v>36</v>
      </c>
      <c r="HL15" s="102">
        <v>33</v>
      </c>
      <c r="HM15" s="103">
        <v>241</v>
      </c>
      <c r="HN15" s="104">
        <v>308</v>
      </c>
      <c r="HO15" s="101">
        <v>101</v>
      </c>
      <c r="HP15" s="102">
        <v>105</v>
      </c>
      <c r="HQ15" s="103">
        <v>206</v>
      </c>
      <c r="HR15" s="413">
        <v>0</v>
      </c>
      <c r="HS15" s="102">
        <v>174</v>
      </c>
      <c r="HT15" s="102">
        <v>111</v>
      </c>
      <c r="HU15" s="102">
        <v>91</v>
      </c>
      <c r="HV15" s="102">
        <v>94</v>
      </c>
      <c r="HW15" s="102">
        <v>55</v>
      </c>
      <c r="HX15" s="103">
        <v>525</v>
      </c>
      <c r="HY15" s="104">
        <v>731</v>
      </c>
      <c r="HZ15" s="101">
        <v>200</v>
      </c>
      <c r="IA15" s="102">
        <v>174</v>
      </c>
      <c r="IB15" s="103">
        <v>374</v>
      </c>
      <c r="IC15" s="413">
        <v>0</v>
      </c>
      <c r="ID15" s="102">
        <v>291</v>
      </c>
      <c r="IE15" s="102">
        <v>207</v>
      </c>
      <c r="IF15" s="102">
        <v>162</v>
      </c>
      <c r="IG15" s="102">
        <v>159</v>
      </c>
      <c r="IH15" s="102">
        <v>92</v>
      </c>
      <c r="II15" s="103">
        <v>911</v>
      </c>
      <c r="IJ15" s="104">
        <v>1285</v>
      </c>
      <c r="IK15" s="101">
        <v>382</v>
      </c>
      <c r="IL15" s="102">
        <v>325</v>
      </c>
      <c r="IM15" s="103">
        <v>707</v>
      </c>
      <c r="IN15" s="413">
        <v>0</v>
      </c>
      <c r="IO15" s="102">
        <v>641</v>
      </c>
      <c r="IP15" s="102">
        <v>385</v>
      </c>
      <c r="IQ15" s="102">
        <v>284</v>
      </c>
      <c r="IR15" s="102">
        <v>272</v>
      </c>
      <c r="IS15" s="102">
        <v>172</v>
      </c>
      <c r="IT15" s="103">
        <v>1754</v>
      </c>
      <c r="IU15" s="104">
        <v>2461</v>
      </c>
      <c r="IV15" s="101">
        <v>427</v>
      </c>
      <c r="IW15" s="102">
        <v>318</v>
      </c>
      <c r="IX15" s="103">
        <v>745</v>
      </c>
      <c r="IY15" s="413">
        <v>0</v>
      </c>
      <c r="IZ15" s="102">
        <v>731</v>
      </c>
      <c r="JA15" s="102">
        <v>452</v>
      </c>
      <c r="JB15" s="102">
        <v>341</v>
      </c>
      <c r="JC15" s="102">
        <v>321</v>
      </c>
      <c r="JD15" s="102">
        <v>199</v>
      </c>
      <c r="JE15" s="103">
        <v>2044</v>
      </c>
      <c r="JF15" s="104">
        <v>2789</v>
      </c>
      <c r="JG15" s="101">
        <v>256</v>
      </c>
      <c r="JH15" s="102">
        <v>241</v>
      </c>
      <c r="JI15" s="103">
        <v>497</v>
      </c>
      <c r="JJ15" s="413">
        <v>0</v>
      </c>
      <c r="JK15" s="102">
        <v>675</v>
      </c>
      <c r="JL15" s="102">
        <v>494</v>
      </c>
      <c r="JM15" s="102">
        <v>477</v>
      </c>
      <c r="JN15" s="102">
        <v>551</v>
      </c>
      <c r="JO15" s="102">
        <v>287</v>
      </c>
      <c r="JP15" s="103">
        <v>2484</v>
      </c>
      <c r="JQ15" s="104">
        <v>2981</v>
      </c>
      <c r="JR15" s="101">
        <v>21</v>
      </c>
      <c r="JS15" s="102">
        <v>22</v>
      </c>
      <c r="JT15" s="103">
        <v>43</v>
      </c>
      <c r="JU15" s="413">
        <v>0</v>
      </c>
      <c r="JV15" s="102">
        <v>52</v>
      </c>
      <c r="JW15" s="102">
        <v>30</v>
      </c>
      <c r="JX15" s="102">
        <v>37</v>
      </c>
      <c r="JY15" s="102">
        <v>29</v>
      </c>
      <c r="JZ15" s="102">
        <v>22</v>
      </c>
      <c r="KA15" s="103">
        <v>170</v>
      </c>
      <c r="KB15" s="104">
        <v>213</v>
      </c>
      <c r="KC15" s="101">
        <v>1423</v>
      </c>
      <c r="KD15" s="102">
        <v>1216</v>
      </c>
      <c r="KE15" s="103">
        <v>2639</v>
      </c>
      <c r="KF15" s="413">
        <v>0</v>
      </c>
      <c r="KG15" s="102">
        <v>2656</v>
      </c>
      <c r="KH15" s="102">
        <v>1722</v>
      </c>
      <c r="KI15" s="102">
        <v>1429</v>
      </c>
      <c r="KJ15" s="102">
        <v>1462</v>
      </c>
      <c r="KK15" s="102">
        <v>860</v>
      </c>
      <c r="KL15" s="103">
        <v>8129</v>
      </c>
      <c r="KM15" s="104">
        <v>10768</v>
      </c>
    </row>
    <row r="16" spans="2:299" s="70" customFormat="1" ht="21" customHeight="1" x14ac:dyDescent="0.2">
      <c r="B16" s="106" t="s">
        <v>12</v>
      </c>
      <c r="C16" s="96">
        <v>700</v>
      </c>
      <c r="D16" s="97">
        <v>664</v>
      </c>
      <c r="E16" s="98">
        <v>1364</v>
      </c>
      <c r="F16" s="413">
        <v>0</v>
      </c>
      <c r="G16" s="97">
        <v>708</v>
      </c>
      <c r="H16" s="97">
        <v>709</v>
      </c>
      <c r="I16" s="97">
        <v>469</v>
      </c>
      <c r="J16" s="97">
        <v>455</v>
      </c>
      <c r="K16" s="97">
        <v>210</v>
      </c>
      <c r="L16" s="99">
        <v>2551</v>
      </c>
      <c r="M16" s="100">
        <v>3915</v>
      </c>
      <c r="N16" s="107">
        <v>24</v>
      </c>
      <c r="O16" s="102">
        <v>21</v>
      </c>
      <c r="P16" s="103">
        <v>45</v>
      </c>
      <c r="Q16" s="413">
        <v>0</v>
      </c>
      <c r="R16" s="102">
        <v>16</v>
      </c>
      <c r="S16" s="102">
        <v>30</v>
      </c>
      <c r="T16" s="102">
        <v>16</v>
      </c>
      <c r="U16" s="102">
        <v>17</v>
      </c>
      <c r="V16" s="102">
        <v>7</v>
      </c>
      <c r="W16" s="103">
        <v>86</v>
      </c>
      <c r="X16" s="104">
        <v>131</v>
      </c>
      <c r="Y16" s="101">
        <v>62</v>
      </c>
      <c r="Z16" s="102">
        <v>61</v>
      </c>
      <c r="AA16" s="103">
        <v>123</v>
      </c>
      <c r="AB16" s="413">
        <v>0</v>
      </c>
      <c r="AC16" s="102">
        <v>41</v>
      </c>
      <c r="AD16" s="102">
        <v>58</v>
      </c>
      <c r="AE16" s="102">
        <v>38</v>
      </c>
      <c r="AF16" s="102">
        <v>49</v>
      </c>
      <c r="AG16" s="102">
        <v>17</v>
      </c>
      <c r="AH16" s="103">
        <v>203</v>
      </c>
      <c r="AI16" s="104">
        <v>326</v>
      </c>
      <c r="AJ16" s="107">
        <v>92</v>
      </c>
      <c r="AK16" s="102">
        <v>102</v>
      </c>
      <c r="AL16" s="103">
        <v>194</v>
      </c>
      <c r="AM16" s="413">
        <v>0</v>
      </c>
      <c r="AN16" s="102">
        <v>97</v>
      </c>
      <c r="AO16" s="102">
        <v>101</v>
      </c>
      <c r="AP16" s="102">
        <v>62</v>
      </c>
      <c r="AQ16" s="102">
        <v>68</v>
      </c>
      <c r="AR16" s="102">
        <v>38</v>
      </c>
      <c r="AS16" s="103">
        <v>366</v>
      </c>
      <c r="AT16" s="104">
        <v>560</v>
      </c>
      <c r="AU16" s="101">
        <v>180</v>
      </c>
      <c r="AV16" s="102">
        <v>169</v>
      </c>
      <c r="AW16" s="103">
        <v>349</v>
      </c>
      <c r="AX16" s="413">
        <v>0</v>
      </c>
      <c r="AY16" s="102">
        <v>176</v>
      </c>
      <c r="AZ16" s="102">
        <v>182</v>
      </c>
      <c r="BA16" s="102">
        <v>119</v>
      </c>
      <c r="BB16" s="102">
        <v>94</v>
      </c>
      <c r="BC16" s="102">
        <v>54</v>
      </c>
      <c r="BD16" s="103">
        <v>625</v>
      </c>
      <c r="BE16" s="104">
        <v>974</v>
      </c>
      <c r="BF16" s="107">
        <v>215</v>
      </c>
      <c r="BG16" s="102">
        <v>175</v>
      </c>
      <c r="BH16" s="103">
        <v>390</v>
      </c>
      <c r="BI16" s="413">
        <v>0</v>
      </c>
      <c r="BJ16" s="102">
        <v>211</v>
      </c>
      <c r="BK16" s="102">
        <v>185</v>
      </c>
      <c r="BL16" s="102">
        <v>125</v>
      </c>
      <c r="BM16" s="102">
        <v>121</v>
      </c>
      <c r="BN16" s="102">
        <v>53</v>
      </c>
      <c r="BO16" s="103">
        <v>695</v>
      </c>
      <c r="BP16" s="104">
        <v>1085</v>
      </c>
      <c r="BQ16" s="101">
        <v>127</v>
      </c>
      <c r="BR16" s="102">
        <v>136</v>
      </c>
      <c r="BS16" s="103">
        <v>263</v>
      </c>
      <c r="BT16" s="413">
        <v>0</v>
      </c>
      <c r="BU16" s="102">
        <v>167</v>
      </c>
      <c r="BV16" s="102">
        <v>153</v>
      </c>
      <c r="BW16" s="102">
        <v>109</v>
      </c>
      <c r="BX16" s="102">
        <v>106</v>
      </c>
      <c r="BY16" s="102">
        <v>41</v>
      </c>
      <c r="BZ16" s="103">
        <v>576</v>
      </c>
      <c r="CA16" s="104">
        <v>839</v>
      </c>
      <c r="CB16" s="101">
        <v>17</v>
      </c>
      <c r="CC16" s="102">
        <v>35</v>
      </c>
      <c r="CD16" s="103">
        <v>52</v>
      </c>
      <c r="CE16" s="413">
        <v>0</v>
      </c>
      <c r="CF16" s="102">
        <v>12</v>
      </c>
      <c r="CG16" s="102">
        <v>33</v>
      </c>
      <c r="CH16" s="102">
        <v>18</v>
      </c>
      <c r="CI16" s="102">
        <v>17</v>
      </c>
      <c r="CJ16" s="102">
        <v>17</v>
      </c>
      <c r="CK16" s="103">
        <v>97</v>
      </c>
      <c r="CL16" s="104">
        <v>149</v>
      </c>
      <c r="CM16" s="101">
        <v>717</v>
      </c>
      <c r="CN16" s="102">
        <v>699</v>
      </c>
      <c r="CO16" s="103">
        <v>1416</v>
      </c>
      <c r="CP16" s="413">
        <v>0</v>
      </c>
      <c r="CQ16" s="102">
        <v>720</v>
      </c>
      <c r="CR16" s="102">
        <v>742</v>
      </c>
      <c r="CS16" s="102">
        <v>487</v>
      </c>
      <c r="CT16" s="102">
        <v>472</v>
      </c>
      <c r="CU16" s="102">
        <v>227</v>
      </c>
      <c r="CV16" s="103">
        <v>2648</v>
      </c>
      <c r="CW16" s="104">
        <v>4064</v>
      </c>
      <c r="CX16" s="105">
        <v>1380</v>
      </c>
      <c r="CY16" s="97">
        <v>1497</v>
      </c>
      <c r="CZ16" s="98">
        <v>2877</v>
      </c>
      <c r="DA16" s="413">
        <v>0</v>
      </c>
      <c r="DB16" s="97">
        <v>1552</v>
      </c>
      <c r="DC16" s="97">
        <v>1132</v>
      </c>
      <c r="DD16" s="97">
        <v>1006</v>
      </c>
      <c r="DE16" s="97">
        <v>1067</v>
      </c>
      <c r="DF16" s="97">
        <v>666</v>
      </c>
      <c r="DG16" s="99">
        <v>5423</v>
      </c>
      <c r="DH16" s="100">
        <v>8300</v>
      </c>
      <c r="DI16" s="107">
        <v>22</v>
      </c>
      <c r="DJ16" s="102">
        <v>31</v>
      </c>
      <c r="DK16" s="103">
        <v>53</v>
      </c>
      <c r="DL16" s="413">
        <v>0</v>
      </c>
      <c r="DM16" s="102">
        <v>22</v>
      </c>
      <c r="DN16" s="102">
        <v>19</v>
      </c>
      <c r="DO16" s="102">
        <v>20</v>
      </c>
      <c r="DP16" s="102">
        <v>13</v>
      </c>
      <c r="DQ16" s="102">
        <v>12</v>
      </c>
      <c r="DR16" s="103">
        <v>86</v>
      </c>
      <c r="DS16" s="104">
        <v>139</v>
      </c>
      <c r="DT16" s="101">
        <v>81</v>
      </c>
      <c r="DU16" s="102">
        <v>90</v>
      </c>
      <c r="DV16" s="103">
        <v>171</v>
      </c>
      <c r="DW16" s="413">
        <v>0</v>
      </c>
      <c r="DX16" s="102">
        <v>46</v>
      </c>
      <c r="DY16" s="102">
        <v>41</v>
      </c>
      <c r="DZ16" s="102">
        <v>40</v>
      </c>
      <c r="EA16" s="102">
        <v>45</v>
      </c>
      <c r="EB16" s="102">
        <v>31</v>
      </c>
      <c r="EC16" s="103">
        <v>203</v>
      </c>
      <c r="ED16" s="104">
        <v>374</v>
      </c>
      <c r="EE16" s="107">
        <v>190</v>
      </c>
      <c r="EF16" s="102">
        <v>218</v>
      </c>
      <c r="EG16" s="103">
        <v>408</v>
      </c>
      <c r="EH16" s="413">
        <v>0</v>
      </c>
      <c r="EI16" s="102">
        <v>150</v>
      </c>
      <c r="EJ16" s="102">
        <v>99</v>
      </c>
      <c r="EK16" s="102">
        <v>83</v>
      </c>
      <c r="EL16" s="102">
        <v>99</v>
      </c>
      <c r="EM16" s="102">
        <v>72</v>
      </c>
      <c r="EN16" s="103">
        <v>503</v>
      </c>
      <c r="EO16" s="104">
        <v>911</v>
      </c>
      <c r="EP16" s="101">
        <v>419</v>
      </c>
      <c r="EQ16" s="102">
        <v>414</v>
      </c>
      <c r="ER16" s="103">
        <v>833</v>
      </c>
      <c r="ES16" s="413">
        <v>0</v>
      </c>
      <c r="ET16" s="102">
        <v>362</v>
      </c>
      <c r="EU16" s="102">
        <v>240</v>
      </c>
      <c r="EV16" s="102">
        <v>177</v>
      </c>
      <c r="EW16" s="102">
        <v>174</v>
      </c>
      <c r="EX16" s="102">
        <v>122</v>
      </c>
      <c r="EY16" s="103">
        <v>1075</v>
      </c>
      <c r="EZ16" s="104">
        <v>1908</v>
      </c>
      <c r="FA16" s="107">
        <v>421</v>
      </c>
      <c r="FB16" s="102">
        <v>411</v>
      </c>
      <c r="FC16" s="103">
        <v>832</v>
      </c>
      <c r="FD16" s="413">
        <v>0</v>
      </c>
      <c r="FE16" s="102">
        <v>504</v>
      </c>
      <c r="FF16" s="102">
        <v>328</v>
      </c>
      <c r="FG16" s="102">
        <v>274</v>
      </c>
      <c r="FH16" s="102">
        <v>262</v>
      </c>
      <c r="FI16" s="102">
        <v>160</v>
      </c>
      <c r="FJ16" s="103">
        <v>1528</v>
      </c>
      <c r="FK16" s="104">
        <v>2360</v>
      </c>
      <c r="FL16" s="101">
        <v>247</v>
      </c>
      <c r="FM16" s="102">
        <v>333</v>
      </c>
      <c r="FN16" s="103">
        <v>580</v>
      </c>
      <c r="FO16" s="413">
        <v>0</v>
      </c>
      <c r="FP16" s="102">
        <v>468</v>
      </c>
      <c r="FQ16" s="102">
        <v>405</v>
      </c>
      <c r="FR16" s="102">
        <v>412</v>
      </c>
      <c r="FS16" s="102">
        <v>474</v>
      </c>
      <c r="FT16" s="102">
        <v>269</v>
      </c>
      <c r="FU16" s="103">
        <v>2028</v>
      </c>
      <c r="FV16" s="104">
        <v>2608</v>
      </c>
      <c r="FW16" s="101">
        <v>11</v>
      </c>
      <c r="FX16" s="102">
        <v>28</v>
      </c>
      <c r="FY16" s="103">
        <v>39</v>
      </c>
      <c r="FZ16" s="413">
        <v>0</v>
      </c>
      <c r="GA16" s="102">
        <v>16</v>
      </c>
      <c r="GB16" s="102">
        <v>18</v>
      </c>
      <c r="GC16" s="102">
        <v>16</v>
      </c>
      <c r="GD16" s="102">
        <v>13</v>
      </c>
      <c r="GE16" s="102">
        <v>10</v>
      </c>
      <c r="GF16" s="103">
        <v>73</v>
      </c>
      <c r="GG16" s="104">
        <v>112</v>
      </c>
      <c r="GH16" s="101">
        <v>1391</v>
      </c>
      <c r="GI16" s="102">
        <v>1525</v>
      </c>
      <c r="GJ16" s="103">
        <v>2916</v>
      </c>
      <c r="GK16" s="413">
        <v>0</v>
      </c>
      <c r="GL16" s="102">
        <v>1568</v>
      </c>
      <c r="GM16" s="102">
        <v>1150</v>
      </c>
      <c r="GN16" s="102">
        <v>1022</v>
      </c>
      <c r="GO16" s="102">
        <v>1080</v>
      </c>
      <c r="GP16" s="102">
        <v>676</v>
      </c>
      <c r="GQ16" s="103">
        <v>5496</v>
      </c>
      <c r="GR16" s="104">
        <v>8412</v>
      </c>
      <c r="GS16" s="105">
        <v>2080</v>
      </c>
      <c r="GT16" s="97">
        <v>2161</v>
      </c>
      <c r="GU16" s="98">
        <v>4241</v>
      </c>
      <c r="GV16" s="413">
        <v>0</v>
      </c>
      <c r="GW16" s="97">
        <v>2260</v>
      </c>
      <c r="GX16" s="97">
        <v>1841</v>
      </c>
      <c r="GY16" s="97">
        <v>1475</v>
      </c>
      <c r="GZ16" s="97">
        <v>1522</v>
      </c>
      <c r="HA16" s="97">
        <v>876</v>
      </c>
      <c r="HB16" s="99">
        <v>7974</v>
      </c>
      <c r="HC16" s="100">
        <v>12215</v>
      </c>
      <c r="HD16" s="107">
        <v>46</v>
      </c>
      <c r="HE16" s="102">
        <v>52</v>
      </c>
      <c r="HF16" s="103">
        <v>98</v>
      </c>
      <c r="HG16" s="416">
        <v>0</v>
      </c>
      <c r="HH16" s="102">
        <v>38</v>
      </c>
      <c r="HI16" s="102">
        <v>49</v>
      </c>
      <c r="HJ16" s="102">
        <v>36</v>
      </c>
      <c r="HK16" s="102">
        <v>30</v>
      </c>
      <c r="HL16" s="102">
        <v>19</v>
      </c>
      <c r="HM16" s="103">
        <v>172</v>
      </c>
      <c r="HN16" s="104">
        <v>270</v>
      </c>
      <c r="HO16" s="101">
        <v>143</v>
      </c>
      <c r="HP16" s="102">
        <v>151</v>
      </c>
      <c r="HQ16" s="103">
        <v>294</v>
      </c>
      <c r="HR16" s="413">
        <v>0</v>
      </c>
      <c r="HS16" s="102">
        <v>87</v>
      </c>
      <c r="HT16" s="102">
        <v>99</v>
      </c>
      <c r="HU16" s="102">
        <v>78</v>
      </c>
      <c r="HV16" s="102">
        <v>94</v>
      </c>
      <c r="HW16" s="102">
        <v>48</v>
      </c>
      <c r="HX16" s="103">
        <v>406</v>
      </c>
      <c r="HY16" s="104">
        <v>700</v>
      </c>
      <c r="HZ16" s="107">
        <v>282</v>
      </c>
      <c r="IA16" s="102">
        <v>320</v>
      </c>
      <c r="IB16" s="103">
        <v>602</v>
      </c>
      <c r="IC16" s="413">
        <v>0</v>
      </c>
      <c r="ID16" s="102">
        <v>247</v>
      </c>
      <c r="IE16" s="102">
        <v>200</v>
      </c>
      <c r="IF16" s="102">
        <v>145</v>
      </c>
      <c r="IG16" s="102">
        <v>167</v>
      </c>
      <c r="IH16" s="102">
        <v>110</v>
      </c>
      <c r="II16" s="103">
        <v>869</v>
      </c>
      <c r="IJ16" s="104">
        <v>1471</v>
      </c>
      <c r="IK16" s="101">
        <v>599</v>
      </c>
      <c r="IL16" s="102">
        <v>583</v>
      </c>
      <c r="IM16" s="103">
        <v>1182</v>
      </c>
      <c r="IN16" s="413">
        <v>0</v>
      </c>
      <c r="IO16" s="102">
        <v>538</v>
      </c>
      <c r="IP16" s="102">
        <v>422</v>
      </c>
      <c r="IQ16" s="102">
        <v>296</v>
      </c>
      <c r="IR16" s="102">
        <v>268</v>
      </c>
      <c r="IS16" s="102">
        <v>176</v>
      </c>
      <c r="IT16" s="103">
        <v>1700</v>
      </c>
      <c r="IU16" s="104">
        <v>2882</v>
      </c>
      <c r="IV16" s="107">
        <v>636</v>
      </c>
      <c r="IW16" s="102">
        <v>586</v>
      </c>
      <c r="IX16" s="103">
        <v>1222</v>
      </c>
      <c r="IY16" s="413">
        <v>0</v>
      </c>
      <c r="IZ16" s="102">
        <v>715</v>
      </c>
      <c r="JA16" s="102">
        <v>513</v>
      </c>
      <c r="JB16" s="102">
        <v>399</v>
      </c>
      <c r="JC16" s="102">
        <v>383</v>
      </c>
      <c r="JD16" s="102">
        <v>213</v>
      </c>
      <c r="JE16" s="103">
        <v>2223</v>
      </c>
      <c r="JF16" s="104">
        <v>3445</v>
      </c>
      <c r="JG16" s="101">
        <v>374</v>
      </c>
      <c r="JH16" s="102">
        <v>469</v>
      </c>
      <c r="JI16" s="103">
        <v>843</v>
      </c>
      <c r="JJ16" s="413">
        <v>0</v>
      </c>
      <c r="JK16" s="102">
        <v>635</v>
      </c>
      <c r="JL16" s="102">
        <v>558</v>
      </c>
      <c r="JM16" s="102">
        <v>521</v>
      </c>
      <c r="JN16" s="102">
        <v>580</v>
      </c>
      <c r="JO16" s="102">
        <v>310</v>
      </c>
      <c r="JP16" s="103">
        <v>2604</v>
      </c>
      <c r="JQ16" s="104">
        <v>3447</v>
      </c>
      <c r="JR16" s="101">
        <v>28</v>
      </c>
      <c r="JS16" s="102">
        <v>63</v>
      </c>
      <c r="JT16" s="103">
        <v>91</v>
      </c>
      <c r="JU16" s="413">
        <v>0</v>
      </c>
      <c r="JV16" s="102">
        <v>28</v>
      </c>
      <c r="JW16" s="102">
        <v>51</v>
      </c>
      <c r="JX16" s="102">
        <v>34</v>
      </c>
      <c r="JY16" s="102">
        <v>30</v>
      </c>
      <c r="JZ16" s="102">
        <v>27</v>
      </c>
      <c r="KA16" s="103">
        <v>170</v>
      </c>
      <c r="KB16" s="104">
        <v>261</v>
      </c>
      <c r="KC16" s="101">
        <v>2108</v>
      </c>
      <c r="KD16" s="102">
        <v>2224</v>
      </c>
      <c r="KE16" s="103">
        <v>4332</v>
      </c>
      <c r="KF16" s="413">
        <v>0</v>
      </c>
      <c r="KG16" s="102">
        <v>2288</v>
      </c>
      <c r="KH16" s="102">
        <v>1892</v>
      </c>
      <c r="KI16" s="102">
        <v>1509</v>
      </c>
      <c r="KJ16" s="102">
        <v>1552</v>
      </c>
      <c r="KK16" s="102">
        <v>903</v>
      </c>
      <c r="KL16" s="103">
        <v>8144</v>
      </c>
      <c r="KM16" s="104">
        <v>12476</v>
      </c>
    </row>
    <row r="17" spans="2:299" s="70" customFormat="1" ht="21" customHeight="1" x14ac:dyDescent="0.2">
      <c r="B17" s="106" t="s">
        <v>13</v>
      </c>
      <c r="C17" s="96">
        <v>161</v>
      </c>
      <c r="D17" s="97">
        <v>171</v>
      </c>
      <c r="E17" s="98">
        <v>332</v>
      </c>
      <c r="F17" s="413">
        <v>0</v>
      </c>
      <c r="G17" s="97">
        <v>314</v>
      </c>
      <c r="H17" s="97">
        <v>279</v>
      </c>
      <c r="I17" s="97">
        <v>194</v>
      </c>
      <c r="J17" s="97">
        <v>137</v>
      </c>
      <c r="K17" s="97">
        <v>98</v>
      </c>
      <c r="L17" s="99">
        <v>1022</v>
      </c>
      <c r="M17" s="100">
        <v>1354</v>
      </c>
      <c r="N17" s="101">
        <v>4</v>
      </c>
      <c r="O17" s="102">
        <v>4</v>
      </c>
      <c r="P17" s="103">
        <v>8</v>
      </c>
      <c r="Q17" s="413">
        <v>0</v>
      </c>
      <c r="R17" s="102">
        <v>12</v>
      </c>
      <c r="S17" s="102">
        <v>6</v>
      </c>
      <c r="T17" s="102">
        <v>4</v>
      </c>
      <c r="U17" s="102">
        <v>8</v>
      </c>
      <c r="V17" s="102">
        <v>6</v>
      </c>
      <c r="W17" s="103">
        <v>36</v>
      </c>
      <c r="X17" s="104">
        <v>44</v>
      </c>
      <c r="Y17" s="101">
        <v>11</v>
      </c>
      <c r="Z17" s="102">
        <v>13</v>
      </c>
      <c r="AA17" s="103">
        <v>24</v>
      </c>
      <c r="AB17" s="413">
        <v>0</v>
      </c>
      <c r="AC17" s="102">
        <v>19</v>
      </c>
      <c r="AD17" s="102">
        <v>17</v>
      </c>
      <c r="AE17" s="102">
        <v>18</v>
      </c>
      <c r="AF17" s="102">
        <v>14</v>
      </c>
      <c r="AG17" s="102">
        <v>9</v>
      </c>
      <c r="AH17" s="103">
        <v>77</v>
      </c>
      <c r="AI17" s="104">
        <v>101</v>
      </c>
      <c r="AJ17" s="101">
        <v>20</v>
      </c>
      <c r="AK17" s="102">
        <v>18</v>
      </c>
      <c r="AL17" s="103">
        <v>38</v>
      </c>
      <c r="AM17" s="413">
        <v>0</v>
      </c>
      <c r="AN17" s="102">
        <v>42</v>
      </c>
      <c r="AO17" s="102">
        <v>40</v>
      </c>
      <c r="AP17" s="102">
        <v>19</v>
      </c>
      <c r="AQ17" s="102">
        <v>16</v>
      </c>
      <c r="AR17" s="102">
        <v>15</v>
      </c>
      <c r="AS17" s="103">
        <v>132</v>
      </c>
      <c r="AT17" s="104">
        <v>170</v>
      </c>
      <c r="AU17" s="101">
        <v>39</v>
      </c>
      <c r="AV17" s="102">
        <v>37</v>
      </c>
      <c r="AW17" s="103">
        <v>76</v>
      </c>
      <c r="AX17" s="413">
        <v>0</v>
      </c>
      <c r="AY17" s="102">
        <v>80</v>
      </c>
      <c r="AZ17" s="102">
        <v>50</v>
      </c>
      <c r="BA17" s="102">
        <v>45</v>
      </c>
      <c r="BB17" s="102">
        <v>32</v>
      </c>
      <c r="BC17" s="102">
        <v>17</v>
      </c>
      <c r="BD17" s="103">
        <v>224</v>
      </c>
      <c r="BE17" s="104">
        <v>300</v>
      </c>
      <c r="BF17" s="101">
        <v>52</v>
      </c>
      <c r="BG17" s="102">
        <v>62</v>
      </c>
      <c r="BH17" s="103">
        <v>114</v>
      </c>
      <c r="BI17" s="413">
        <v>0</v>
      </c>
      <c r="BJ17" s="102">
        <v>90</v>
      </c>
      <c r="BK17" s="102">
        <v>92</v>
      </c>
      <c r="BL17" s="102">
        <v>55</v>
      </c>
      <c r="BM17" s="102">
        <v>33</v>
      </c>
      <c r="BN17" s="102">
        <v>20</v>
      </c>
      <c r="BO17" s="103">
        <v>290</v>
      </c>
      <c r="BP17" s="104">
        <v>404</v>
      </c>
      <c r="BQ17" s="101">
        <v>35</v>
      </c>
      <c r="BR17" s="102">
        <v>37</v>
      </c>
      <c r="BS17" s="103">
        <v>72</v>
      </c>
      <c r="BT17" s="413">
        <v>0</v>
      </c>
      <c r="BU17" s="102">
        <v>71</v>
      </c>
      <c r="BV17" s="102">
        <v>74</v>
      </c>
      <c r="BW17" s="102">
        <v>53</v>
      </c>
      <c r="BX17" s="102">
        <v>34</v>
      </c>
      <c r="BY17" s="102">
        <v>31</v>
      </c>
      <c r="BZ17" s="103">
        <v>263</v>
      </c>
      <c r="CA17" s="104">
        <v>335</v>
      </c>
      <c r="CB17" s="101">
        <v>5</v>
      </c>
      <c r="CC17" s="102">
        <v>3</v>
      </c>
      <c r="CD17" s="103">
        <v>8</v>
      </c>
      <c r="CE17" s="413">
        <v>0</v>
      </c>
      <c r="CF17" s="102">
        <v>8</v>
      </c>
      <c r="CG17" s="102">
        <v>11</v>
      </c>
      <c r="CH17" s="102">
        <v>6</v>
      </c>
      <c r="CI17" s="102">
        <v>1</v>
      </c>
      <c r="CJ17" s="102">
        <v>6</v>
      </c>
      <c r="CK17" s="103">
        <v>32</v>
      </c>
      <c r="CL17" s="104">
        <v>40</v>
      </c>
      <c r="CM17" s="101">
        <v>166</v>
      </c>
      <c r="CN17" s="102">
        <v>174</v>
      </c>
      <c r="CO17" s="103">
        <v>340</v>
      </c>
      <c r="CP17" s="413">
        <v>0</v>
      </c>
      <c r="CQ17" s="102">
        <v>322</v>
      </c>
      <c r="CR17" s="102">
        <v>290</v>
      </c>
      <c r="CS17" s="102">
        <v>200</v>
      </c>
      <c r="CT17" s="102">
        <v>138</v>
      </c>
      <c r="CU17" s="102">
        <v>104</v>
      </c>
      <c r="CV17" s="103">
        <v>1054</v>
      </c>
      <c r="CW17" s="104">
        <v>1394</v>
      </c>
      <c r="CX17" s="105">
        <v>397</v>
      </c>
      <c r="CY17" s="97">
        <v>404</v>
      </c>
      <c r="CZ17" s="98">
        <v>801</v>
      </c>
      <c r="DA17" s="413">
        <v>0</v>
      </c>
      <c r="DB17" s="97">
        <v>596</v>
      </c>
      <c r="DC17" s="97">
        <v>523</v>
      </c>
      <c r="DD17" s="97">
        <v>336</v>
      </c>
      <c r="DE17" s="97">
        <v>394</v>
      </c>
      <c r="DF17" s="97">
        <v>293</v>
      </c>
      <c r="DG17" s="99">
        <v>2142</v>
      </c>
      <c r="DH17" s="100">
        <v>2943</v>
      </c>
      <c r="DI17" s="101">
        <v>5</v>
      </c>
      <c r="DJ17" s="102">
        <v>4</v>
      </c>
      <c r="DK17" s="103">
        <v>9</v>
      </c>
      <c r="DL17" s="413">
        <v>0</v>
      </c>
      <c r="DM17" s="102">
        <v>8</v>
      </c>
      <c r="DN17" s="102">
        <v>6</v>
      </c>
      <c r="DO17" s="102">
        <v>4</v>
      </c>
      <c r="DP17" s="102">
        <v>7</v>
      </c>
      <c r="DQ17" s="102">
        <v>2</v>
      </c>
      <c r="DR17" s="103">
        <v>27</v>
      </c>
      <c r="DS17" s="104">
        <v>36</v>
      </c>
      <c r="DT17" s="101">
        <v>22</v>
      </c>
      <c r="DU17" s="102">
        <v>22</v>
      </c>
      <c r="DV17" s="103">
        <v>44</v>
      </c>
      <c r="DW17" s="413">
        <v>0</v>
      </c>
      <c r="DX17" s="102">
        <v>20</v>
      </c>
      <c r="DY17" s="102">
        <v>13</v>
      </c>
      <c r="DZ17" s="102">
        <v>13</v>
      </c>
      <c r="EA17" s="102">
        <v>10</v>
      </c>
      <c r="EB17" s="102">
        <v>11</v>
      </c>
      <c r="EC17" s="103">
        <v>67</v>
      </c>
      <c r="ED17" s="104">
        <v>111</v>
      </c>
      <c r="EE17" s="101">
        <v>44</v>
      </c>
      <c r="EF17" s="102">
        <v>44</v>
      </c>
      <c r="EG17" s="103">
        <v>88</v>
      </c>
      <c r="EH17" s="413">
        <v>0</v>
      </c>
      <c r="EI17" s="102">
        <v>63</v>
      </c>
      <c r="EJ17" s="102">
        <v>43</v>
      </c>
      <c r="EK17" s="102">
        <v>33</v>
      </c>
      <c r="EL17" s="102">
        <v>24</v>
      </c>
      <c r="EM17" s="102">
        <v>24</v>
      </c>
      <c r="EN17" s="103">
        <v>187</v>
      </c>
      <c r="EO17" s="104">
        <v>275</v>
      </c>
      <c r="EP17" s="101">
        <v>119</v>
      </c>
      <c r="EQ17" s="102">
        <v>126</v>
      </c>
      <c r="ER17" s="103">
        <v>245</v>
      </c>
      <c r="ES17" s="413">
        <v>0</v>
      </c>
      <c r="ET17" s="102">
        <v>140</v>
      </c>
      <c r="EU17" s="102">
        <v>108</v>
      </c>
      <c r="EV17" s="102">
        <v>51</v>
      </c>
      <c r="EW17" s="102">
        <v>63</v>
      </c>
      <c r="EX17" s="102">
        <v>55</v>
      </c>
      <c r="EY17" s="103">
        <v>417</v>
      </c>
      <c r="EZ17" s="104">
        <v>662</v>
      </c>
      <c r="FA17" s="101">
        <v>140</v>
      </c>
      <c r="FB17" s="102">
        <v>114</v>
      </c>
      <c r="FC17" s="103">
        <v>254</v>
      </c>
      <c r="FD17" s="413">
        <v>0</v>
      </c>
      <c r="FE17" s="102">
        <v>190</v>
      </c>
      <c r="FF17" s="102">
        <v>151</v>
      </c>
      <c r="FG17" s="102">
        <v>79</v>
      </c>
      <c r="FH17" s="102">
        <v>92</v>
      </c>
      <c r="FI17" s="102">
        <v>67</v>
      </c>
      <c r="FJ17" s="103">
        <v>579</v>
      </c>
      <c r="FK17" s="104">
        <v>833</v>
      </c>
      <c r="FL17" s="101">
        <v>67</v>
      </c>
      <c r="FM17" s="102">
        <v>94</v>
      </c>
      <c r="FN17" s="103">
        <v>161</v>
      </c>
      <c r="FO17" s="413">
        <v>0</v>
      </c>
      <c r="FP17" s="102">
        <v>175</v>
      </c>
      <c r="FQ17" s="102">
        <v>202</v>
      </c>
      <c r="FR17" s="102">
        <v>156</v>
      </c>
      <c r="FS17" s="102">
        <v>198</v>
      </c>
      <c r="FT17" s="102">
        <v>134</v>
      </c>
      <c r="FU17" s="103">
        <v>865</v>
      </c>
      <c r="FV17" s="104">
        <v>1026</v>
      </c>
      <c r="FW17" s="101">
        <v>1</v>
      </c>
      <c r="FX17" s="102">
        <v>2</v>
      </c>
      <c r="FY17" s="103">
        <v>3</v>
      </c>
      <c r="FZ17" s="413">
        <v>0</v>
      </c>
      <c r="GA17" s="102">
        <v>11</v>
      </c>
      <c r="GB17" s="102">
        <v>8</v>
      </c>
      <c r="GC17" s="102">
        <v>6</v>
      </c>
      <c r="GD17" s="102">
        <v>1</v>
      </c>
      <c r="GE17" s="102">
        <v>5</v>
      </c>
      <c r="GF17" s="103">
        <v>31</v>
      </c>
      <c r="GG17" s="104">
        <v>34</v>
      </c>
      <c r="GH17" s="101">
        <v>398</v>
      </c>
      <c r="GI17" s="102">
        <v>406</v>
      </c>
      <c r="GJ17" s="103">
        <v>804</v>
      </c>
      <c r="GK17" s="413">
        <v>0</v>
      </c>
      <c r="GL17" s="102">
        <v>607</v>
      </c>
      <c r="GM17" s="102">
        <v>531</v>
      </c>
      <c r="GN17" s="102">
        <v>342</v>
      </c>
      <c r="GO17" s="102">
        <v>395</v>
      </c>
      <c r="GP17" s="102">
        <v>298</v>
      </c>
      <c r="GQ17" s="103">
        <v>2173</v>
      </c>
      <c r="GR17" s="104">
        <v>2977</v>
      </c>
      <c r="GS17" s="105">
        <v>558</v>
      </c>
      <c r="GT17" s="97">
        <v>575</v>
      </c>
      <c r="GU17" s="98">
        <v>1133</v>
      </c>
      <c r="GV17" s="413">
        <v>0</v>
      </c>
      <c r="GW17" s="97">
        <v>910</v>
      </c>
      <c r="GX17" s="97">
        <v>802</v>
      </c>
      <c r="GY17" s="97">
        <v>530</v>
      </c>
      <c r="GZ17" s="97">
        <v>531</v>
      </c>
      <c r="HA17" s="97">
        <v>391</v>
      </c>
      <c r="HB17" s="99">
        <v>3164</v>
      </c>
      <c r="HC17" s="100">
        <v>4297</v>
      </c>
      <c r="HD17" s="101">
        <v>9</v>
      </c>
      <c r="HE17" s="102">
        <v>8</v>
      </c>
      <c r="HF17" s="103">
        <v>17</v>
      </c>
      <c r="HG17" s="416">
        <v>0</v>
      </c>
      <c r="HH17" s="102">
        <v>20</v>
      </c>
      <c r="HI17" s="102">
        <v>12</v>
      </c>
      <c r="HJ17" s="102">
        <v>8</v>
      </c>
      <c r="HK17" s="102">
        <v>15</v>
      </c>
      <c r="HL17" s="102">
        <v>8</v>
      </c>
      <c r="HM17" s="103">
        <v>63</v>
      </c>
      <c r="HN17" s="104">
        <v>80</v>
      </c>
      <c r="HO17" s="101">
        <v>33</v>
      </c>
      <c r="HP17" s="102">
        <v>35</v>
      </c>
      <c r="HQ17" s="103">
        <v>68</v>
      </c>
      <c r="HR17" s="413">
        <v>0</v>
      </c>
      <c r="HS17" s="102">
        <v>39</v>
      </c>
      <c r="HT17" s="102">
        <v>30</v>
      </c>
      <c r="HU17" s="102">
        <v>31</v>
      </c>
      <c r="HV17" s="102">
        <v>24</v>
      </c>
      <c r="HW17" s="102">
        <v>20</v>
      </c>
      <c r="HX17" s="103">
        <v>144</v>
      </c>
      <c r="HY17" s="104">
        <v>212</v>
      </c>
      <c r="HZ17" s="101">
        <v>64</v>
      </c>
      <c r="IA17" s="102">
        <v>62</v>
      </c>
      <c r="IB17" s="103">
        <v>126</v>
      </c>
      <c r="IC17" s="413">
        <v>0</v>
      </c>
      <c r="ID17" s="102">
        <v>105</v>
      </c>
      <c r="IE17" s="102">
        <v>83</v>
      </c>
      <c r="IF17" s="102">
        <v>52</v>
      </c>
      <c r="IG17" s="102">
        <v>40</v>
      </c>
      <c r="IH17" s="102">
        <v>39</v>
      </c>
      <c r="II17" s="103">
        <v>319</v>
      </c>
      <c r="IJ17" s="104">
        <v>445</v>
      </c>
      <c r="IK17" s="101">
        <v>158</v>
      </c>
      <c r="IL17" s="102">
        <v>163</v>
      </c>
      <c r="IM17" s="103">
        <v>321</v>
      </c>
      <c r="IN17" s="413">
        <v>0</v>
      </c>
      <c r="IO17" s="102">
        <v>220</v>
      </c>
      <c r="IP17" s="102">
        <v>158</v>
      </c>
      <c r="IQ17" s="102">
        <v>96</v>
      </c>
      <c r="IR17" s="102">
        <v>95</v>
      </c>
      <c r="IS17" s="102">
        <v>72</v>
      </c>
      <c r="IT17" s="103">
        <v>641</v>
      </c>
      <c r="IU17" s="104">
        <v>962</v>
      </c>
      <c r="IV17" s="101">
        <v>192</v>
      </c>
      <c r="IW17" s="102">
        <v>176</v>
      </c>
      <c r="IX17" s="103">
        <v>368</v>
      </c>
      <c r="IY17" s="413">
        <v>0</v>
      </c>
      <c r="IZ17" s="102">
        <v>280</v>
      </c>
      <c r="JA17" s="102">
        <v>243</v>
      </c>
      <c r="JB17" s="102">
        <v>134</v>
      </c>
      <c r="JC17" s="102">
        <v>125</v>
      </c>
      <c r="JD17" s="102">
        <v>87</v>
      </c>
      <c r="JE17" s="103">
        <v>869</v>
      </c>
      <c r="JF17" s="104">
        <v>1237</v>
      </c>
      <c r="JG17" s="101">
        <v>102</v>
      </c>
      <c r="JH17" s="102">
        <v>131</v>
      </c>
      <c r="JI17" s="103">
        <v>233</v>
      </c>
      <c r="JJ17" s="413">
        <v>0</v>
      </c>
      <c r="JK17" s="102">
        <v>246</v>
      </c>
      <c r="JL17" s="102">
        <v>276</v>
      </c>
      <c r="JM17" s="102">
        <v>209</v>
      </c>
      <c r="JN17" s="102">
        <v>232</v>
      </c>
      <c r="JO17" s="102">
        <v>165</v>
      </c>
      <c r="JP17" s="103">
        <v>1128</v>
      </c>
      <c r="JQ17" s="104">
        <v>1361</v>
      </c>
      <c r="JR17" s="101">
        <v>6</v>
      </c>
      <c r="JS17" s="102">
        <v>5</v>
      </c>
      <c r="JT17" s="103">
        <v>11</v>
      </c>
      <c r="JU17" s="413">
        <v>0</v>
      </c>
      <c r="JV17" s="102">
        <v>19</v>
      </c>
      <c r="JW17" s="102">
        <v>19</v>
      </c>
      <c r="JX17" s="102">
        <v>12</v>
      </c>
      <c r="JY17" s="102">
        <v>2</v>
      </c>
      <c r="JZ17" s="102">
        <v>11</v>
      </c>
      <c r="KA17" s="103">
        <v>63</v>
      </c>
      <c r="KB17" s="104">
        <v>74</v>
      </c>
      <c r="KC17" s="101">
        <v>564</v>
      </c>
      <c r="KD17" s="102">
        <v>580</v>
      </c>
      <c r="KE17" s="103">
        <v>1144</v>
      </c>
      <c r="KF17" s="413">
        <v>0</v>
      </c>
      <c r="KG17" s="102">
        <v>929</v>
      </c>
      <c r="KH17" s="102">
        <v>821</v>
      </c>
      <c r="KI17" s="102">
        <v>542</v>
      </c>
      <c r="KJ17" s="102">
        <v>533</v>
      </c>
      <c r="KK17" s="102">
        <v>402</v>
      </c>
      <c r="KL17" s="103">
        <v>3227</v>
      </c>
      <c r="KM17" s="104">
        <v>4371</v>
      </c>
    </row>
    <row r="18" spans="2:299" s="70" customFormat="1" ht="21" customHeight="1" x14ac:dyDescent="0.2">
      <c r="B18" s="106" t="s">
        <v>15</v>
      </c>
      <c r="C18" s="96">
        <v>118</v>
      </c>
      <c r="D18" s="97">
        <v>136</v>
      </c>
      <c r="E18" s="98">
        <v>254</v>
      </c>
      <c r="F18" s="413">
        <v>0</v>
      </c>
      <c r="G18" s="97">
        <v>255</v>
      </c>
      <c r="H18" s="97">
        <v>221</v>
      </c>
      <c r="I18" s="97">
        <v>152</v>
      </c>
      <c r="J18" s="97">
        <v>142</v>
      </c>
      <c r="K18" s="97">
        <v>64</v>
      </c>
      <c r="L18" s="99">
        <v>834</v>
      </c>
      <c r="M18" s="100">
        <v>1088</v>
      </c>
      <c r="N18" s="101">
        <v>6</v>
      </c>
      <c r="O18" s="102">
        <v>6</v>
      </c>
      <c r="P18" s="103">
        <v>12</v>
      </c>
      <c r="Q18" s="413">
        <v>0</v>
      </c>
      <c r="R18" s="102">
        <v>14</v>
      </c>
      <c r="S18" s="102">
        <v>15</v>
      </c>
      <c r="T18" s="102">
        <v>6</v>
      </c>
      <c r="U18" s="102">
        <v>6</v>
      </c>
      <c r="V18" s="102">
        <v>3</v>
      </c>
      <c r="W18" s="103">
        <v>44</v>
      </c>
      <c r="X18" s="104">
        <v>56</v>
      </c>
      <c r="Y18" s="101">
        <v>14</v>
      </c>
      <c r="Z18" s="102">
        <v>17</v>
      </c>
      <c r="AA18" s="103">
        <v>31</v>
      </c>
      <c r="AB18" s="413">
        <v>0</v>
      </c>
      <c r="AC18" s="102">
        <v>29</v>
      </c>
      <c r="AD18" s="102">
        <v>22</v>
      </c>
      <c r="AE18" s="102">
        <v>20</v>
      </c>
      <c r="AF18" s="102">
        <v>16</v>
      </c>
      <c r="AG18" s="102">
        <v>9</v>
      </c>
      <c r="AH18" s="103">
        <v>96</v>
      </c>
      <c r="AI18" s="104">
        <v>127</v>
      </c>
      <c r="AJ18" s="101">
        <v>21</v>
      </c>
      <c r="AK18" s="102">
        <v>21</v>
      </c>
      <c r="AL18" s="103">
        <v>42</v>
      </c>
      <c r="AM18" s="413">
        <v>0</v>
      </c>
      <c r="AN18" s="102">
        <v>36</v>
      </c>
      <c r="AO18" s="102">
        <v>48</v>
      </c>
      <c r="AP18" s="102">
        <v>25</v>
      </c>
      <c r="AQ18" s="102">
        <v>30</v>
      </c>
      <c r="AR18" s="102">
        <v>17</v>
      </c>
      <c r="AS18" s="103">
        <v>156</v>
      </c>
      <c r="AT18" s="104">
        <v>198</v>
      </c>
      <c r="AU18" s="101">
        <v>37</v>
      </c>
      <c r="AV18" s="102">
        <v>32</v>
      </c>
      <c r="AW18" s="103">
        <v>69</v>
      </c>
      <c r="AX18" s="413">
        <v>0</v>
      </c>
      <c r="AY18" s="102">
        <v>71</v>
      </c>
      <c r="AZ18" s="102">
        <v>50</v>
      </c>
      <c r="BA18" s="102">
        <v>29</v>
      </c>
      <c r="BB18" s="102">
        <v>31</v>
      </c>
      <c r="BC18" s="102">
        <v>15</v>
      </c>
      <c r="BD18" s="103">
        <v>196</v>
      </c>
      <c r="BE18" s="104">
        <v>265</v>
      </c>
      <c r="BF18" s="101">
        <v>26</v>
      </c>
      <c r="BG18" s="102">
        <v>38</v>
      </c>
      <c r="BH18" s="103">
        <v>64</v>
      </c>
      <c r="BI18" s="413">
        <v>0</v>
      </c>
      <c r="BJ18" s="102">
        <v>62</v>
      </c>
      <c r="BK18" s="102">
        <v>50</v>
      </c>
      <c r="BL18" s="102">
        <v>39</v>
      </c>
      <c r="BM18" s="102">
        <v>34</v>
      </c>
      <c r="BN18" s="102">
        <v>13</v>
      </c>
      <c r="BO18" s="103">
        <v>198</v>
      </c>
      <c r="BP18" s="104">
        <v>262</v>
      </c>
      <c r="BQ18" s="101">
        <v>14</v>
      </c>
      <c r="BR18" s="102">
        <v>22</v>
      </c>
      <c r="BS18" s="103">
        <v>36</v>
      </c>
      <c r="BT18" s="413">
        <v>0</v>
      </c>
      <c r="BU18" s="102">
        <v>43</v>
      </c>
      <c r="BV18" s="102">
        <v>36</v>
      </c>
      <c r="BW18" s="102">
        <v>33</v>
      </c>
      <c r="BX18" s="102">
        <v>25</v>
      </c>
      <c r="BY18" s="102">
        <v>7</v>
      </c>
      <c r="BZ18" s="103">
        <v>144</v>
      </c>
      <c r="CA18" s="104">
        <v>180</v>
      </c>
      <c r="CB18" s="101">
        <v>1</v>
      </c>
      <c r="CC18" s="102">
        <v>4</v>
      </c>
      <c r="CD18" s="103">
        <v>5</v>
      </c>
      <c r="CE18" s="413">
        <v>0</v>
      </c>
      <c r="CF18" s="102">
        <v>5</v>
      </c>
      <c r="CG18" s="102">
        <v>8</v>
      </c>
      <c r="CH18" s="102">
        <v>4</v>
      </c>
      <c r="CI18" s="102">
        <v>5</v>
      </c>
      <c r="CJ18" s="102">
        <v>7</v>
      </c>
      <c r="CK18" s="103">
        <v>29</v>
      </c>
      <c r="CL18" s="104">
        <v>34</v>
      </c>
      <c r="CM18" s="101">
        <v>119</v>
      </c>
      <c r="CN18" s="102">
        <v>140</v>
      </c>
      <c r="CO18" s="103">
        <v>259</v>
      </c>
      <c r="CP18" s="413">
        <v>0</v>
      </c>
      <c r="CQ18" s="102">
        <v>260</v>
      </c>
      <c r="CR18" s="102">
        <v>229</v>
      </c>
      <c r="CS18" s="102">
        <v>156</v>
      </c>
      <c r="CT18" s="102">
        <v>147</v>
      </c>
      <c r="CU18" s="102">
        <v>71</v>
      </c>
      <c r="CV18" s="103">
        <v>863</v>
      </c>
      <c r="CW18" s="104">
        <v>1122</v>
      </c>
      <c r="CX18" s="105">
        <v>292</v>
      </c>
      <c r="CY18" s="97">
        <v>386</v>
      </c>
      <c r="CZ18" s="98">
        <v>678</v>
      </c>
      <c r="DA18" s="413">
        <v>0</v>
      </c>
      <c r="DB18" s="97">
        <v>447</v>
      </c>
      <c r="DC18" s="97">
        <v>432</v>
      </c>
      <c r="DD18" s="97">
        <v>304</v>
      </c>
      <c r="DE18" s="97">
        <v>322</v>
      </c>
      <c r="DF18" s="97">
        <v>165</v>
      </c>
      <c r="DG18" s="99">
        <v>1670</v>
      </c>
      <c r="DH18" s="100">
        <v>2348</v>
      </c>
      <c r="DI18" s="101">
        <v>4</v>
      </c>
      <c r="DJ18" s="102">
        <v>6</v>
      </c>
      <c r="DK18" s="103">
        <v>10</v>
      </c>
      <c r="DL18" s="413">
        <v>0</v>
      </c>
      <c r="DM18" s="102">
        <v>9</v>
      </c>
      <c r="DN18" s="102">
        <v>11</v>
      </c>
      <c r="DO18" s="102">
        <v>4</v>
      </c>
      <c r="DP18" s="102">
        <v>1</v>
      </c>
      <c r="DQ18" s="102">
        <v>3</v>
      </c>
      <c r="DR18" s="103">
        <v>28</v>
      </c>
      <c r="DS18" s="104">
        <v>38</v>
      </c>
      <c r="DT18" s="101">
        <v>23</v>
      </c>
      <c r="DU18" s="102">
        <v>17</v>
      </c>
      <c r="DV18" s="103">
        <v>40</v>
      </c>
      <c r="DW18" s="413">
        <v>0</v>
      </c>
      <c r="DX18" s="102">
        <v>28</v>
      </c>
      <c r="DY18" s="102">
        <v>26</v>
      </c>
      <c r="DZ18" s="102">
        <v>18</v>
      </c>
      <c r="EA18" s="102">
        <v>11</v>
      </c>
      <c r="EB18" s="102">
        <v>10</v>
      </c>
      <c r="EC18" s="103">
        <v>93</v>
      </c>
      <c r="ED18" s="104">
        <v>133</v>
      </c>
      <c r="EE18" s="101">
        <v>58</v>
      </c>
      <c r="EF18" s="102">
        <v>59</v>
      </c>
      <c r="EG18" s="103">
        <v>117</v>
      </c>
      <c r="EH18" s="413">
        <v>0</v>
      </c>
      <c r="EI18" s="102">
        <v>47</v>
      </c>
      <c r="EJ18" s="102">
        <v>50</v>
      </c>
      <c r="EK18" s="102">
        <v>27</v>
      </c>
      <c r="EL18" s="102">
        <v>20</v>
      </c>
      <c r="EM18" s="102">
        <v>20</v>
      </c>
      <c r="EN18" s="103">
        <v>164</v>
      </c>
      <c r="EO18" s="104">
        <v>281</v>
      </c>
      <c r="EP18" s="101">
        <v>88</v>
      </c>
      <c r="EQ18" s="102">
        <v>121</v>
      </c>
      <c r="ER18" s="103">
        <v>209</v>
      </c>
      <c r="ES18" s="413">
        <v>0</v>
      </c>
      <c r="ET18" s="102">
        <v>100</v>
      </c>
      <c r="EU18" s="102">
        <v>95</v>
      </c>
      <c r="EV18" s="102">
        <v>57</v>
      </c>
      <c r="EW18" s="102">
        <v>49</v>
      </c>
      <c r="EX18" s="102">
        <v>30</v>
      </c>
      <c r="EY18" s="103">
        <v>331</v>
      </c>
      <c r="EZ18" s="104">
        <v>540</v>
      </c>
      <c r="FA18" s="101">
        <v>77</v>
      </c>
      <c r="FB18" s="102">
        <v>112</v>
      </c>
      <c r="FC18" s="103">
        <v>189</v>
      </c>
      <c r="FD18" s="413">
        <v>0</v>
      </c>
      <c r="FE18" s="102">
        <v>138</v>
      </c>
      <c r="FF18" s="102">
        <v>121</v>
      </c>
      <c r="FG18" s="102">
        <v>84</v>
      </c>
      <c r="FH18" s="102">
        <v>87</v>
      </c>
      <c r="FI18" s="102">
        <v>41</v>
      </c>
      <c r="FJ18" s="103">
        <v>471</v>
      </c>
      <c r="FK18" s="104">
        <v>660</v>
      </c>
      <c r="FL18" s="101">
        <v>42</v>
      </c>
      <c r="FM18" s="102">
        <v>71</v>
      </c>
      <c r="FN18" s="103">
        <v>113</v>
      </c>
      <c r="FO18" s="413">
        <v>0</v>
      </c>
      <c r="FP18" s="102">
        <v>125</v>
      </c>
      <c r="FQ18" s="102">
        <v>129</v>
      </c>
      <c r="FR18" s="102">
        <v>114</v>
      </c>
      <c r="FS18" s="102">
        <v>154</v>
      </c>
      <c r="FT18" s="102">
        <v>61</v>
      </c>
      <c r="FU18" s="103">
        <v>583</v>
      </c>
      <c r="FV18" s="104">
        <v>696</v>
      </c>
      <c r="FW18" s="101">
        <v>1</v>
      </c>
      <c r="FX18" s="102">
        <v>3</v>
      </c>
      <c r="FY18" s="103">
        <v>4</v>
      </c>
      <c r="FZ18" s="413">
        <v>0</v>
      </c>
      <c r="GA18" s="102">
        <v>4</v>
      </c>
      <c r="GB18" s="102">
        <v>7</v>
      </c>
      <c r="GC18" s="102">
        <v>1</v>
      </c>
      <c r="GD18" s="102">
        <v>2</v>
      </c>
      <c r="GE18" s="102">
        <v>6</v>
      </c>
      <c r="GF18" s="103">
        <v>20</v>
      </c>
      <c r="GG18" s="104">
        <v>24</v>
      </c>
      <c r="GH18" s="101">
        <v>293</v>
      </c>
      <c r="GI18" s="102">
        <v>389</v>
      </c>
      <c r="GJ18" s="103">
        <v>682</v>
      </c>
      <c r="GK18" s="413">
        <v>0</v>
      </c>
      <c r="GL18" s="102">
        <v>451</v>
      </c>
      <c r="GM18" s="102">
        <v>439</v>
      </c>
      <c r="GN18" s="102">
        <v>305</v>
      </c>
      <c r="GO18" s="102">
        <v>324</v>
      </c>
      <c r="GP18" s="102">
        <v>171</v>
      </c>
      <c r="GQ18" s="103">
        <v>1690</v>
      </c>
      <c r="GR18" s="104">
        <v>2372</v>
      </c>
      <c r="GS18" s="105">
        <v>410</v>
      </c>
      <c r="GT18" s="97">
        <v>522</v>
      </c>
      <c r="GU18" s="98">
        <v>932</v>
      </c>
      <c r="GV18" s="413">
        <v>0</v>
      </c>
      <c r="GW18" s="97">
        <v>702</v>
      </c>
      <c r="GX18" s="97">
        <v>653</v>
      </c>
      <c r="GY18" s="97">
        <v>456</v>
      </c>
      <c r="GZ18" s="97">
        <v>464</v>
      </c>
      <c r="HA18" s="97">
        <v>229</v>
      </c>
      <c r="HB18" s="99">
        <v>2504</v>
      </c>
      <c r="HC18" s="100">
        <v>3436</v>
      </c>
      <c r="HD18" s="101">
        <v>10</v>
      </c>
      <c r="HE18" s="102">
        <v>12</v>
      </c>
      <c r="HF18" s="103">
        <v>22</v>
      </c>
      <c r="HG18" s="416">
        <v>0</v>
      </c>
      <c r="HH18" s="102">
        <v>23</v>
      </c>
      <c r="HI18" s="102">
        <v>26</v>
      </c>
      <c r="HJ18" s="102">
        <v>10</v>
      </c>
      <c r="HK18" s="102">
        <v>7</v>
      </c>
      <c r="HL18" s="102">
        <v>6</v>
      </c>
      <c r="HM18" s="103">
        <v>72</v>
      </c>
      <c r="HN18" s="104">
        <v>94</v>
      </c>
      <c r="HO18" s="101">
        <v>37</v>
      </c>
      <c r="HP18" s="102">
        <v>34</v>
      </c>
      <c r="HQ18" s="103">
        <v>71</v>
      </c>
      <c r="HR18" s="413">
        <v>0</v>
      </c>
      <c r="HS18" s="102">
        <v>57</v>
      </c>
      <c r="HT18" s="102">
        <v>48</v>
      </c>
      <c r="HU18" s="102">
        <v>38</v>
      </c>
      <c r="HV18" s="102">
        <v>27</v>
      </c>
      <c r="HW18" s="102">
        <v>19</v>
      </c>
      <c r="HX18" s="103">
        <v>189</v>
      </c>
      <c r="HY18" s="104">
        <v>260</v>
      </c>
      <c r="HZ18" s="101">
        <v>79</v>
      </c>
      <c r="IA18" s="102">
        <v>80</v>
      </c>
      <c r="IB18" s="103">
        <v>159</v>
      </c>
      <c r="IC18" s="413">
        <v>0</v>
      </c>
      <c r="ID18" s="102">
        <v>83</v>
      </c>
      <c r="IE18" s="102">
        <v>98</v>
      </c>
      <c r="IF18" s="102">
        <v>52</v>
      </c>
      <c r="IG18" s="102">
        <v>50</v>
      </c>
      <c r="IH18" s="102">
        <v>37</v>
      </c>
      <c r="II18" s="103">
        <v>320</v>
      </c>
      <c r="IJ18" s="104">
        <v>479</v>
      </c>
      <c r="IK18" s="101">
        <v>125</v>
      </c>
      <c r="IL18" s="102">
        <v>153</v>
      </c>
      <c r="IM18" s="103">
        <v>278</v>
      </c>
      <c r="IN18" s="413">
        <v>0</v>
      </c>
      <c r="IO18" s="102">
        <v>171</v>
      </c>
      <c r="IP18" s="102">
        <v>145</v>
      </c>
      <c r="IQ18" s="102">
        <v>86</v>
      </c>
      <c r="IR18" s="102">
        <v>80</v>
      </c>
      <c r="IS18" s="102">
        <v>45</v>
      </c>
      <c r="IT18" s="103">
        <v>527</v>
      </c>
      <c r="IU18" s="104">
        <v>805</v>
      </c>
      <c r="IV18" s="101">
        <v>103</v>
      </c>
      <c r="IW18" s="102">
        <v>150</v>
      </c>
      <c r="IX18" s="103">
        <v>253</v>
      </c>
      <c r="IY18" s="413">
        <v>0</v>
      </c>
      <c r="IZ18" s="102">
        <v>200</v>
      </c>
      <c r="JA18" s="102">
        <v>171</v>
      </c>
      <c r="JB18" s="102">
        <v>123</v>
      </c>
      <c r="JC18" s="102">
        <v>121</v>
      </c>
      <c r="JD18" s="102">
        <v>54</v>
      </c>
      <c r="JE18" s="103">
        <v>669</v>
      </c>
      <c r="JF18" s="104">
        <v>922</v>
      </c>
      <c r="JG18" s="101">
        <v>56</v>
      </c>
      <c r="JH18" s="102">
        <v>93</v>
      </c>
      <c r="JI18" s="103">
        <v>149</v>
      </c>
      <c r="JJ18" s="413">
        <v>0</v>
      </c>
      <c r="JK18" s="102">
        <v>168</v>
      </c>
      <c r="JL18" s="102">
        <v>165</v>
      </c>
      <c r="JM18" s="102">
        <v>147</v>
      </c>
      <c r="JN18" s="102">
        <v>179</v>
      </c>
      <c r="JO18" s="102">
        <v>68</v>
      </c>
      <c r="JP18" s="103">
        <v>727</v>
      </c>
      <c r="JQ18" s="104">
        <v>876</v>
      </c>
      <c r="JR18" s="101">
        <v>2</v>
      </c>
      <c r="JS18" s="102">
        <v>7</v>
      </c>
      <c r="JT18" s="103">
        <v>9</v>
      </c>
      <c r="JU18" s="413">
        <v>0</v>
      </c>
      <c r="JV18" s="102">
        <v>9</v>
      </c>
      <c r="JW18" s="102">
        <v>15</v>
      </c>
      <c r="JX18" s="102">
        <v>5</v>
      </c>
      <c r="JY18" s="102">
        <v>7</v>
      </c>
      <c r="JZ18" s="102">
        <v>13</v>
      </c>
      <c r="KA18" s="103">
        <v>49</v>
      </c>
      <c r="KB18" s="104">
        <v>58</v>
      </c>
      <c r="KC18" s="101">
        <v>412</v>
      </c>
      <c r="KD18" s="102">
        <v>529</v>
      </c>
      <c r="KE18" s="103">
        <v>941</v>
      </c>
      <c r="KF18" s="413">
        <v>0</v>
      </c>
      <c r="KG18" s="102">
        <v>711</v>
      </c>
      <c r="KH18" s="102">
        <v>668</v>
      </c>
      <c r="KI18" s="102">
        <v>461</v>
      </c>
      <c r="KJ18" s="102">
        <v>471</v>
      </c>
      <c r="KK18" s="102">
        <v>242</v>
      </c>
      <c r="KL18" s="103">
        <v>2553</v>
      </c>
      <c r="KM18" s="104">
        <v>3494</v>
      </c>
    </row>
    <row r="19" spans="2:299" s="70" customFormat="1" ht="21" customHeight="1" x14ac:dyDescent="0.2">
      <c r="B19" s="106" t="s">
        <v>16</v>
      </c>
      <c r="C19" s="96">
        <v>249</v>
      </c>
      <c r="D19" s="97">
        <v>302</v>
      </c>
      <c r="E19" s="98">
        <v>551</v>
      </c>
      <c r="F19" s="413">
        <v>0</v>
      </c>
      <c r="G19" s="97">
        <v>493</v>
      </c>
      <c r="H19" s="97">
        <v>647</v>
      </c>
      <c r="I19" s="97">
        <v>401</v>
      </c>
      <c r="J19" s="97">
        <v>301</v>
      </c>
      <c r="K19" s="97">
        <v>201</v>
      </c>
      <c r="L19" s="99">
        <v>2043</v>
      </c>
      <c r="M19" s="100">
        <v>2594</v>
      </c>
      <c r="N19" s="101">
        <v>7</v>
      </c>
      <c r="O19" s="102">
        <v>11</v>
      </c>
      <c r="P19" s="103">
        <v>18</v>
      </c>
      <c r="Q19" s="413">
        <v>0</v>
      </c>
      <c r="R19" s="102">
        <v>16</v>
      </c>
      <c r="S19" s="102">
        <v>28</v>
      </c>
      <c r="T19" s="102">
        <v>23</v>
      </c>
      <c r="U19" s="102">
        <v>17</v>
      </c>
      <c r="V19" s="102">
        <v>15</v>
      </c>
      <c r="W19" s="103">
        <v>99</v>
      </c>
      <c r="X19" s="104">
        <v>117</v>
      </c>
      <c r="Y19" s="101">
        <v>27</v>
      </c>
      <c r="Z19" s="102">
        <v>45</v>
      </c>
      <c r="AA19" s="103">
        <v>72</v>
      </c>
      <c r="AB19" s="413">
        <v>0</v>
      </c>
      <c r="AC19" s="102">
        <v>51</v>
      </c>
      <c r="AD19" s="102">
        <v>79</v>
      </c>
      <c r="AE19" s="102">
        <v>47</v>
      </c>
      <c r="AF19" s="102">
        <v>34</v>
      </c>
      <c r="AG19" s="102">
        <v>28</v>
      </c>
      <c r="AH19" s="103">
        <v>239</v>
      </c>
      <c r="AI19" s="104">
        <v>311</v>
      </c>
      <c r="AJ19" s="101">
        <v>48</v>
      </c>
      <c r="AK19" s="102">
        <v>56</v>
      </c>
      <c r="AL19" s="103">
        <v>104</v>
      </c>
      <c r="AM19" s="413">
        <v>0</v>
      </c>
      <c r="AN19" s="102">
        <v>78</v>
      </c>
      <c r="AO19" s="102">
        <v>102</v>
      </c>
      <c r="AP19" s="102">
        <v>70</v>
      </c>
      <c r="AQ19" s="102">
        <v>58</v>
      </c>
      <c r="AR19" s="102">
        <v>39</v>
      </c>
      <c r="AS19" s="103">
        <v>347</v>
      </c>
      <c r="AT19" s="104">
        <v>451</v>
      </c>
      <c r="AU19" s="101">
        <v>90</v>
      </c>
      <c r="AV19" s="102">
        <v>65</v>
      </c>
      <c r="AW19" s="103">
        <v>155</v>
      </c>
      <c r="AX19" s="413">
        <v>0</v>
      </c>
      <c r="AY19" s="102">
        <v>138</v>
      </c>
      <c r="AZ19" s="102">
        <v>180</v>
      </c>
      <c r="BA19" s="102">
        <v>93</v>
      </c>
      <c r="BB19" s="102">
        <v>80</v>
      </c>
      <c r="BC19" s="102">
        <v>47</v>
      </c>
      <c r="BD19" s="103">
        <v>538</v>
      </c>
      <c r="BE19" s="104">
        <v>693</v>
      </c>
      <c r="BF19" s="101">
        <v>48</v>
      </c>
      <c r="BG19" s="102">
        <v>76</v>
      </c>
      <c r="BH19" s="103">
        <v>124</v>
      </c>
      <c r="BI19" s="413">
        <v>0</v>
      </c>
      <c r="BJ19" s="102">
        <v>136</v>
      </c>
      <c r="BK19" s="102">
        <v>152</v>
      </c>
      <c r="BL19" s="102">
        <v>93</v>
      </c>
      <c r="BM19" s="102">
        <v>55</v>
      </c>
      <c r="BN19" s="102">
        <v>41</v>
      </c>
      <c r="BO19" s="103">
        <v>477</v>
      </c>
      <c r="BP19" s="104">
        <v>601</v>
      </c>
      <c r="BQ19" s="101">
        <v>29</v>
      </c>
      <c r="BR19" s="102">
        <v>49</v>
      </c>
      <c r="BS19" s="103">
        <v>78</v>
      </c>
      <c r="BT19" s="413">
        <v>0</v>
      </c>
      <c r="BU19" s="102">
        <v>74</v>
      </c>
      <c r="BV19" s="102">
        <v>106</v>
      </c>
      <c r="BW19" s="102">
        <v>75</v>
      </c>
      <c r="BX19" s="102">
        <v>57</v>
      </c>
      <c r="BY19" s="102">
        <v>31</v>
      </c>
      <c r="BZ19" s="103">
        <v>343</v>
      </c>
      <c r="CA19" s="104">
        <v>421</v>
      </c>
      <c r="CB19" s="101">
        <v>10</v>
      </c>
      <c r="CC19" s="102">
        <v>16</v>
      </c>
      <c r="CD19" s="103">
        <v>26</v>
      </c>
      <c r="CE19" s="413">
        <v>0</v>
      </c>
      <c r="CF19" s="102">
        <v>13</v>
      </c>
      <c r="CG19" s="102">
        <v>26</v>
      </c>
      <c r="CH19" s="102">
        <v>17</v>
      </c>
      <c r="CI19" s="102">
        <v>18</v>
      </c>
      <c r="CJ19" s="102">
        <v>12</v>
      </c>
      <c r="CK19" s="103">
        <v>86</v>
      </c>
      <c r="CL19" s="104">
        <v>112</v>
      </c>
      <c r="CM19" s="101">
        <v>259</v>
      </c>
      <c r="CN19" s="102">
        <v>318</v>
      </c>
      <c r="CO19" s="103">
        <v>577</v>
      </c>
      <c r="CP19" s="413">
        <v>0</v>
      </c>
      <c r="CQ19" s="102">
        <v>506</v>
      </c>
      <c r="CR19" s="102">
        <v>673</v>
      </c>
      <c r="CS19" s="102">
        <v>418</v>
      </c>
      <c r="CT19" s="102">
        <v>319</v>
      </c>
      <c r="CU19" s="102">
        <v>213</v>
      </c>
      <c r="CV19" s="103">
        <v>2129</v>
      </c>
      <c r="CW19" s="104">
        <v>2706</v>
      </c>
      <c r="CX19" s="105">
        <v>433</v>
      </c>
      <c r="CY19" s="97">
        <v>654</v>
      </c>
      <c r="CZ19" s="98">
        <v>1087</v>
      </c>
      <c r="DA19" s="413">
        <v>0</v>
      </c>
      <c r="DB19" s="97">
        <v>828</v>
      </c>
      <c r="DC19" s="97">
        <v>1002</v>
      </c>
      <c r="DD19" s="97">
        <v>765</v>
      </c>
      <c r="DE19" s="97">
        <v>823</v>
      </c>
      <c r="DF19" s="97">
        <v>437</v>
      </c>
      <c r="DG19" s="99">
        <v>3855</v>
      </c>
      <c r="DH19" s="100">
        <v>4942</v>
      </c>
      <c r="DI19" s="101">
        <v>18</v>
      </c>
      <c r="DJ19" s="102">
        <v>26</v>
      </c>
      <c r="DK19" s="103">
        <v>44</v>
      </c>
      <c r="DL19" s="413">
        <v>0</v>
      </c>
      <c r="DM19" s="102">
        <v>7</v>
      </c>
      <c r="DN19" s="102">
        <v>26</v>
      </c>
      <c r="DO19" s="102">
        <v>15</v>
      </c>
      <c r="DP19" s="102">
        <v>16</v>
      </c>
      <c r="DQ19" s="102">
        <v>11</v>
      </c>
      <c r="DR19" s="103">
        <v>75</v>
      </c>
      <c r="DS19" s="104">
        <v>119</v>
      </c>
      <c r="DT19" s="101">
        <v>30</v>
      </c>
      <c r="DU19" s="102">
        <v>57</v>
      </c>
      <c r="DV19" s="103">
        <v>87</v>
      </c>
      <c r="DW19" s="413">
        <v>0</v>
      </c>
      <c r="DX19" s="102">
        <v>41</v>
      </c>
      <c r="DY19" s="102">
        <v>78</v>
      </c>
      <c r="DZ19" s="102">
        <v>37</v>
      </c>
      <c r="EA19" s="102">
        <v>45</v>
      </c>
      <c r="EB19" s="102">
        <v>24</v>
      </c>
      <c r="EC19" s="103">
        <v>225</v>
      </c>
      <c r="ED19" s="104">
        <v>312</v>
      </c>
      <c r="EE19" s="101">
        <v>72</v>
      </c>
      <c r="EF19" s="102">
        <v>109</v>
      </c>
      <c r="EG19" s="103">
        <v>181</v>
      </c>
      <c r="EH19" s="413">
        <v>0</v>
      </c>
      <c r="EI19" s="102">
        <v>100</v>
      </c>
      <c r="EJ19" s="102">
        <v>116</v>
      </c>
      <c r="EK19" s="102">
        <v>79</v>
      </c>
      <c r="EL19" s="102">
        <v>86</v>
      </c>
      <c r="EM19" s="102">
        <v>48</v>
      </c>
      <c r="EN19" s="103">
        <v>429</v>
      </c>
      <c r="EO19" s="104">
        <v>610</v>
      </c>
      <c r="EP19" s="101">
        <v>144</v>
      </c>
      <c r="EQ19" s="102">
        <v>177</v>
      </c>
      <c r="ER19" s="103">
        <v>321</v>
      </c>
      <c r="ES19" s="413">
        <v>0</v>
      </c>
      <c r="ET19" s="102">
        <v>207</v>
      </c>
      <c r="EU19" s="102">
        <v>220</v>
      </c>
      <c r="EV19" s="102">
        <v>146</v>
      </c>
      <c r="EW19" s="102">
        <v>145</v>
      </c>
      <c r="EX19" s="102">
        <v>84</v>
      </c>
      <c r="EY19" s="103">
        <v>802</v>
      </c>
      <c r="EZ19" s="104">
        <v>1123</v>
      </c>
      <c r="FA19" s="101">
        <v>100</v>
      </c>
      <c r="FB19" s="102">
        <v>165</v>
      </c>
      <c r="FC19" s="103">
        <v>265</v>
      </c>
      <c r="FD19" s="413">
        <v>0</v>
      </c>
      <c r="FE19" s="102">
        <v>254</v>
      </c>
      <c r="FF19" s="102">
        <v>241</v>
      </c>
      <c r="FG19" s="102">
        <v>207</v>
      </c>
      <c r="FH19" s="102">
        <v>187</v>
      </c>
      <c r="FI19" s="102">
        <v>97</v>
      </c>
      <c r="FJ19" s="103">
        <v>986</v>
      </c>
      <c r="FK19" s="104">
        <v>1251</v>
      </c>
      <c r="FL19" s="101">
        <v>69</v>
      </c>
      <c r="FM19" s="102">
        <v>120</v>
      </c>
      <c r="FN19" s="103">
        <v>189</v>
      </c>
      <c r="FO19" s="413">
        <v>0</v>
      </c>
      <c r="FP19" s="102">
        <v>219</v>
      </c>
      <c r="FQ19" s="102">
        <v>321</v>
      </c>
      <c r="FR19" s="102">
        <v>281</v>
      </c>
      <c r="FS19" s="102">
        <v>344</v>
      </c>
      <c r="FT19" s="102">
        <v>173</v>
      </c>
      <c r="FU19" s="103">
        <v>1338</v>
      </c>
      <c r="FV19" s="104">
        <v>1527</v>
      </c>
      <c r="FW19" s="101">
        <v>8</v>
      </c>
      <c r="FX19" s="102">
        <v>16</v>
      </c>
      <c r="FY19" s="103">
        <v>24</v>
      </c>
      <c r="FZ19" s="413">
        <v>0</v>
      </c>
      <c r="GA19" s="102">
        <v>5</v>
      </c>
      <c r="GB19" s="102">
        <v>21</v>
      </c>
      <c r="GC19" s="102">
        <v>10</v>
      </c>
      <c r="GD19" s="102">
        <v>12</v>
      </c>
      <c r="GE19" s="102">
        <v>13</v>
      </c>
      <c r="GF19" s="103">
        <v>61</v>
      </c>
      <c r="GG19" s="104">
        <v>85</v>
      </c>
      <c r="GH19" s="101">
        <v>441</v>
      </c>
      <c r="GI19" s="102">
        <v>670</v>
      </c>
      <c r="GJ19" s="103">
        <v>1111</v>
      </c>
      <c r="GK19" s="413">
        <v>0</v>
      </c>
      <c r="GL19" s="102">
        <v>833</v>
      </c>
      <c r="GM19" s="102">
        <v>1023</v>
      </c>
      <c r="GN19" s="102">
        <v>775</v>
      </c>
      <c r="GO19" s="102">
        <v>835</v>
      </c>
      <c r="GP19" s="102">
        <v>450</v>
      </c>
      <c r="GQ19" s="103">
        <v>3916</v>
      </c>
      <c r="GR19" s="104">
        <v>5027</v>
      </c>
      <c r="GS19" s="105">
        <v>682</v>
      </c>
      <c r="GT19" s="97">
        <v>956</v>
      </c>
      <c r="GU19" s="98">
        <v>1638</v>
      </c>
      <c r="GV19" s="413">
        <v>0</v>
      </c>
      <c r="GW19" s="97">
        <v>1321</v>
      </c>
      <c r="GX19" s="97">
        <v>1649</v>
      </c>
      <c r="GY19" s="97">
        <v>1166</v>
      </c>
      <c r="GZ19" s="97">
        <v>1124</v>
      </c>
      <c r="HA19" s="97">
        <v>638</v>
      </c>
      <c r="HB19" s="99">
        <v>5898</v>
      </c>
      <c r="HC19" s="100">
        <v>7536</v>
      </c>
      <c r="HD19" s="101">
        <v>25</v>
      </c>
      <c r="HE19" s="102">
        <v>37</v>
      </c>
      <c r="HF19" s="103">
        <v>62</v>
      </c>
      <c r="HG19" s="416">
        <v>0</v>
      </c>
      <c r="HH19" s="102">
        <v>23</v>
      </c>
      <c r="HI19" s="102">
        <v>54</v>
      </c>
      <c r="HJ19" s="102">
        <v>38</v>
      </c>
      <c r="HK19" s="102">
        <v>33</v>
      </c>
      <c r="HL19" s="102">
        <v>26</v>
      </c>
      <c r="HM19" s="103">
        <v>174</v>
      </c>
      <c r="HN19" s="104">
        <v>236</v>
      </c>
      <c r="HO19" s="101">
        <v>57</v>
      </c>
      <c r="HP19" s="102">
        <v>102</v>
      </c>
      <c r="HQ19" s="103">
        <v>159</v>
      </c>
      <c r="HR19" s="413">
        <v>0</v>
      </c>
      <c r="HS19" s="102">
        <v>92</v>
      </c>
      <c r="HT19" s="102">
        <v>157</v>
      </c>
      <c r="HU19" s="102">
        <v>84</v>
      </c>
      <c r="HV19" s="102">
        <v>79</v>
      </c>
      <c r="HW19" s="102">
        <v>52</v>
      </c>
      <c r="HX19" s="103">
        <v>464</v>
      </c>
      <c r="HY19" s="104">
        <v>623</v>
      </c>
      <c r="HZ19" s="101">
        <v>120</v>
      </c>
      <c r="IA19" s="102">
        <v>165</v>
      </c>
      <c r="IB19" s="103">
        <v>285</v>
      </c>
      <c r="IC19" s="413">
        <v>0</v>
      </c>
      <c r="ID19" s="102">
        <v>178</v>
      </c>
      <c r="IE19" s="102">
        <v>218</v>
      </c>
      <c r="IF19" s="102">
        <v>149</v>
      </c>
      <c r="IG19" s="102">
        <v>144</v>
      </c>
      <c r="IH19" s="102">
        <v>87</v>
      </c>
      <c r="II19" s="103">
        <v>776</v>
      </c>
      <c r="IJ19" s="104">
        <v>1061</v>
      </c>
      <c r="IK19" s="101">
        <v>234</v>
      </c>
      <c r="IL19" s="102">
        <v>242</v>
      </c>
      <c r="IM19" s="103">
        <v>476</v>
      </c>
      <c r="IN19" s="413">
        <v>0</v>
      </c>
      <c r="IO19" s="102">
        <v>345</v>
      </c>
      <c r="IP19" s="102">
        <v>400</v>
      </c>
      <c r="IQ19" s="102">
        <v>239</v>
      </c>
      <c r="IR19" s="102">
        <v>225</v>
      </c>
      <c r="IS19" s="102">
        <v>131</v>
      </c>
      <c r="IT19" s="103">
        <v>1340</v>
      </c>
      <c r="IU19" s="104">
        <v>1816</v>
      </c>
      <c r="IV19" s="101">
        <v>148</v>
      </c>
      <c r="IW19" s="102">
        <v>241</v>
      </c>
      <c r="IX19" s="103">
        <v>389</v>
      </c>
      <c r="IY19" s="413">
        <v>0</v>
      </c>
      <c r="IZ19" s="102">
        <v>390</v>
      </c>
      <c r="JA19" s="102">
        <v>393</v>
      </c>
      <c r="JB19" s="102">
        <v>300</v>
      </c>
      <c r="JC19" s="102">
        <v>242</v>
      </c>
      <c r="JD19" s="102">
        <v>138</v>
      </c>
      <c r="JE19" s="103">
        <v>1463</v>
      </c>
      <c r="JF19" s="104">
        <v>1852</v>
      </c>
      <c r="JG19" s="101">
        <v>98</v>
      </c>
      <c r="JH19" s="102">
        <v>169</v>
      </c>
      <c r="JI19" s="103">
        <v>267</v>
      </c>
      <c r="JJ19" s="413">
        <v>0</v>
      </c>
      <c r="JK19" s="102">
        <v>293</v>
      </c>
      <c r="JL19" s="102">
        <v>427</v>
      </c>
      <c r="JM19" s="102">
        <v>356</v>
      </c>
      <c r="JN19" s="102">
        <v>401</v>
      </c>
      <c r="JO19" s="102">
        <v>204</v>
      </c>
      <c r="JP19" s="103">
        <v>1681</v>
      </c>
      <c r="JQ19" s="104">
        <v>1948</v>
      </c>
      <c r="JR19" s="101">
        <v>18</v>
      </c>
      <c r="JS19" s="102">
        <v>32</v>
      </c>
      <c r="JT19" s="103">
        <v>50</v>
      </c>
      <c r="JU19" s="413">
        <v>0</v>
      </c>
      <c r="JV19" s="102">
        <v>18</v>
      </c>
      <c r="JW19" s="102">
        <v>47</v>
      </c>
      <c r="JX19" s="102">
        <v>27</v>
      </c>
      <c r="JY19" s="102">
        <v>30</v>
      </c>
      <c r="JZ19" s="102">
        <v>25</v>
      </c>
      <c r="KA19" s="103">
        <v>147</v>
      </c>
      <c r="KB19" s="104">
        <v>197</v>
      </c>
      <c r="KC19" s="101">
        <v>700</v>
      </c>
      <c r="KD19" s="102">
        <v>988</v>
      </c>
      <c r="KE19" s="103">
        <v>1688</v>
      </c>
      <c r="KF19" s="413">
        <v>0</v>
      </c>
      <c r="KG19" s="102">
        <v>1339</v>
      </c>
      <c r="KH19" s="102">
        <v>1696</v>
      </c>
      <c r="KI19" s="102">
        <v>1193</v>
      </c>
      <c r="KJ19" s="102">
        <v>1154</v>
      </c>
      <c r="KK19" s="102">
        <v>663</v>
      </c>
      <c r="KL19" s="103">
        <v>6045</v>
      </c>
      <c r="KM19" s="104">
        <v>7733</v>
      </c>
    </row>
    <row r="20" spans="2:299" s="70" customFormat="1" ht="21" customHeight="1" x14ac:dyDescent="0.2">
      <c r="B20" s="106" t="s">
        <v>17</v>
      </c>
      <c r="C20" s="96">
        <v>316</v>
      </c>
      <c r="D20" s="97">
        <v>390</v>
      </c>
      <c r="E20" s="98">
        <v>706</v>
      </c>
      <c r="F20" s="413">
        <v>0</v>
      </c>
      <c r="G20" s="97">
        <v>551</v>
      </c>
      <c r="H20" s="97">
        <v>833</v>
      </c>
      <c r="I20" s="97">
        <v>573</v>
      </c>
      <c r="J20" s="97">
        <v>444</v>
      </c>
      <c r="K20" s="97">
        <v>243</v>
      </c>
      <c r="L20" s="99">
        <v>2644</v>
      </c>
      <c r="M20" s="100">
        <v>3350</v>
      </c>
      <c r="N20" s="101">
        <v>18</v>
      </c>
      <c r="O20" s="102">
        <v>19</v>
      </c>
      <c r="P20" s="103">
        <v>37</v>
      </c>
      <c r="Q20" s="413">
        <v>0</v>
      </c>
      <c r="R20" s="102">
        <v>17</v>
      </c>
      <c r="S20" s="102">
        <v>46</v>
      </c>
      <c r="T20" s="102">
        <v>31</v>
      </c>
      <c r="U20" s="102">
        <v>28</v>
      </c>
      <c r="V20" s="102">
        <v>19</v>
      </c>
      <c r="W20" s="103">
        <v>141</v>
      </c>
      <c r="X20" s="104">
        <v>178</v>
      </c>
      <c r="Y20" s="101">
        <v>22</v>
      </c>
      <c r="Z20" s="102">
        <v>48</v>
      </c>
      <c r="AA20" s="103">
        <v>70</v>
      </c>
      <c r="AB20" s="413">
        <v>0</v>
      </c>
      <c r="AC20" s="102">
        <v>55</v>
      </c>
      <c r="AD20" s="102">
        <v>95</v>
      </c>
      <c r="AE20" s="102">
        <v>62</v>
      </c>
      <c r="AF20" s="102">
        <v>56</v>
      </c>
      <c r="AG20" s="102">
        <v>31</v>
      </c>
      <c r="AH20" s="103">
        <v>299</v>
      </c>
      <c r="AI20" s="104">
        <v>369</v>
      </c>
      <c r="AJ20" s="101">
        <v>42</v>
      </c>
      <c r="AK20" s="102">
        <v>69</v>
      </c>
      <c r="AL20" s="103">
        <v>111</v>
      </c>
      <c r="AM20" s="413">
        <v>0</v>
      </c>
      <c r="AN20" s="102">
        <v>97</v>
      </c>
      <c r="AO20" s="102">
        <v>158</v>
      </c>
      <c r="AP20" s="102">
        <v>102</v>
      </c>
      <c r="AQ20" s="102">
        <v>68</v>
      </c>
      <c r="AR20" s="102">
        <v>54</v>
      </c>
      <c r="AS20" s="103">
        <v>479</v>
      </c>
      <c r="AT20" s="104">
        <v>590</v>
      </c>
      <c r="AU20" s="101">
        <v>101</v>
      </c>
      <c r="AV20" s="102">
        <v>100</v>
      </c>
      <c r="AW20" s="103">
        <v>201</v>
      </c>
      <c r="AX20" s="413">
        <v>0</v>
      </c>
      <c r="AY20" s="102">
        <v>163</v>
      </c>
      <c r="AZ20" s="102">
        <v>228</v>
      </c>
      <c r="BA20" s="102">
        <v>157</v>
      </c>
      <c r="BB20" s="102">
        <v>113</v>
      </c>
      <c r="BC20" s="102">
        <v>53</v>
      </c>
      <c r="BD20" s="103">
        <v>714</v>
      </c>
      <c r="BE20" s="104">
        <v>915</v>
      </c>
      <c r="BF20" s="101">
        <v>85</v>
      </c>
      <c r="BG20" s="102">
        <v>89</v>
      </c>
      <c r="BH20" s="103">
        <v>174</v>
      </c>
      <c r="BI20" s="413">
        <v>0</v>
      </c>
      <c r="BJ20" s="102">
        <v>134</v>
      </c>
      <c r="BK20" s="102">
        <v>176</v>
      </c>
      <c r="BL20" s="102">
        <v>129</v>
      </c>
      <c r="BM20" s="102">
        <v>110</v>
      </c>
      <c r="BN20" s="102">
        <v>50</v>
      </c>
      <c r="BO20" s="103">
        <v>599</v>
      </c>
      <c r="BP20" s="104">
        <v>773</v>
      </c>
      <c r="BQ20" s="101">
        <v>48</v>
      </c>
      <c r="BR20" s="102">
        <v>65</v>
      </c>
      <c r="BS20" s="103">
        <v>113</v>
      </c>
      <c r="BT20" s="413">
        <v>0</v>
      </c>
      <c r="BU20" s="102">
        <v>85</v>
      </c>
      <c r="BV20" s="102">
        <v>130</v>
      </c>
      <c r="BW20" s="102">
        <v>92</v>
      </c>
      <c r="BX20" s="102">
        <v>69</v>
      </c>
      <c r="BY20" s="102">
        <v>36</v>
      </c>
      <c r="BZ20" s="103">
        <v>412</v>
      </c>
      <c r="CA20" s="104">
        <v>525</v>
      </c>
      <c r="CB20" s="101">
        <v>7</v>
      </c>
      <c r="CC20" s="102">
        <v>21</v>
      </c>
      <c r="CD20" s="103">
        <v>28</v>
      </c>
      <c r="CE20" s="413">
        <v>0</v>
      </c>
      <c r="CF20" s="102">
        <v>24</v>
      </c>
      <c r="CG20" s="102">
        <v>40</v>
      </c>
      <c r="CH20" s="102">
        <v>26</v>
      </c>
      <c r="CI20" s="102">
        <v>15</v>
      </c>
      <c r="CJ20" s="102">
        <v>18</v>
      </c>
      <c r="CK20" s="103">
        <v>123</v>
      </c>
      <c r="CL20" s="104">
        <v>151</v>
      </c>
      <c r="CM20" s="101">
        <v>323</v>
      </c>
      <c r="CN20" s="102">
        <v>411</v>
      </c>
      <c r="CO20" s="103">
        <v>734</v>
      </c>
      <c r="CP20" s="413">
        <v>0</v>
      </c>
      <c r="CQ20" s="102">
        <v>575</v>
      </c>
      <c r="CR20" s="102">
        <v>873</v>
      </c>
      <c r="CS20" s="102">
        <v>599</v>
      </c>
      <c r="CT20" s="102">
        <v>459</v>
      </c>
      <c r="CU20" s="102">
        <v>261</v>
      </c>
      <c r="CV20" s="103">
        <v>2767</v>
      </c>
      <c r="CW20" s="104">
        <v>3501</v>
      </c>
      <c r="CX20" s="105">
        <v>677</v>
      </c>
      <c r="CY20" s="97">
        <v>912</v>
      </c>
      <c r="CZ20" s="98">
        <v>1589</v>
      </c>
      <c r="DA20" s="413">
        <v>0</v>
      </c>
      <c r="DB20" s="97">
        <v>927</v>
      </c>
      <c r="DC20" s="97">
        <v>1338</v>
      </c>
      <c r="DD20" s="97">
        <v>1006</v>
      </c>
      <c r="DE20" s="97">
        <v>927</v>
      </c>
      <c r="DF20" s="97">
        <v>607</v>
      </c>
      <c r="DG20" s="99">
        <v>4805</v>
      </c>
      <c r="DH20" s="100">
        <v>6394</v>
      </c>
      <c r="DI20" s="101">
        <v>15</v>
      </c>
      <c r="DJ20" s="102">
        <v>33</v>
      </c>
      <c r="DK20" s="103">
        <v>48</v>
      </c>
      <c r="DL20" s="413">
        <v>0</v>
      </c>
      <c r="DM20" s="102">
        <v>11</v>
      </c>
      <c r="DN20" s="102">
        <v>33</v>
      </c>
      <c r="DO20" s="102">
        <v>27</v>
      </c>
      <c r="DP20" s="102">
        <v>18</v>
      </c>
      <c r="DQ20" s="102">
        <v>19</v>
      </c>
      <c r="DR20" s="103">
        <v>108</v>
      </c>
      <c r="DS20" s="104">
        <v>156</v>
      </c>
      <c r="DT20" s="101">
        <v>47</v>
      </c>
      <c r="DU20" s="102">
        <v>70</v>
      </c>
      <c r="DV20" s="103">
        <v>117</v>
      </c>
      <c r="DW20" s="413">
        <v>0</v>
      </c>
      <c r="DX20" s="102">
        <v>64</v>
      </c>
      <c r="DY20" s="102">
        <v>73</v>
      </c>
      <c r="DZ20" s="102">
        <v>54</v>
      </c>
      <c r="EA20" s="102">
        <v>60</v>
      </c>
      <c r="EB20" s="102">
        <v>24</v>
      </c>
      <c r="EC20" s="103">
        <v>275</v>
      </c>
      <c r="ED20" s="104">
        <v>392</v>
      </c>
      <c r="EE20" s="101">
        <v>114</v>
      </c>
      <c r="EF20" s="102">
        <v>152</v>
      </c>
      <c r="EG20" s="103">
        <v>266</v>
      </c>
      <c r="EH20" s="413">
        <v>0</v>
      </c>
      <c r="EI20" s="102">
        <v>115</v>
      </c>
      <c r="EJ20" s="102">
        <v>167</v>
      </c>
      <c r="EK20" s="102">
        <v>122</v>
      </c>
      <c r="EL20" s="102">
        <v>90</v>
      </c>
      <c r="EM20" s="102">
        <v>68</v>
      </c>
      <c r="EN20" s="103">
        <v>562</v>
      </c>
      <c r="EO20" s="104">
        <v>828</v>
      </c>
      <c r="EP20" s="101">
        <v>230</v>
      </c>
      <c r="EQ20" s="102">
        <v>265</v>
      </c>
      <c r="ER20" s="103">
        <v>495</v>
      </c>
      <c r="ES20" s="413">
        <v>0</v>
      </c>
      <c r="ET20" s="102">
        <v>248</v>
      </c>
      <c r="EU20" s="102">
        <v>350</v>
      </c>
      <c r="EV20" s="102">
        <v>227</v>
      </c>
      <c r="EW20" s="102">
        <v>178</v>
      </c>
      <c r="EX20" s="102">
        <v>125</v>
      </c>
      <c r="EY20" s="103">
        <v>1128</v>
      </c>
      <c r="EZ20" s="104">
        <v>1623</v>
      </c>
      <c r="FA20" s="101">
        <v>182</v>
      </c>
      <c r="FB20" s="102">
        <v>248</v>
      </c>
      <c r="FC20" s="103">
        <v>430</v>
      </c>
      <c r="FD20" s="413">
        <v>0</v>
      </c>
      <c r="FE20" s="102">
        <v>276</v>
      </c>
      <c r="FF20" s="102">
        <v>360</v>
      </c>
      <c r="FG20" s="102">
        <v>272</v>
      </c>
      <c r="FH20" s="102">
        <v>231</v>
      </c>
      <c r="FI20" s="102">
        <v>173</v>
      </c>
      <c r="FJ20" s="103">
        <v>1312</v>
      </c>
      <c r="FK20" s="104">
        <v>1742</v>
      </c>
      <c r="FL20" s="101">
        <v>89</v>
      </c>
      <c r="FM20" s="102">
        <v>144</v>
      </c>
      <c r="FN20" s="103">
        <v>233</v>
      </c>
      <c r="FO20" s="413">
        <v>0</v>
      </c>
      <c r="FP20" s="102">
        <v>213</v>
      </c>
      <c r="FQ20" s="102">
        <v>355</v>
      </c>
      <c r="FR20" s="102">
        <v>304</v>
      </c>
      <c r="FS20" s="102">
        <v>350</v>
      </c>
      <c r="FT20" s="102">
        <v>198</v>
      </c>
      <c r="FU20" s="103">
        <v>1420</v>
      </c>
      <c r="FV20" s="104">
        <v>1653</v>
      </c>
      <c r="FW20" s="101">
        <v>6</v>
      </c>
      <c r="FX20" s="102">
        <v>17</v>
      </c>
      <c r="FY20" s="103">
        <v>23</v>
      </c>
      <c r="FZ20" s="413">
        <v>0</v>
      </c>
      <c r="GA20" s="102">
        <v>7</v>
      </c>
      <c r="GB20" s="102">
        <v>32</v>
      </c>
      <c r="GC20" s="102">
        <v>12</v>
      </c>
      <c r="GD20" s="102">
        <v>17</v>
      </c>
      <c r="GE20" s="102">
        <v>21</v>
      </c>
      <c r="GF20" s="103">
        <v>89</v>
      </c>
      <c r="GG20" s="104">
        <v>112</v>
      </c>
      <c r="GH20" s="101">
        <v>683</v>
      </c>
      <c r="GI20" s="102">
        <v>929</v>
      </c>
      <c r="GJ20" s="103">
        <v>1612</v>
      </c>
      <c r="GK20" s="413">
        <v>0</v>
      </c>
      <c r="GL20" s="102">
        <v>934</v>
      </c>
      <c r="GM20" s="102">
        <v>1370</v>
      </c>
      <c r="GN20" s="102">
        <v>1018</v>
      </c>
      <c r="GO20" s="102">
        <v>944</v>
      </c>
      <c r="GP20" s="102">
        <v>628</v>
      </c>
      <c r="GQ20" s="103">
        <v>4894</v>
      </c>
      <c r="GR20" s="104">
        <v>6506</v>
      </c>
      <c r="GS20" s="105">
        <v>993</v>
      </c>
      <c r="GT20" s="97">
        <v>1302</v>
      </c>
      <c r="GU20" s="98">
        <v>2295</v>
      </c>
      <c r="GV20" s="413">
        <v>0</v>
      </c>
      <c r="GW20" s="97">
        <v>1478</v>
      </c>
      <c r="GX20" s="97">
        <v>2171</v>
      </c>
      <c r="GY20" s="97">
        <v>1579</v>
      </c>
      <c r="GZ20" s="97">
        <v>1371</v>
      </c>
      <c r="HA20" s="97">
        <v>850</v>
      </c>
      <c r="HB20" s="99">
        <v>7449</v>
      </c>
      <c r="HC20" s="100">
        <v>9744</v>
      </c>
      <c r="HD20" s="101">
        <v>33</v>
      </c>
      <c r="HE20" s="102">
        <v>52</v>
      </c>
      <c r="HF20" s="103">
        <v>85</v>
      </c>
      <c r="HG20" s="416">
        <v>0</v>
      </c>
      <c r="HH20" s="102">
        <v>28</v>
      </c>
      <c r="HI20" s="102">
        <v>79</v>
      </c>
      <c r="HJ20" s="102">
        <v>58</v>
      </c>
      <c r="HK20" s="102">
        <v>46</v>
      </c>
      <c r="HL20" s="102">
        <v>38</v>
      </c>
      <c r="HM20" s="103">
        <v>249</v>
      </c>
      <c r="HN20" s="104">
        <v>334</v>
      </c>
      <c r="HO20" s="101">
        <v>69</v>
      </c>
      <c r="HP20" s="102">
        <v>118</v>
      </c>
      <c r="HQ20" s="103">
        <v>187</v>
      </c>
      <c r="HR20" s="413">
        <v>0</v>
      </c>
      <c r="HS20" s="102">
        <v>119</v>
      </c>
      <c r="HT20" s="102">
        <v>168</v>
      </c>
      <c r="HU20" s="102">
        <v>116</v>
      </c>
      <c r="HV20" s="102">
        <v>116</v>
      </c>
      <c r="HW20" s="102">
        <v>55</v>
      </c>
      <c r="HX20" s="103">
        <v>574</v>
      </c>
      <c r="HY20" s="104">
        <v>761</v>
      </c>
      <c r="HZ20" s="101">
        <v>156</v>
      </c>
      <c r="IA20" s="102">
        <v>221</v>
      </c>
      <c r="IB20" s="103">
        <v>377</v>
      </c>
      <c r="IC20" s="413">
        <v>0</v>
      </c>
      <c r="ID20" s="102">
        <v>212</v>
      </c>
      <c r="IE20" s="102">
        <v>325</v>
      </c>
      <c r="IF20" s="102">
        <v>224</v>
      </c>
      <c r="IG20" s="102">
        <v>158</v>
      </c>
      <c r="IH20" s="102">
        <v>122</v>
      </c>
      <c r="II20" s="103">
        <v>1041</v>
      </c>
      <c r="IJ20" s="104">
        <v>1418</v>
      </c>
      <c r="IK20" s="101">
        <v>331</v>
      </c>
      <c r="IL20" s="102">
        <v>365</v>
      </c>
      <c r="IM20" s="103">
        <v>696</v>
      </c>
      <c r="IN20" s="413">
        <v>0</v>
      </c>
      <c r="IO20" s="102">
        <v>411</v>
      </c>
      <c r="IP20" s="102">
        <v>578</v>
      </c>
      <c r="IQ20" s="102">
        <v>384</v>
      </c>
      <c r="IR20" s="102">
        <v>291</v>
      </c>
      <c r="IS20" s="102">
        <v>178</v>
      </c>
      <c r="IT20" s="103">
        <v>1842</v>
      </c>
      <c r="IU20" s="104">
        <v>2538</v>
      </c>
      <c r="IV20" s="101">
        <v>267</v>
      </c>
      <c r="IW20" s="102">
        <v>337</v>
      </c>
      <c r="IX20" s="103">
        <v>604</v>
      </c>
      <c r="IY20" s="413">
        <v>0</v>
      </c>
      <c r="IZ20" s="102">
        <v>410</v>
      </c>
      <c r="JA20" s="102">
        <v>536</v>
      </c>
      <c r="JB20" s="102">
        <v>401</v>
      </c>
      <c r="JC20" s="102">
        <v>341</v>
      </c>
      <c r="JD20" s="102">
        <v>223</v>
      </c>
      <c r="JE20" s="103">
        <v>1911</v>
      </c>
      <c r="JF20" s="104">
        <v>2515</v>
      </c>
      <c r="JG20" s="101">
        <v>137</v>
      </c>
      <c r="JH20" s="102">
        <v>209</v>
      </c>
      <c r="JI20" s="103">
        <v>346</v>
      </c>
      <c r="JJ20" s="413">
        <v>0</v>
      </c>
      <c r="JK20" s="102">
        <v>298</v>
      </c>
      <c r="JL20" s="102">
        <v>485</v>
      </c>
      <c r="JM20" s="102">
        <v>396</v>
      </c>
      <c r="JN20" s="102">
        <v>419</v>
      </c>
      <c r="JO20" s="102">
        <v>234</v>
      </c>
      <c r="JP20" s="103">
        <v>1832</v>
      </c>
      <c r="JQ20" s="104">
        <v>2178</v>
      </c>
      <c r="JR20" s="101">
        <v>13</v>
      </c>
      <c r="JS20" s="102">
        <v>38</v>
      </c>
      <c r="JT20" s="103">
        <v>51</v>
      </c>
      <c r="JU20" s="413">
        <v>0</v>
      </c>
      <c r="JV20" s="102">
        <v>31</v>
      </c>
      <c r="JW20" s="102">
        <v>72</v>
      </c>
      <c r="JX20" s="102">
        <v>38</v>
      </c>
      <c r="JY20" s="102">
        <v>32</v>
      </c>
      <c r="JZ20" s="102">
        <v>39</v>
      </c>
      <c r="KA20" s="103">
        <v>212</v>
      </c>
      <c r="KB20" s="104">
        <v>263</v>
      </c>
      <c r="KC20" s="101">
        <v>1006</v>
      </c>
      <c r="KD20" s="102">
        <v>1340</v>
      </c>
      <c r="KE20" s="103">
        <v>2346</v>
      </c>
      <c r="KF20" s="413">
        <v>0</v>
      </c>
      <c r="KG20" s="102">
        <v>1509</v>
      </c>
      <c r="KH20" s="102">
        <v>2243</v>
      </c>
      <c r="KI20" s="102">
        <v>1617</v>
      </c>
      <c r="KJ20" s="102">
        <v>1403</v>
      </c>
      <c r="KK20" s="102">
        <v>889</v>
      </c>
      <c r="KL20" s="103">
        <v>7661</v>
      </c>
      <c r="KM20" s="104">
        <v>10007</v>
      </c>
    </row>
    <row r="21" spans="2:299" s="70" customFormat="1" ht="21" customHeight="1" x14ac:dyDescent="0.2">
      <c r="B21" s="106" t="s">
        <v>18</v>
      </c>
      <c r="C21" s="96">
        <v>460</v>
      </c>
      <c r="D21" s="97">
        <v>464</v>
      </c>
      <c r="E21" s="98">
        <v>924</v>
      </c>
      <c r="F21" s="413">
        <v>0</v>
      </c>
      <c r="G21" s="97">
        <v>991</v>
      </c>
      <c r="H21" s="97">
        <v>843</v>
      </c>
      <c r="I21" s="97">
        <v>526</v>
      </c>
      <c r="J21" s="97">
        <v>434</v>
      </c>
      <c r="K21" s="97">
        <v>292</v>
      </c>
      <c r="L21" s="99">
        <v>3086</v>
      </c>
      <c r="M21" s="100">
        <v>4010</v>
      </c>
      <c r="N21" s="101">
        <v>24</v>
      </c>
      <c r="O21" s="102">
        <v>19</v>
      </c>
      <c r="P21" s="103">
        <v>43</v>
      </c>
      <c r="Q21" s="413">
        <v>0</v>
      </c>
      <c r="R21" s="102">
        <v>54</v>
      </c>
      <c r="S21" s="102">
        <v>47</v>
      </c>
      <c r="T21" s="102">
        <v>29</v>
      </c>
      <c r="U21" s="102">
        <v>24</v>
      </c>
      <c r="V21" s="102">
        <v>30</v>
      </c>
      <c r="W21" s="103">
        <v>184</v>
      </c>
      <c r="X21" s="104">
        <v>227</v>
      </c>
      <c r="Y21" s="101">
        <v>43</v>
      </c>
      <c r="Z21" s="102">
        <v>52</v>
      </c>
      <c r="AA21" s="103">
        <v>95</v>
      </c>
      <c r="AB21" s="413">
        <v>0</v>
      </c>
      <c r="AC21" s="102">
        <v>104</v>
      </c>
      <c r="AD21" s="102">
        <v>88</v>
      </c>
      <c r="AE21" s="102">
        <v>61</v>
      </c>
      <c r="AF21" s="102">
        <v>52</v>
      </c>
      <c r="AG21" s="102">
        <v>31</v>
      </c>
      <c r="AH21" s="103">
        <v>336</v>
      </c>
      <c r="AI21" s="104">
        <v>431</v>
      </c>
      <c r="AJ21" s="101">
        <v>79</v>
      </c>
      <c r="AK21" s="102">
        <v>78</v>
      </c>
      <c r="AL21" s="103">
        <v>157</v>
      </c>
      <c r="AM21" s="413">
        <v>0</v>
      </c>
      <c r="AN21" s="102">
        <v>156</v>
      </c>
      <c r="AO21" s="102">
        <v>130</v>
      </c>
      <c r="AP21" s="102">
        <v>85</v>
      </c>
      <c r="AQ21" s="102">
        <v>68</v>
      </c>
      <c r="AR21" s="102">
        <v>56</v>
      </c>
      <c r="AS21" s="103">
        <v>495</v>
      </c>
      <c r="AT21" s="104">
        <v>652</v>
      </c>
      <c r="AU21" s="101">
        <v>135</v>
      </c>
      <c r="AV21" s="102">
        <v>126</v>
      </c>
      <c r="AW21" s="103">
        <v>261</v>
      </c>
      <c r="AX21" s="413">
        <v>0</v>
      </c>
      <c r="AY21" s="102">
        <v>285</v>
      </c>
      <c r="AZ21" s="102">
        <v>239</v>
      </c>
      <c r="BA21" s="102">
        <v>124</v>
      </c>
      <c r="BB21" s="102">
        <v>107</v>
      </c>
      <c r="BC21" s="102">
        <v>91</v>
      </c>
      <c r="BD21" s="103">
        <v>846</v>
      </c>
      <c r="BE21" s="104">
        <v>1107</v>
      </c>
      <c r="BF21" s="101">
        <v>118</v>
      </c>
      <c r="BG21" s="102">
        <v>128</v>
      </c>
      <c r="BH21" s="103">
        <v>246</v>
      </c>
      <c r="BI21" s="413">
        <v>0</v>
      </c>
      <c r="BJ21" s="102">
        <v>244</v>
      </c>
      <c r="BK21" s="102">
        <v>210</v>
      </c>
      <c r="BL21" s="102">
        <v>142</v>
      </c>
      <c r="BM21" s="102">
        <v>103</v>
      </c>
      <c r="BN21" s="102">
        <v>53</v>
      </c>
      <c r="BO21" s="103">
        <v>752</v>
      </c>
      <c r="BP21" s="104">
        <v>998</v>
      </c>
      <c r="BQ21" s="101">
        <v>61</v>
      </c>
      <c r="BR21" s="102">
        <v>61</v>
      </c>
      <c r="BS21" s="103">
        <v>122</v>
      </c>
      <c r="BT21" s="413">
        <v>0</v>
      </c>
      <c r="BU21" s="102">
        <v>148</v>
      </c>
      <c r="BV21" s="102">
        <v>129</v>
      </c>
      <c r="BW21" s="102">
        <v>85</v>
      </c>
      <c r="BX21" s="102">
        <v>80</v>
      </c>
      <c r="BY21" s="102">
        <v>31</v>
      </c>
      <c r="BZ21" s="103">
        <v>473</v>
      </c>
      <c r="CA21" s="104">
        <v>595</v>
      </c>
      <c r="CB21" s="101">
        <v>11</v>
      </c>
      <c r="CC21" s="102">
        <v>26</v>
      </c>
      <c r="CD21" s="103">
        <v>37</v>
      </c>
      <c r="CE21" s="413">
        <v>0</v>
      </c>
      <c r="CF21" s="102">
        <v>27</v>
      </c>
      <c r="CG21" s="102">
        <v>43</v>
      </c>
      <c r="CH21" s="102">
        <v>23</v>
      </c>
      <c r="CI21" s="102">
        <v>28</v>
      </c>
      <c r="CJ21" s="102">
        <v>22</v>
      </c>
      <c r="CK21" s="103">
        <v>143</v>
      </c>
      <c r="CL21" s="104">
        <v>180</v>
      </c>
      <c r="CM21" s="101">
        <v>471</v>
      </c>
      <c r="CN21" s="102">
        <v>490</v>
      </c>
      <c r="CO21" s="103">
        <v>961</v>
      </c>
      <c r="CP21" s="413">
        <v>0</v>
      </c>
      <c r="CQ21" s="102">
        <v>1018</v>
      </c>
      <c r="CR21" s="102">
        <v>886</v>
      </c>
      <c r="CS21" s="102">
        <v>549</v>
      </c>
      <c r="CT21" s="102">
        <v>462</v>
      </c>
      <c r="CU21" s="102">
        <v>314</v>
      </c>
      <c r="CV21" s="103">
        <v>3229</v>
      </c>
      <c r="CW21" s="104">
        <v>4190</v>
      </c>
      <c r="CX21" s="105">
        <v>809</v>
      </c>
      <c r="CY21" s="97">
        <v>1165</v>
      </c>
      <c r="CZ21" s="98">
        <v>1974</v>
      </c>
      <c r="DA21" s="413">
        <v>0</v>
      </c>
      <c r="DB21" s="97">
        <v>1501</v>
      </c>
      <c r="DC21" s="97">
        <v>1260</v>
      </c>
      <c r="DD21" s="97">
        <v>1012</v>
      </c>
      <c r="DE21" s="97">
        <v>991</v>
      </c>
      <c r="DF21" s="97">
        <v>650</v>
      </c>
      <c r="DG21" s="99">
        <v>5414</v>
      </c>
      <c r="DH21" s="100">
        <v>7388</v>
      </c>
      <c r="DI21" s="101">
        <v>13</v>
      </c>
      <c r="DJ21" s="102">
        <v>33</v>
      </c>
      <c r="DK21" s="103">
        <v>46</v>
      </c>
      <c r="DL21" s="413">
        <v>0</v>
      </c>
      <c r="DM21" s="102">
        <v>41</v>
      </c>
      <c r="DN21" s="102">
        <v>19</v>
      </c>
      <c r="DO21" s="102">
        <v>13</v>
      </c>
      <c r="DP21" s="102">
        <v>24</v>
      </c>
      <c r="DQ21" s="102">
        <v>15</v>
      </c>
      <c r="DR21" s="103">
        <v>112</v>
      </c>
      <c r="DS21" s="104">
        <v>158</v>
      </c>
      <c r="DT21" s="101">
        <v>71</v>
      </c>
      <c r="DU21" s="102">
        <v>84</v>
      </c>
      <c r="DV21" s="103">
        <v>155</v>
      </c>
      <c r="DW21" s="413">
        <v>0</v>
      </c>
      <c r="DX21" s="102">
        <v>92</v>
      </c>
      <c r="DY21" s="102">
        <v>71</v>
      </c>
      <c r="DZ21" s="102">
        <v>39</v>
      </c>
      <c r="EA21" s="102">
        <v>50</v>
      </c>
      <c r="EB21" s="102">
        <v>36</v>
      </c>
      <c r="EC21" s="103">
        <v>288</v>
      </c>
      <c r="ED21" s="104">
        <v>443</v>
      </c>
      <c r="EE21" s="101">
        <v>148</v>
      </c>
      <c r="EF21" s="102">
        <v>182</v>
      </c>
      <c r="EG21" s="103">
        <v>330</v>
      </c>
      <c r="EH21" s="413">
        <v>0</v>
      </c>
      <c r="EI21" s="102">
        <v>202</v>
      </c>
      <c r="EJ21" s="102">
        <v>148</v>
      </c>
      <c r="EK21" s="102">
        <v>107</v>
      </c>
      <c r="EL21" s="102">
        <v>105</v>
      </c>
      <c r="EM21" s="102">
        <v>72</v>
      </c>
      <c r="EN21" s="103">
        <v>634</v>
      </c>
      <c r="EO21" s="104">
        <v>964</v>
      </c>
      <c r="EP21" s="101">
        <v>277</v>
      </c>
      <c r="EQ21" s="102">
        <v>365</v>
      </c>
      <c r="ER21" s="103">
        <v>642</v>
      </c>
      <c r="ES21" s="413">
        <v>0</v>
      </c>
      <c r="ET21" s="102">
        <v>415</v>
      </c>
      <c r="EU21" s="102">
        <v>285</v>
      </c>
      <c r="EV21" s="102">
        <v>243</v>
      </c>
      <c r="EW21" s="102">
        <v>201</v>
      </c>
      <c r="EX21" s="102">
        <v>134</v>
      </c>
      <c r="EY21" s="103">
        <v>1278</v>
      </c>
      <c r="EZ21" s="104">
        <v>1920</v>
      </c>
      <c r="FA21" s="101">
        <v>201</v>
      </c>
      <c r="FB21" s="102">
        <v>317</v>
      </c>
      <c r="FC21" s="103">
        <v>518</v>
      </c>
      <c r="FD21" s="413">
        <v>0</v>
      </c>
      <c r="FE21" s="102">
        <v>424</v>
      </c>
      <c r="FF21" s="102">
        <v>394</v>
      </c>
      <c r="FG21" s="102">
        <v>293</v>
      </c>
      <c r="FH21" s="102">
        <v>241</v>
      </c>
      <c r="FI21" s="102">
        <v>176</v>
      </c>
      <c r="FJ21" s="103">
        <v>1528</v>
      </c>
      <c r="FK21" s="104">
        <v>2046</v>
      </c>
      <c r="FL21" s="101">
        <v>99</v>
      </c>
      <c r="FM21" s="102">
        <v>184</v>
      </c>
      <c r="FN21" s="103">
        <v>283</v>
      </c>
      <c r="FO21" s="413">
        <v>0</v>
      </c>
      <c r="FP21" s="102">
        <v>327</v>
      </c>
      <c r="FQ21" s="102">
        <v>343</v>
      </c>
      <c r="FR21" s="102">
        <v>317</v>
      </c>
      <c r="FS21" s="102">
        <v>370</v>
      </c>
      <c r="FT21" s="102">
        <v>217</v>
      </c>
      <c r="FU21" s="103">
        <v>1574</v>
      </c>
      <c r="FV21" s="104">
        <v>1857</v>
      </c>
      <c r="FW21" s="101">
        <v>18</v>
      </c>
      <c r="FX21" s="102">
        <v>8</v>
      </c>
      <c r="FY21" s="103">
        <v>26</v>
      </c>
      <c r="FZ21" s="413">
        <v>0</v>
      </c>
      <c r="GA21" s="102">
        <v>24</v>
      </c>
      <c r="GB21" s="102">
        <v>32</v>
      </c>
      <c r="GC21" s="102">
        <v>10</v>
      </c>
      <c r="GD21" s="102">
        <v>16</v>
      </c>
      <c r="GE21" s="102">
        <v>17</v>
      </c>
      <c r="GF21" s="103">
        <v>99</v>
      </c>
      <c r="GG21" s="104">
        <v>125</v>
      </c>
      <c r="GH21" s="101">
        <v>827</v>
      </c>
      <c r="GI21" s="102">
        <v>1173</v>
      </c>
      <c r="GJ21" s="103">
        <v>2000</v>
      </c>
      <c r="GK21" s="413">
        <v>0</v>
      </c>
      <c r="GL21" s="102">
        <v>1525</v>
      </c>
      <c r="GM21" s="102">
        <v>1292</v>
      </c>
      <c r="GN21" s="102">
        <v>1022</v>
      </c>
      <c r="GO21" s="102">
        <v>1007</v>
      </c>
      <c r="GP21" s="102">
        <v>667</v>
      </c>
      <c r="GQ21" s="103">
        <v>5513</v>
      </c>
      <c r="GR21" s="104">
        <v>7513</v>
      </c>
      <c r="GS21" s="105">
        <v>1269</v>
      </c>
      <c r="GT21" s="97">
        <v>1629</v>
      </c>
      <c r="GU21" s="98">
        <v>2898</v>
      </c>
      <c r="GV21" s="413">
        <v>0</v>
      </c>
      <c r="GW21" s="97">
        <v>2492</v>
      </c>
      <c r="GX21" s="97">
        <v>2103</v>
      </c>
      <c r="GY21" s="97">
        <v>1538</v>
      </c>
      <c r="GZ21" s="97">
        <v>1425</v>
      </c>
      <c r="HA21" s="97">
        <v>942</v>
      </c>
      <c r="HB21" s="99">
        <v>8500</v>
      </c>
      <c r="HC21" s="100">
        <v>11398</v>
      </c>
      <c r="HD21" s="101">
        <v>37</v>
      </c>
      <c r="HE21" s="102">
        <v>52</v>
      </c>
      <c r="HF21" s="103">
        <v>89</v>
      </c>
      <c r="HG21" s="416">
        <v>0</v>
      </c>
      <c r="HH21" s="102">
        <v>95</v>
      </c>
      <c r="HI21" s="102">
        <v>66</v>
      </c>
      <c r="HJ21" s="102">
        <v>42</v>
      </c>
      <c r="HK21" s="102">
        <v>48</v>
      </c>
      <c r="HL21" s="102">
        <v>45</v>
      </c>
      <c r="HM21" s="103">
        <v>296</v>
      </c>
      <c r="HN21" s="104">
        <v>385</v>
      </c>
      <c r="HO21" s="101">
        <v>114</v>
      </c>
      <c r="HP21" s="102">
        <v>136</v>
      </c>
      <c r="HQ21" s="103">
        <v>250</v>
      </c>
      <c r="HR21" s="413">
        <v>0</v>
      </c>
      <c r="HS21" s="102">
        <v>196</v>
      </c>
      <c r="HT21" s="102">
        <v>159</v>
      </c>
      <c r="HU21" s="102">
        <v>100</v>
      </c>
      <c r="HV21" s="102">
        <v>102</v>
      </c>
      <c r="HW21" s="102">
        <v>67</v>
      </c>
      <c r="HX21" s="103">
        <v>624</v>
      </c>
      <c r="HY21" s="104">
        <v>874</v>
      </c>
      <c r="HZ21" s="101">
        <v>227</v>
      </c>
      <c r="IA21" s="102">
        <v>260</v>
      </c>
      <c r="IB21" s="103">
        <v>487</v>
      </c>
      <c r="IC21" s="413">
        <v>0</v>
      </c>
      <c r="ID21" s="102">
        <v>358</v>
      </c>
      <c r="IE21" s="102">
        <v>278</v>
      </c>
      <c r="IF21" s="102">
        <v>192</v>
      </c>
      <c r="IG21" s="102">
        <v>173</v>
      </c>
      <c r="IH21" s="102">
        <v>128</v>
      </c>
      <c r="II21" s="103">
        <v>1129</v>
      </c>
      <c r="IJ21" s="104">
        <v>1616</v>
      </c>
      <c r="IK21" s="101">
        <v>412</v>
      </c>
      <c r="IL21" s="102">
        <v>491</v>
      </c>
      <c r="IM21" s="103">
        <v>903</v>
      </c>
      <c r="IN21" s="413">
        <v>0</v>
      </c>
      <c r="IO21" s="102">
        <v>700</v>
      </c>
      <c r="IP21" s="102">
        <v>524</v>
      </c>
      <c r="IQ21" s="102">
        <v>367</v>
      </c>
      <c r="IR21" s="102">
        <v>308</v>
      </c>
      <c r="IS21" s="102">
        <v>225</v>
      </c>
      <c r="IT21" s="103">
        <v>2124</v>
      </c>
      <c r="IU21" s="104">
        <v>3027</v>
      </c>
      <c r="IV21" s="101">
        <v>319</v>
      </c>
      <c r="IW21" s="102">
        <v>445</v>
      </c>
      <c r="IX21" s="103">
        <v>764</v>
      </c>
      <c r="IY21" s="413">
        <v>0</v>
      </c>
      <c r="IZ21" s="102">
        <v>668</v>
      </c>
      <c r="JA21" s="102">
        <v>604</v>
      </c>
      <c r="JB21" s="102">
        <v>435</v>
      </c>
      <c r="JC21" s="102">
        <v>344</v>
      </c>
      <c r="JD21" s="102">
        <v>229</v>
      </c>
      <c r="JE21" s="103">
        <v>2280</v>
      </c>
      <c r="JF21" s="104">
        <v>3044</v>
      </c>
      <c r="JG21" s="101">
        <v>160</v>
      </c>
      <c r="JH21" s="102">
        <v>245</v>
      </c>
      <c r="JI21" s="103">
        <v>405</v>
      </c>
      <c r="JJ21" s="413">
        <v>0</v>
      </c>
      <c r="JK21" s="102">
        <v>475</v>
      </c>
      <c r="JL21" s="102">
        <v>472</v>
      </c>
      <c r="JM21" s="102">
        <v>402</v>
      </c>
      <c r="JN21" s="102">
        <v>450</v>
      </c>
      <c r="JO21" s="102">
        <v>248</v>
      </c>
      <c r="JP21" s="103">
        <v>2047</v>
      </c>
      <c r="JQ21" s="104">
        <v>2452</v>
      </c>
      <c r="JR21" s="101">
        <v>29</v>
      </c>
      <c r="JS21" s="102">
        <v>34</v>
      </c>
      <c r="JT21" s="103">
        <v>63</v>
      </c>
      <c r="JU21" s="413">
        <v>0</v>
      </c>
      <c r="JV21" s="102">
        <v>51</v>
      </c>
      <c r="JW21" s="102">
        <v>75</v>
      </c>
      <c r="JX21" s="102">
        <v>33</v>
      </c>
      <c r="JY21" s="102">
        <v>44</v>
      </c>
      <c r="JZ21" s="102">
        <v>39</v>
      </c>
      <c r="KA21" s="103">
        <v>242</v>
      </c>
      <c r="KB21" s="104">
        <v>305</v>
      </c>
      <c r="KC21" s="101">
        <v>1298</v>
      </c>
      <c r="KD21" s="102">
        <v>1663</v>
      </c>
      <c r="KE21" s="103">
        <v>2961</v>
      </c>
      <c r="KF21" s="413">
        <v>0</v>
      </c>
      <c r="KG21" s="102">
        <v>2543</v>
      </c>
      <c r="KH21" s="102">
        <v>2178</v>
      </c>
      <c r="KI21" s="102">
        <v>1571</v>
      </c>
      <c r="KJ21" s="102">
        <v>1469</v>
      </c>
      <c r="KK21" s="102">
        <v>981</v>
      </c>
      <c r="KL21" s="103">
        <v>8742</v>
      </c>
      <c r="KM21" s="104">
        <v>11703</v>
      </c>
    </row>
    <row r="22" spans="2:299" s="70" customFormat="1" ht="21" customHeight="1" x14ac:dyDescent="0.2">
      <c r="B22" s="106" t="s">
        <v>19</v>
      </c>
      <c r="C22" s="96">
        <v>233</v>
      </c>
      <c r="D22" s="97">
        <v>168</v>
      </c>
      <c r="E22" s="98">
        <v>401</v>
      </c>
      <c r="F22" s="413">
        <v>0</v>
      </c>
      <c r="G22" s="97">
        <v>404</v>
      </c>
      <c r="H22" s="97">
        <v>318</v>
      </c>
      <c r="I22" s="97">
        <v>227</v>
      </c>
      <c r="J22" s="97">
        <v>150</v>
      </c>
      <c r="K22" s="97">
        <v>111</v>
      </c>
      <c r="L22" s="99">
        <v>1210</v>
      </c>
      <c r="M22" s="100">
        <v>1611</v>
      </c>
      <c r="N22" s="107">
        <v>7</v>
      </c>
      <c r="O22" s="102">
        <v>9</v>
      </c>
      <c r="P22" s="103">
        <v>16</v>
      </c>
      <c r="Q22" s="413">
        <v>0</v>
      </c>
      <c r="R22" s="102">
        <v>16</v>
      </c>
      <c r="S22" s="102">
        <v>12</v>
      </c>
      <c r="T22" s="102">
        <v>16</v>
      </c>
      <c r="U22" s="102">
        <v>5</v>
      </c>
      <c r="V22" s="102">
        <v>8</v>
      </c>
      <c r="W22" s="103">
        <v>57</v>
      </c>
      <c r="X22" s="104">
        <v>73</v>
      </c>
      <c r="Y22" s="101">
        <v>21</v>
      </c>
      <c r="Z22" s="102">
        <v>20</v>
      </c>
      <c r="AA22" s="103">
        <v>41</v>
      </c>
      <c r="AB22" s="413">
        <v>0</v>
      </c>
      <c r="AC22" s="102">
        <v>42</v>
      </c>
      <c r="AD22" s="102">
        <v>33</v>
      </c>
      <c r="AE22" s="102">
        <v>21</v>
      </c>
      <c r="AF22" s="102">
        <v>15</v>
      </c>
      <c r="AG22" s="102">
        <v>13</v>
      </c>
      <c r="AH22" s="103">
        <v>124</v>
      </c>
      <c r="AI22" s="104">
        <v>165</v>
      </c>
      <c r="AJ22" s="107">
        <v>35</v>
      </c>
      <c r="AK22" s="102">
        <v>27</v>
      </c>
      <c r="AL22" s="103">
        <v>62</v>
      </c>
      <c r="AM22" s="413">
        <v>0</v>
      </c>
      <c r="AN22" s="102">
        <v>71</v>
      </c>
      <c r="AO22" s="102">
        <v>60</v>
      </c>
      <c r="AP22" s="102">
        <v>35</v>
      </c>
      <c r="AQ22" s="102">
        <v>31</v>
      </c>
      <c r="AR22" s="102">
        <v>16</v>
      </c>
      <c r="AS22" s="103">
        <v>213</v>
      </c>
      <c r="AT22" s="104">
        <v>275</v>
      </c>
      <c r="AU22" s="101">
        <v>66</v>
      </c>
      <c r="AV22" s="102">
        <v>42</v>
      </c>
      <c r="AW22" s="103">
        <v>108</v>
      </c>
      <c r="AX22" s="413">
        <v>0</v>
      </c>
      <c r="AY22" s="102">
        <v>94</v>
      </c>
      <c r="AZ22" s="102">
        <v>83</v>
      </c>
      <c r="BA22" s="102">
        <v>62</v>
      </c>
      <c r="BB22" s="102">
        <v>41</v>
      </c>
      <c r="BC22" s="102">
        <v>25</v>
      </c>
      <c r="BD22" s="103">
        <v>305</v>
      </c>
      <c r="BE22" s="104">
        <v>413</v>
      </c>
      <c r="BF22" s="107">
        <v>66</v>
      </c>
      <c r="BG22" s="102">
        <v>32</v>
      </c>
      <c r="BH22" s="103">
        <v>98</v>
      </c>
      <c r="BI22" s="413">
        <v>0</v>
      </c>
      <c r="BJ22" s="102">
        <v>107</v>
      </c>
      <c r="BK22" s="102">
        <v>76</v>
      </c>
      <c r="BL22" s="102">
        <v>50</v>
      </c>
      <c r="BM22" s="102">
        <v>40</v>
      </c>
      <c r="BN22" s="102">
        <v>33</v>
      </c>
      <c r="BO22" s="103">
        <v>306</v>
      </c>
      <c r="BP22" s="104">
        <v>404</v>
      </c>
      <c r="BQ22" s="101">
        <v>38</v>
      </c>
      <c r="BR22" s="102">
        <v>38</v>
      </c>
      <c r="BS22" s="103">
        <v>76</v>
      </c>
      <c r="BT22" s="413">
        <v>0</v>
      </c>
      <c r="BU22" s="102">
        <v>74</v>
      </c>
      <c r="BV22" s="102">
        <v>54</v>
      </c>
      <c r="BW22" s="102">
        <v>43</v>
      </c>
      <c r="BX22" s="102">
        <v>18</v>
      </c>
      <c r="BY22" s="102">
        <v>16</v>
      </c>
      <c r="BZ22" s="103">
        <v>205</v>
      </c>
      <c r="CA22" s="104">
        <v>281</v>
      </c>
      <c r="CB22" s="101">
        <v>7</v>
      </c>
      <c r="CC22" s="102">
        <v>8</v>
      </c>
      <c r="CD22" s="103">
        <v>15</v>
      </c>
      <c r="CE22" s="413">
        <v>0</v>
      </c>
      <c r="CF22" s="102">
        <v>22</v>
      </c>
      <c r="CG22" s="102">
        <v>8</v>
      </c>
      <c r="CH22" s="102">
        <v>11</v>
      </c>
      <c r="CI22" s="102">
        <v>7</v>
      </c>
      <c r="CJ22" s="102">
        <v>5</v>
      </c>
      <c r="CK22" s="103">
        <v>53</v>
      </c>
      <c r="CL22" s="104">
        <v>68</v>
      </c>
      <c r="CM22" s="101">
        <v>240</v>
      </c>
      <c r="CN22" s="102">
        <v>176</v>
      </c>
      <c r="CO22" s="103">
        <v>416</v>
      </c>
      <c r="CP22" s="413">
        <v>0</v>
      </c>
      <c r="CQ22" s="102">
        <v>426</v>
      </c>
      <c r="CR22" s="102">
        <v>326</v>
      </c>
      <c r="CS22" s="102">
        <v>238</v>
      </c>
      <c r="CT22" s="102">
        <v>157</v>
      </c>
      <c r="CU22" s="102">
        <v>116</v>
      </c>
      <c r="CV22" s="103">
        <v>1263</v>
      </c>
      <c r="CW22" s="104">
        <v>1679</v>
      </c>
      <c r="CX22" s="105">
        <v>393</v>
      </c>
      <c r="CY22" s="97">
        <v>417</v>
      </c>
      <c r="CZ22" s="98">
        <v>810</v>
      </c>
      <c r="DA22" s="413">
        <v>0</v>
      </c>
      <c r="DB22" s="97">
        <v>682</v>
      </c>
      <c r="DC22" s="97">
        <v>507</v>
      </c>
      <c r="DD22" s="97">
        <v>431</v>
      </c>
      <c r="DE22" s="97">
        <v>337</v>
      </c>
      <c r="DF22" s="97">
        <v>246</v>
      </c>
      <c r="DG22" s="99">
        <v>2203</v>
      </c>
      <c r="DH22" s="100">
        <v>3013</v>
      </c>
      <c r="DI22" s="107">
        <v>10</v>
      </c>
      <c r="DJ22" s="102">
        <v>6</v>
      </c>
      <c r="DK22" s="103">
        <v>16</v>
      </c>
      <c r="DL22" s="413">
        <v>0</v>
      </c>
      <c r="DM22" s="102">
        <v>12</v>
      </c>
      <c r="DN22" s="102">
        <v>15</v>
      </c>
      <c r="DO22" s="102">
        <v>9</v>
      </c>
      <c r="DP22" s="102">
        <v>3</v>
      </c>
      <c r="DQ22" s="102">
        <v>1</v>
      </c>
      <c r="DR22" s="103">
        <v>40</v>
      </c>
      <c r="DS22" s="104">
        <v>56</v>
      </c>
      <c r="DT22" s="101">
        <v>28</v>
      </c>
      <c r="DU22" s="102">
        <v>31</v>
      </c>
      <c r="DV22" s="103">
        <v>59</v>
      </c>
      <c r="DW22" s="413">
        <v>0</v>
      </c>
      <c r="DX22" s="102">
        <v>38</v>
      </c>
      <c r="DY22" s="102">
        <v>29</v>
      </c>
      <c r="DZ22" s="102">
        <v>15</v>
      </c>
      <c r="EA22" s="102">
        <v>12</v>
      </c>
      <c r="EB22" s="102">
        <v>18</v>
      </c>
      <c r="EC22" s="103">
        <v>112</v>
      </c>
      <c r="ED22" s="104">
        <v>171</v>
      </c>
      <c r="EE22" s="107">
        <v>64</v>
      </c>
      <c r="EF22" s="102">
        <v>66</v>
      </c>
      <c r="EG22" s="103">
        <v>130</v>
      </c>
      <c r="EH22" s="413">
        <v>0</v>
      </c>
      <c r="EI22" s="102">
        <v>85</v>
      </c>
      <c r="EJ22" s="102">
        <v>51</v>
      </c>
      <c r="EK22" s="102">
        <v>40</v>
      </c>
      <c r="EL22" s="102">
        <v>31</v>
      </c>
      <c r="EM22" s="102">
        <v>19</v>
      </c>
      <c r="EN22" s="103">
        <v>226</v>
      </c>
      <c r="EO22" s="104">
        <v>356</v>
      </c>
      <c r="EP22" s="101">
        <v>117</v>
      </c>
      <c r="EQ22" s="102">
        <v>116</v>
      </c>
      <c r="ER22" s="103">
        <v>233</v>
      </c>
      <c r="ES22" s="413">
        <v>0</v>
      </c>
      <c r="ET22" s="102">
        <v>185</v>
      </c>
      <c r="EU22" s="102">
        <v>124</v>
      </c>
      <c r="EV22" s="102">
        <v>84</v>
      </c>
      <c r="EW22" s="102">
        <v>72</v>
      </c>
      <c r="EX22" s="102">
        <v>47</v>
      </c>
      <c r="EY22" s="103">
        <v>512</v>
      </c>
      <c r="EZ22" s="104">
        <v>745</v>
      </c>
      <c r="FA22" s="107">
        <v>119</v>
      </c>
      <c r="FB22" s="102">
        <v>112</v>
      </c>
      <c r="FC22" s="103">
        <v>231</v>
      </c>
      <c r="FD22" s="413">
        <v>0</v>
      </c>
      <c r="FE22" s="102">
        <v>193</v>
      </c>
      <c r="FF22" s="102">
        <v>151</v>
      </c>
      <c r="FG22" s="102">
        <v>125</v>
      </c>
      <c r="FH22" s="102">
        <v>86</v>
      </c>
      <c r="FI22" s="102">
        <v>57</v>
      </c>
      <c r="FJ22" s="103">
        <v>612</v>
      </c>
      <c r="FK22" s="104">
        <v>843</v>
      </c>
      <c r="FL22" s="101">
        <v>55</v>
      </c>
      <c r="FM22" s="102">
        <v>86</v>
      </c>
      <c r="FN22" s="103">
        <v>141</v>
      </c>
      <c r="FO22" s="413">
        <v>0</v>
      </c>
      <c r="FP22" s="102">
        <v>169</v>
      </c>
      <c r="FQ22" s="102">
        <v>137</v>
      </c>
      <c r="FR22" s="102">
        <v>158</v>
      </c>
      <c r="FS22" s="102">
        <v>133</v>
      </c>
      <c r="FT22" s="102">
        <v>104</v>
      </c>
      <c r="FU22" s="103">
        <v>701</v>
      </c>
      <c r="FV22" s="104">
        <v>842</v>
      </c>
      <c r="FW22" s="101">
        <v>4</v>
      </c>
      <c r="FX22" s="102">
        <v>6</v>
      </c>
      <c r="FY22" s="103">
        <v>10</v>
      </c>
      <c r="FZ22" s="413">
        <v>0</v>
      </c>
      <c r="GA22" s="102">
        <v>5</v>
      </c>
      <c r="GB22" s="102">
        <v>13</v>
      </c>
      <c r="GC22" s="102">
        <v>5</v>
      </c>
      <c r="GD22" s="102">
        <v>6</v>
      </c>
      <c r="GE22" s="102">
        <v>4</v>
      </c>
      <c r="GF22" s="103">
        <v>33</v>
      </c>
      <c r="GG22" s="104">
        <v>43</v>
      </c>
      <c r="GH22" s="101">
        <v>397</v>
      </c>
      <c r="GI22" s="102">
        <v>423</v>
      </c>
      <c r="GJ22" s="103">
        <v>820</v>
      </c>
      <c r="GK22" s="413">
        <v>0</v>
      </c>
      <c r="GL22" s="102">
        <v>687</v>
      </c>
      <c r="GM22" s="102">
        <v>520</v>
      </c>
      <c r="GN22" s="102">
        <v>436</v>
      </c>
      <c r="GO22" s="102">
        <v>343</v>
      </c>
      <c r="GP22" s="102">
        <v>250</v>
      </c>
      <c r="GQ22" s="103">
        <v>2236</v>
      </c>
      <c r="GR22" s="104">
        <v>3056</v>
      </c>
      <c r="GS22" s="105">
        <v>626</v>
      </c>
      <c r="GT22" s="97">
        <v>585</v>
      </c>
      <c r="GU22" s="98">
        <v>1211</v>
      </c>
      <c r="GV22" s="413">
        <v>0</v>
      </c>
      <c r="GW22" s="97">
        <v>1086</v>
      </c>
      <c r="GX22" s="97">
        <v>825</v>
      </c>
      <c r="GY22" s="97">
        <v>658</v>
      </c>
      <c r="GZ22" s="97">
        <v>487</v>
      </c>
      <c r="HA22" s="97">
        <v>357</v>
      </c>
      <c r="HB22" s="99">
        <v>3413</v>
      </c>
      <c r="HC22" s="100">
        <v>4624</v>
      </c>
      <c r="HD22" s="107">
        <v>17</v>
      </c>
      <c r="HE22" s="102">
        <v>15</v>
      </c>
      <c r="HF22" s="103">
        <v>32</v>
      </c>
      <c r="HG22" s="416">
        <v>0</v>
      </c>
      <c r="HH22" s="102">
        <v>28</v>
      </c>
      <c r="HI22" s="102">
        <v>27</v>
      </c>
      <c r="HJ22" s="102">
        <v>25</v>
      </c>
      <c r="HK22" s="102">
        <v>8</v>
      </c>
      <c r="HL22" s="102">
        <v>9</v>
      </c>
      <c r="HM22" s="103">
        <v>97</v>
      </c>
      <c r="HN22" s="104">
        <v>129</v>
      </c>
      <c r="HO22" s="101">
        <v>49</v>
      </c>
      <c r="HP22" s="102">
        <v>51</v>
      </c>
      <c r="HQ22" s="103">
        <v>100</v>
      </c>
      <c r="HR22" s="413">
        <v>0</v>
      </c>
      <c r="HS22" s="102">
        <v>80</v>
      </c>
      <c r="HT22" s="102">
        <v>62</v>
      </c>
      <c r="HU22" s="102">
        <v>36</v>
      </c>
      <c r="HV22" s="102">
        <v>27</v>
      </c>
      <c r="HW22" s="102">
        <v>31</v>
      </c>
      <c r="HX22" s="103">
        <v>236</v>
      </c>
      <c r="HY22" s="104">
        <v>336</v>
      </c>
      <c r="HZ22" s="107">
        <v>99</v>
      </c>
      <c r="IA22" s="102">
        <v>93</v>
      </c>
      <c r="IB22" s="103">
        <v>192</v>
      </c>
      <c r="IC22" s="413">
        <v>0</v>
      </c>
      <c r="ID22" s="102">
        <v>156</v>
      </c>
      <c r="IE22" s="102">
        <v>111</v>
      </c>
      <c r="IF22" s="102">
        <v>75</v>
      </c>
      <c r="IG22" s="102">
        <v>62</v>
      </c>
      <c r="IH22" s="102">
        <v>35</v>
      </c>
      <c r="II22" s="103">
        <v>439</v>
      </c>
      <c r="IJ22" s="104">
        <v>631</v>
      </c>
      <c r="IK22" s="101">
        <v>183</v>
      </c>
      <c r="IL22" s="102">
        <v>158</v>
      </c>
      <c r="IM22" s="103">
        <v>341</v>
      </c>
      <c r="IN22" s="413">
        <v>0</v>
      </c>
      <c r="IO22" s="102">
        <v>279</v>
      </c>
      <c r="IP22" s="102">
        <v>207</v>
      </c>
      <c r="IQ22" s="102">
        <v>146</v>
      </c>
      <c r="IR22" s="102">
        <v>113</v>
      </c>
      <c r="IS22" s="102">
        <v>72</v>
      </c>
      <c r="IT22" s="103">
        <v>817</v>
      </c>
      <c r="IU22" s="104">
        <v>1158</v>
      </c>
      <c r="IV22" s="107">
        <v>185</v>
      </c>
      <c r="IW22" s="102">
        <v>144</v>
      </c>
      <c r="IX22" s="103">
        <v>329</v>
      </c>
      <c r="IY22" s="413">
        <v>0</v>
      </c>
      <c r="IZ22" s="102">
        <v>300</v>
      </c>
      <c r="JA22" s="102">
        <v>227</v>
      </c>
      <c r="JB22" s="102">
        <v>175</v>
      </c>
      <c r="JC22" s="102">
        <v>126</v>
      </c>
      <c r="JD22" s="102">
        <v>90</v>
      </c>
      <c r="JE22" s="103">
        <v>918</v>
      </c>
      <c r="JF22" s="104">
        <v>1247</v>
      </c>
      <c r="JG22" s="101">
        <v>93</v>
      </c>
      <c r="JH22" s="102">
        <v>124</v>
      </c>
      <c r="JI22" s="103">
        <v>217</v>
      </c>
      <c r="JJ22" s="413">
        <v>0</v>
      </c>
      <c r="JK22" s="102">
        <v>243</v>
      </c>
      <c r="JL22" s="102">
        <v>191</v>
      </c>
      <c r="JM22" s="102">
        <v>201</v>
      </c>
      <c r="JN22" s="102">
        <v>151</v>
      </c>
      <c r="JO22" s="102">
        <v>120</v>
      </c>
      <c r="JP22" s="103">
        <v>906</v>
      </c>
      <c r="JQ22" s="104">
        <v>1123</v>
      </c>
      <c r="JR22" s="101">
        <v>11</v>
      </c>
      <c r="JS22" s="102">
        <v>14</v>
      </c>
      <c r="JT22" s="103">
        <v>25</v>
      </c>
      <c r="JU22" s="413">
        <v>0</v>
      </c>
      <c r="JV22" s="102">
        <v>27</v>
      </c>
      <c r="JW22" s="102">
        <v>21</v>
      </c>
      <c r="JX22" s="102">
        <v>16</v>
      </c>
      <c r="JY22" s="102">
        <v>13</v>
      </c>
      <c r="JZ22" s="102">
        <v>9</v>
      </c>
      <c r="KA22" s="103">
        <v>86</v>
      </c>
      <c r="KB22" s="104">
        <v>111</v>
      </c>
      <c r="KC22" s="101">
        <v>637</v>
      </c>
      <c r="KD22" s="102">
        <v>599</v>
      </c>
      <c r="KE22" s="103">
        <v>1236</v>
      </c>
      <c r="KF22" s="413">
        <v>0</v>
      </c>
      <c r="KG22" s="102">
        <v>1113</v>
      </c>
      <c r="KH22" s="102">
        <v>846</v>
      </c>
      <c r="KI22" s="102">
        <v>674</v>
      </c>
      <c r="KJ22" s="102">
        <v>500</v>
      </c>
      <c r="KK22" s="102">
        <v>366</v>
      </c>
      <c r="KL22" s="103">
        <v>3499</v>
      </c>
      <c r="KM22" s="104">
        <v>4735</v>
      </c>
    </row>
    <row r="23" spans="2:299" s="70" customFormat="1" ht="21" customHeight="1" x14ac:dyDescent="0.2">
      <c r="B23" s="106" t="s">
        <v>20</v>
      </c>
      <c r="C23" s="96">
        <v>287</v>
      </c>
      <c r="D23" s="97">
        <v>295</v>
      </c>
      <c r="E23" s="98">
        <v>582</v>
      </c>
      <c r="F23" s="413">
        <v>0</v>
      </c>
      <c r="G23" s="97">
        <v>676</v>
      </c>
      <c r="H23" s="97">
        <v>388</v>
      </c>
      <c r="I23" s="97">
        <v>296</v>
      </c>
      <c r="J23" s="97">
        <v>229</v>
      </c>
      <c r="K23" s="97">
        <v>113</v>
      </c>
      <c r="L23" s="99">
        <v>1702</v>
      </c>
      <c r="M23" s="100">
        <v>2284</v>
      </c>
      <c r="N23" s="101">
        <v>6</v>
      </c>
      <c r="O23" s="102">
        <v>5</v>
      </c>
      <c r="P23" s="103">
        <v>11</v>
      </c>
      <c r="Q23" s="413">
        <v>0</v>
      </c>
      <c r="R23" s="102">
        <v>37</v>
      </c>
      <c r="S23" s="102">
        <v>22</v>
      </c>
      <c r="T23" s="102">
        <v>14</v>
      </c>
      <c r="U23" s="102">
        <v>12</v>
      </c>
      <c r="V23" s="102">
        <v>9</v>
      </c>
      <c r="W23" s="103">
        <v>94</v>
      </c>
      <c r="X23" s="104">
        <v>105</v>
      </c>
      <c r="Y23" s="101">
        <v>29</v>
      </c>
      <c r="Z23" s="102">
        <v>18</v>
      </c>
      <c r="AA23" s="103">
        <v>47</v>
      </c>
      <c r="AB23" s="413">
        <v>0</v>
      </c>
      <c r="AC23" s="102">
        <v>63</v>
      </c>
      <c r="AD23" s="102">
        <v>37</v>
      </c>
      <c r="AE23" s="102">
        <v>28</v>
      </c>
      <c r="AF23" s="102">
        <v>30</v>
      </c>
      <c r="AG23" s="102">
        <v>10</v>
      </c>
      <c r="AH23" s="103">
        <v>168</v>
      </c>
      <c r="AI23" s="104">
        <v>215</v>
      </c>
      <c r="AJ23" s="101">
        <v>44</v>
      </c>
      <c r="AK23" s="102">
        <v>54</v>
      </c>
      <c r="AL23" s="103">
        <v>98</v>
      </c>
      <c r="AM23" s="413">
        <v>0</v>
      </c>
      <c r="AN23" s="102">
        <v>109</v>
      </c>
      <c r="AO23" s="102">
        <v>63</v>
      </c>
      <c r="AP23" s="102">
        <v>50</v>
      </c>
      <c r="AQ23" s="102">
        <v>38</v>
      </c>
      <c r="AR23" s="102">
        <v>24</v>
      </c>
      <c r="AS23" s="103">
        <v>284</v>
      </c>
      <c r="AT23" s="104">
        <v>382</v>
      </c>
      <c r="AU23" s="101">
        <v>91</v>
      </c>
      <c r="AV23" s="102">
        <v>87</v>
      </c>
      <c r="AW23" s="103">
        <v>178</v>
      </c>
      <c r="AX23" s="413">
        <v>0</v>
      </c>
      <c r="AY23" s="102">
        <v>206</v>
      </c>
      <c r="AZ23" s="102">
        <v>104</v>
      </c>
      <c r="BA23" s="102">
        <v>84</v>
      </c>
      <c r="BB23" s="102">
        <v>67</v>
      </c>
      <c r="BC23" s="102">
        <v>25</v>
      </c>
      <c r="BD23" s="103">
        <v>486</v>
      </c>
      <c r="BE23" s="104">
        <v>664</v>
      </c>
      <c r="BF23" s="101">
        <v>79</v>
      </c>
      <c r="BG23" s="102">
        <v>90</v>
      </c>
      <c r="BH23" s="103">
        <v>169</v>
      </c>
      <c r="BI23" s="413">
        <v>0</v>
      </c>
      <c r="BJ23" s="102">
        <v>170</v>
      </c>
      <c r="BK23" s="102">
        <v>98</v>
      </c>
      <c r="BL23" s="102">
        <v>83</v>
      </c>
      <c r="BM23" s="102">
        <v>48</v>
      </c>
      <c r="BN23" s="102">
        <v>32</v>
      </c>
      <c r="BO23" s="103">
        <v>431</v>
      </c>
      <c r="BP23" s="104">
        <v>600</v>
      </c>
      <c r="BQ23" s="101">
        <v>38</v>
      </c>
      <c r="BR23" s="102">
        <v>41</v>
      </c>
      <c r="BS23" s="103">
        <v>79</v>
      </c>
      <c r="BT23" s="413">
        <v>0</v>
      </c>
      <c r="BU23" s="102">
        <v>91</v>
      </c>
      <c r="BV23" s="102">
        <v>64</v>
      </c>
      <c r="BW23" s="102">
        <v>37</v>
      </c>
      <c r="BX23" s="102">
        <v>34</v>
      </c>
      <c r="BY23" s="102">
        <v>13</v>
      </c>
      <c r="BZ23" s="103">
        <v>239</v>
      </c>
      <c r="CA23" s="104">
        <v>318</v>
      </c>
      <c r="CB23" s="101">
        <v>8</v>
      </c>
      <c r="CC23" s="102">
        <v>8</v>
      </c>
      <c r="CD23" s="103">
        <v>16</v>
      </c>
      <c r="CE23" s="413">
        <v>0</v>
      </c>
      <c r="CF23" s="102">
        <v>17</v>
      </c>
      <c r="CG23" s="102">
        <v>15</v>
      </c>
      <c r="CH23" s="102">
        <v>16</v>
      </c>
      <c r="CI23" s="102">
        <v>10</v>
      </c>
      <c r="CJ23" s="102">
        <v>11</v>
      </c>
      <c r="CK23" s="103">
        <v>69</v>
      </c>
      <c r="CL23" s="104">
        <v>85</v>
      </c>
      <c r="CM23" s="101">
        <v>295</v>
      </c>
      <c r="CN23" s="102">
        <v>303</v>
      </c>
      <c r="CO23" s="103">
        <v>598</v>
      </c>
      <c r="CP23" s="413">
        <v>0</v>
      </c>
      <c r="CQ23" s="102">
        <v>693</v>
      </c>
      <c r="CR23" s="102">
        <v>403</v>
      </c>
      <c r="CS23" s="102">
        <v>312</v>
      </c>
      <c r="CT23" s="102">
        <v>239</v>
      </c>
      <c r="CU23" s="102">
        <v>124</v>
      </c>
      <c r="CV23" s="103">
        <v>1771</v>
      </c>
      <c r="CW23" s="104">
        <v>2369</v>
      </c>
      <c r="CX23" s="105">
        <v>505</v>
      </c>
      <c r="CY23" s="97">
        <v>645</v>
      </c>
      <c r="CZ23" s="98">
        <v>1150</v>
      </c>
      <c r="DA23" s="413">
        <v>0</v>
      </c>
      <c r="DB23" s="97">
        <v>932</v>
      </c>
      <c r="DC23" s="97">
        <v>590</v>
      </c>
      <c r="DD23" s="97">
        <v>498</v>
      </c>
      <c r="DE23" s="97">
        <v>442</v>
      </c>
      <c r="DF23" s="97">
        <v>290</v>
      </c>
      <c r="DG23" s="99">
        <v>2752</v>
      </c>
      <c r="DH23" s="100">
        <v>3902</v>
      </c>
      <c r="DI23" s="101">
        <v>11</v>
      </c>
      <c r="DJ23" s="102">
        <v>13</v>
      </c>
      <c r="DK23" s="103">
        <v>24</v>
      </c>
      <c r="DL23" s="413">
        <v>0</v>
      </c>
      <c r="DM23" s="102">
        <v>23</v>
      </c>
      <c r="DN23" s="102">
        <v>20</v>
      </c>
      <c r="DO23" s="102">
        <v>6</v>
      </c>
      <c r="DP23" s="102">
        <v>12</v>
      </c>
      <c r="DQ23" s="102">
        <v>6</v>
      </c>
      <c r="DR23" s="103">
        <v>67</v>
      </c>
      <c r="DS23" s="104">
        <v>91</v>
      </c>
      <c r="DT23" s="101">
        <v>33</v>
      </c>
      <c r="DU23" s="102">
        <v>46</v>
      </c>
      <c r="DV23" s="103">
        <v>79</v>
      </c>
      <c r="DW23" s="413">
        <v>0</v>
      </c>
      <c r="DX23" s="102">
        <v>53</v>
      </c>
      <c r="DY23" s="102">
        <v>31</v>
      </c>
      <c r="DZ23" s="102">
        <v>18</v>
      </c>
      <c r="EA23" s="102">
        <v>20</v>
      </c>
      <c r="EB23" s="102">
        <v>22</v>
      </c>
      <c r="EC23" s="103">
        <v>144</v>
      </c>
      <c r="ED23" s="104">
        <v>223</v>
      </c>
      <c r="EE23" s="101">
        <v>78</v>
      </c>
      <c r="EF23" s="102">
        <v>98</v>
      </c>
      <c r="EG23" s="103">
        <v>176</v>
      </c>
      <c r="EH23" s="413">
        <v>0</v>
      </c>
      <c r="EI23" s="102">
        <v>154</v>
      </c>
      <c r="EJ23" s="102">
        <v>70</v>
      </c>
      <c r="EK23" s="102">
        <v>53</v>
      </c>
      <c r="EL23" s="102">
        <v>46</v>
      </c>
      <c r="EM23" s="102">
        <v>32</v>
      </c>
      <c r="EN23" s="103">
        <v>355</v>
      </c>
      <c r="EO23" s="104">
        <v>531</v>
      </c>
      <c r="EP23" s="101">
        <v>182</v>
      </c>
      <c r="EQ23" s="102">
        <v>197</v>
      </c>
      <c r="ER23" s="103">
        <v>379</v>
      </c>
      <c r="ES23" s="413">
        <v>0</v>
      </c>
      <c r="ET23" s="102">
        <v>234</v>
      </c>
      <c r="EU23" s="102">
        <v>146</v>
      </c>
      <c r="EV23" s="102">
        <v>110</v>
      </c>
      <c r="EW23" s="102">
        <v>82</v>
      </c>
      <c r="EX23" s="102">
        <v>60</v>
      </c>
      <c r="EY23" s="103">
        <v>632</v>
      </c>
      <c r="EZ23" s="104">
        <v>1011</v>
      </c>
      <c r="FA23" s="101">
        <v>143</v>
      </c>
      <c r="FB23" s="102">
        <v>173</v>
      </c>
      <c r="FC23" s="103">
        <v>316</v>
      </c>
      <c r="FD23" s="413">
        <v>0</v>
      </c>
      <c r="FE23" s="102">
        <v>261</v>
      </c>
      <c r="FF23" s="102">
        <v>152</v>
      </c>
      <c r="FG23" s="102">
        <v>128</v>
      </c>
      <c r="FH23" s="102">
        <v>112</v>
      </c>
      <c r="FI23" s="102">
        <v>78</v>
      </c>
      <c r="FJ23" s="103">
        <v>731</v>
      </c>
      <c r="FK23" s="104">
        <v>1047</v>
      </c>
      <c r="FL23" s="101">
        <v>58</v>
      </c>
      <c r="FM23" s="102">
        <v>118</v>
      </c>
      <c r="FN23" s="103">
        <v>176</v>
      </c>
      <c r="FO23" s="413">
        <v>0</v>
      </c>
      <c r="FP23" s="102">
        <v>207</v>
      </c>
      <c r="FQ23" s="102">
        <v>171</v>
      </c>
      <c r="FR23" s="102">
        <v>183</v>
      </c>
      <c r="FS23" s="102">
        <v>170</v>
      </c>
      <c r="FT23" s="102">
        <v>92</v>
      </c>
      <c r="FU23" s="103">
        <v>823</v>
      </c>
      <c r="FV23" s="104">
        <v>999</v>
      </c>
      <c r="FW23" s="101">
        <v>5</v>
      </c>
      <c r="FX23" s="102">
        <v>14</v>
      </c>
      <c r="FY23" s="103">
        <v>19</v>
      </c>
      <c r="FZ23" s="413">
        <v>0</v>
      </c>
      <c r="GA23" s="102">
        <v>20</v>
      </c>
      <c r="GB23" s="102">
        <v>8</v>
      </c>
      <c r="GC23" s="102">
        <v>7</v>
      </c>
      <c r="GD23" s="102">
        <v>10</v>
      </c>
      <c r="GE23" s="102">
        <v>8</v>
      </c>
      <c r="GF23" s="103">
        <v>53</v>
      </c>
      <c r="GG23" s="104">
        <v>72</v>
      </c>
      <c r="GH23" s="101">
        <v>510</v>
      </c>
      <c r="GI23" s="102">
        <v>659</v>
      </c>
      <c r="GJ23" s="103">
        <v>1169</v>
      </c>
      <c r="GK23" s="413">
        <v>0</v>
      </c>
      <c r="GL23" s="102">
        <v>952</v>
      </c>
      <c r="GM23" s="102">
        <v>598</v>
      </c>
      <c r="GN23" s="102">
        <v>505</v>
      </c>
      <c r="GO23" s="102">
        <v>452</v>
      </c>
      <c r="GP23" s="102">
        <v>298</v>
      </c>
      <c r="GQ23" s="103">
        <v>2805</v>
      </c>
      <c r="GR23" s="104">
        <v>3974</v>
      </c>
      <c r="GS23" s="105">
        <v>792</v>
      </c>
      <c r="GT23" s="97">
        <v>940</v>
      </c>
      <c r="GU23" s="98">
        <v>1732</v>
      </c>
      <c r="GV23" s="413">
        <v>0</v>
      </c>
      <c r="GW23" s="97">
        <v>1608</v>
      </c>
      <c r="GX23" s="97">
        <v>978</v>
      </c>
      <c r="GY23" s="97">
        <v>794</v>
      </c>
      <c r="GZ23" s="97">
        <v>671</v>
      </c>
      <c r="HA23" s="97">
        <v>403</v>
      </c>
      <c r="HB23" s="99">
        <v>4454</v>
      </c>
      <c r="HC23" s="100">
        <v>6186</v>
      </c>
      <c r="HD23" s="101">
        <v>17</v>
      </c>
      <c r="HE23" s="102">
        <v>18</v>
      </c>
      <c r="HF23" s="103">
        <v>35</v>
      </c>
      <c r="HG23" s="416">
        <v>0</v>
      </c>
      <c r="HH23" s="102">
        <v>60</v>
      </c>
      <c r="HI23" s="102">
        <v>42</v>
      </c>
      <c r="HJ23" s="102">
        <v>20</v>
      </c>
      <c r="HK23" s="102">
        <v>24</v>
      </c>
      <c r="HL23" s="102">
        <v>15</v>
      </c>
      <c r="HM23" s="103">
        <v>161</v>
      </c>
      <c r="HN23" s="104">
        <v>196</v>
      </c>
      <c r="HO23" s="101">
        <v>62</v>
      </c>
      <c r="HP23" s="102">
        <v>64</v>
      </c>
      <c r="HQ23" s="103">
        <v>126</v>
      </c>
      <c r="HR23" s="413">
        <v>0</v>
      </c>
      <c r="HS23" s="102">
        <v>116</v>
      </c>
      <c r="HT23" s="102">
        <v>68</v>
      </c>
      <c r="HU23" s="102">
        <v>46</v>
      </c>
      <c r="HV23" s="102">
        <v>50</v>
      </c>
      <c r="HW23" s="102">
        <v>32</v>
      </c>
      <c r="HX23" s="103">
        <v>312</v>
      </c>
      <c r="HY23" s="104">
        <v>438</v>
      </c>
      <c r="HZ23" s="101">
        <v>122</v>
      </c>
      <c r="IA23" s="102">
        <v>152</v>
      </c>
      <c r="IB23" s="103">
        <v>274</v>
      </c>
      <c r="IC23" s="413">
        <v>0</v>
      </c>
      <c r="ID23" s="102">
        <v>263</v>
      </c>
      <c r="IE23" s="102">
        <v>133</v>
      </c>
      <c r="IF23" s="102">
        <v>103</v>
      </c>
      <c r="IG23" s="102">
        <v>84</v>
      </c>
      <c r="IH23" s="102">
        <v>56</v>
      </c>
      <c r="II23" s="103">
        <v>639</v>
      </c>
      <c r="IJ23" s="104">
        <v>913</v>
      </c>
      <c r="IK23" s="101">
        <v>273</v>
      </c>
      <c r="IL23" s="102">
        <v>284</v>
      </c>
      <c r="IM23" s="103">
        <v>557</v>
      </c>
      <c r="IN23" s="413">
        <v>0</v>
      </c>
      <c r="IO23" s="102">
        <v>440</v>
      </c>
      <c r="IP23" s="102">
        <v>250</v>
      </c>
      <c r="IQ23" s="102">
        <v>194</v>
      </c>
      <c r="IR23" s="102">
        <v>149</v>
      </c>
      <c r="IS23" s="102">
        <v>85</v>
      </c>
      <c r="IT23" s="103">
        <v>1118</v>
      </c>
      <c r="IU23" s="104">
        <v>1675</v>
      </c>
      <c r="IV23" s="101">
        <v>222</v>
      </c>
      <c r="IW23" s="102">
        <v>263</v>
      </c>
      <c r="IX23" s="103">
        <v>485</v>
      </c>
      <c r="IY23" s="413">
        <v>0</v>
      </c>
      <c r="IZ23" s="102">
        <v>431</v>
      </c>
      <c r="JA23" s="102">
        <v>250</v>
      </c>
      <c r="JB23" s="102">
        <v>211</v>
      </c>
      <c r="JC23" s="102">
        <v>160</v>
      </c>
      <c r="JD23" s="102">
        <v>110</v>
      </c>
      <c r="JE23" s="103">
        <v>1162</v>
      </c>
      <c r="JF23" s="104">
        <v>1647</v>
      </c>
      <c r="JG23" s="101">
        <v>96</v>
      </c>
      <c r="JH23" s="102">
        <v>159</v>
      </c>
      <c r="JI23" s="103">
        <v>255</v>
      </c>
      <c r="JJ23" s="413">
        <v>0</v>
      </c>
      <c r="JK23" s="102">
        <v>298</v>
      </c>
      <c r="JL23" s="102">
        <v>235</v>
      </c>
      <c r="JM23" s="102">
        <v>220</v>
      </c>
      <c r="JN23" s="102">
        <v>204</v>
      </c>
      <c r="JO23" s="102">
        <v>105</v>
      </c>
      <c r="JP23" s="103">
        <v>1062</v>
      </c>
      <c r="JQ23" s="104">
        <v>1317</v>
      </c>
      <c r="JR23" s="101">
        <v>13</v>
      </c>
      <c r="JS23" s="102">
        <v>22</v>
      </c>
      <c r="JT23" s="103">
        <v>35</v>
      </c>
      <c r="JU23" s="413">
        <v>0</v>
      </c>
      <c r="JV23" s="102">
        <v>37</v>
      </c>
      <c r="JW23" s="102">
        <v>23</v>
      </c>
      <c r="JX23" s="102">
        <v>23</v>
      </c>
      <c r="JY23" s="102">
        <v>20</v>
      </c>
      <c r="JZ23" s="102">
        <v>19</v>
      </c>
      <c r="KA23" s="103">
        <v>122</v>
      </c>
      <c r="KB23" s="104">
        <v>157</v>
      </c>
      <c r="KC23" s="101">
        <v>805</v>
      </c>
      <c r="KD23" s="102">
        <v>962</v>
      </c>
      <c r="KE23" s="103">
        <v>1767</v>
      </c>
      <c r="KF23" s="413">
        <v>0</v>
      </c>
      <c r="KG23" s="102">
        <v>1645</v>
      </c>
      <c r="KH23" s="102">
        <v>1001</v>
      </c>
      <c r="KI23" s="102">
        <v>817</v>
      </c>
      <c r="KJ23" s="102">
        <v>691</v>
      </c>
      <c r="KK23" s="102">
        <v>422</v>
      </c>
      <c r="KL23" s="103">
        <v>4576</v>
      </c>
      <c r="KM23" s="104">
        <v>6343</v>
      </c>
    </row>
    <row r="24" spans="2:299" s="70" customFormat="1" ht="21" customHeight="1" x14ac:dyDescent="0.2">
      <c r="B24" s="106" t="s">
        <v>21</v>
      </c>
      <c r="C24" s="96">
        <v>306</v>
      </c>
      <c r="D24" s="97">
        <v>241</v>
      </c>
      <c r="E24" s="98">
        <v>547</v>
      </c>
      <c r="F24" s="413">
        <v>0</v>
      </c>
      <c r="G24" s="97">
        <v>478</v>
      </c>
      <c r="H24" s="97">
        <v>425</v>
      </c>
      <c r="I24" s="97">
        <v>294</v>
      </c>
      <c r="J24" s="97">
        <v>229</v>
      </c>
      <c r="K24" s="97">
        <v>144</v>
      </c>
      <c r="L24" s="99">
        <v>1570</v>
      </c>
      <c r="M24" s="100">
        <v>2117</v>
      </c>
      <c r="N24" s="101">
        <v>13</v>
      </c>
      <c r="O24" s="102">
        <v>13</v>
      </c>
      <c r="P24" s="103">
        <v>26</v>
      </c>
      <c r="Q24" s="413">
        <v>0</v>
      </c>
      <c r="R24" s="102">
        <v>20</v>
      </c>
      <c r="S24" s="102">
        <v>18</v>
      </c>
      <c r="T24" s="102">
        <v>20</v>
      </c>
      <c r="U24" s="102">
        <v>11</v>
      </c>
      <c r="V24" s="102">
        <v>14</v>
      </c>
      <c r="W24" s="103">
        <v>83</v>
      </c>
      <c r="X24" s="104">
        <v>109</v>
      </c>
      <c r="Y24" s="101">
        <v>26</v>
      </c>
      <c r="Z24" s="102">
        <v>21</v>
      </c>
      <c r="AA24" s="103">
        <v>47</v>
      </c>
      <c r="AB24" s="413">
        <v>0</v>
      </c>
      <c r="AC24" s="102">
        <v>37</v>
      </c>
      <c r="AD24" s="102">
        <v>54</v>
      </c>
      <c r="AE24" s="102">
        <v>28</v>
      </c>
      <c r="AF24" s="102">
        <v>27</v>
      </c>
      <c r="AG24" s="102">
        <v>23</v>
      </c>
      <c r="AH24" s="103">
        <v>169</v>
      </c>
      <c r="AI24" s="104">
        <v>216</v>
      </c>
      <c r="AJ24" s="101">
        <v>53</v>
      </c>
      <c r="AK24" s="102">
        <v>49</v>
      </c>
      <c r="AL24" s="103">
        <v>102</v>
      </c>
      <c r="AM24" s="413">
        <v>0</v>
      </c>
      <c r="AN24" s="102">
        <v>80</v>
      </c>
      <c r="AO24" s="102">
        <v>66</v>
      </c>
      <c r="AP24" s="102">
        <v>48</v>
      </c>
      <c r="AQ24" s="102">
        <v>44</v>
      </c>
      <c r="AR24" s="102">
        <v>21</v>
      </c>
      <c r="AS24" s="103">
        <v>259</v>
      </c>
      <c r="AT24" s="104">
        <v>361</v>
      </c>
      <c r="AU24" s="101">
        <v>91</v>
      </c>
      <c r="AV24" s="102">
        <v>62</v>
      </c>
      <c r="AW24" s="103">
        <v>153</v>
      </c>
      <c r="AX24" s="413">
        <v>0</v>
      </c>
      <c r="AY24" s="102">
        <v>141</v>
      </c>
      <c r="AZ24" s="102">
        <v>128</v>
      </c>
      <c r="BA24" s="102">
        <v>77</v>
      </c>
      <c r="BB24" s="102">
        <v>69</v>
      </c>
      <c r="BC24" s="102">
        <v>30</v>
      </c>
      <c r="BD24" s="103">
        <v>445</v>
      </c>
      <c r="BE24" s="104">
        <v>598</v>
      </c>
      <c r="BF24" s="101">
        <v>87</v>
      </c>
      <c r="BG24" s="102">
        <v>61</v>
      </c>
      <c r="BH24" s="103">
        <v>148</v>
      </c>
      <c r="BI24" s="413">
        <v>0</v>
      </c>
      <c r="BJ24" s="102">
        <v>139</v>
      </c>
      <c r="BK24" s="102">
        <v>96</v>
      </c>
      <c r="BL24" s="102">
        <v>65</v>
      </c>
      <c r="BM24" s="102">
        <v>48</v>
      </c>
      <c r="BN24" s="102">
        <v>33</v>
      </c>
      <c r="BO24" s="103">
        <v>381</v>
      </c>
      <c r="BP24" s="104">
        <v>529</v>
      </c>
      <c r="BQ24" s="101">
        <v>36</v>
      </c>
      <c r="BR24" s="102">
        <v>35</v>
      </c>
      <c r="BS24" s="103">
        <v>71</v>
      </c>
      <c r="BT24" s="413">
        <v>0</v>
      </c>
      <c r="BU24" s="102">
        <v>61</v>
      </c>
      <c r="BV24" s="102">
        <v>63</v>
      </c>
      <c r="BW24" s="102">
        <v>56</v>
      </c>
      <c r="BX24" s="102">
        <v>30</v>
      </c>
      <c r="BY24" s="102">
        <v>23</v>
      </c>
      <c r="BZ24" s="103">
        <v>233</v>
      </c>
      <c r="CA24" s="104">
        <v>304</v>
      </c>
      <c r="CB24" s="101">
        <v>16</v>
      </c>
      <c r="CC24" s="102">
        <v>11</v>
      </c>
      <c r="CD24" s="103">
        <v>27</v>
      </c>
      <c r="CE24" s="413">
        <v>0</v>
      </c>
      <c r="CF24" s="102">
        <v>8</v>
      </c>
      <c r="CG24" s="102">
        <v>19</v>
      </c>
      <c r="CH24" s="102">
        <v>13</v>
      </c>
      <c r="CI24" s="102">
        <v>11</v>
      </c>
      <c r="CJ24" s="102">
        <v>11</v>
      </c>
      <c r="CK24" s="103">
        <v>62</v>
      </c>
      <c r="CL24" s="104">
        <v>89</v>
      </c>
      <c r="CM24" s="101">
        <v>322</v>
      </c>
      <c r="CN24" s="102">
        <v>252</v>
      </c>
      <c r="CO24" s="103">
        <v>574</v>
      </c>
      <c r="CP24" s="413">
        <v>0</v>
      </c>
      <c r="CQ24" s="102">
        <v>486</v>
      </c>
      <c r="CR24" s="102">
        <v>444</v>
      </c>
      <c r="CS24" s="102">
        <v>307</v>
      </c>
      <c r="CT24" s="102">
        <v>240</v>
      </c>
      <c r="CU24" s="102">
        <v>155</v>
      </c>
      <c r="CV24" s="103">
        <v>1632</v>
      </c>
      <c r="CW24" s="104">
        <v>2206</v>
      </c>
      <c r="CX24" s="105">
        <v>609</v>
      </c>
      <c r="CY24" s="97">
        <v>606</v>
      </c>
      <c r="CZ24" s="98">
        <v>1215</v>
      </c>
      <c r="DA24" s="413">
        <v>0</v>
      </c>
      <c r="DB24" s="97">
        <v>833</v>
      </c>
      <c r="DC24" s="97">
        <v>737</v>
      </c>
      <c r="DD24" s="97">
        <v>591</v>
      </c>
      <c r="DE24" s="97">
        <v>457</v>
      </c>
      <c r="DF24" s="97">
        <v>328</v>
      </c>
      <c r="DG24" s="99">
        <v>2946</v>
      </c>
      <c r="DH24" s="100">
        <v>4161</v>
      </c>
      <c r="DI24" s="101">
        <v>13</v>
      </c>
      <c r="DJ24" s="102">
        <v>19</v>
      </c>
      <c r="DK24" s="103">
        <v>32</v>
      </c>
      <c r="DL24" s="413">
        <v>0</v>
      </c>
      <c r="DM24" s="102">
        <v>17</v>
      </c>
      <c r="DN24" s="102">
        <v>21</v>
      </c>
      <c r="DO24" s="102">
        <v>12</v>
      </c>
      <c r="DP24" s="102">
        <v>5</v>
      </c>
      <c r="DQ24" s="102">
        <v>15</v>
      </c>
      <c r="DR24" s="103">
        <v>70</v>
      </c>
      <c r="DS24" s="104">
        <v>102</v>
      </c>
      <c r="DT24" s="101">
        <v>37</v>
      </c>
      <c r="DU24" s="102">
        <v>33</v>
      </c>
      <c r="DV24" s="103">
        <v>70</v>
      </c>
      <c r="DW24" s="413">
        <v>0</v>
      </c>
      <c r="DX24" s="102">
        <v>48</v>
      </c>
      <c r="DY24" s="102">
        <v>30</v>
      </c>
      <c r="DZ24" s="102">
        <v>28</v>
      </c>
      <c r="EA24" s="102">
        <v>25</v>
      </c>
      <c r="EB24" s="102">
        <v>23</v>
      </c>
      <c r="EC24" s="103">
        <v>154</v>
      </c>
      <c r="ED24" s="104">
        <v>224</v>
      </c>
      <c r="EE24" s="101">
        <v>92</v>
      </c>
      <c r="EF24" s="102">
        <v>107</v>
      </c>
      <c r="EG24" s="103">
        <v>199</v>
      </c>
      <c r="EH24" s="413">
        <v>0</v>
      </c>
      <c r="EI24" s="102">
        <v>108</v>
      </c>
      <c r="EJ24" s="102">
        <v>79</v>
      </c>
      <c r="EK24" s="102">
        <v>59</v>
      </c>
      <c r="EL24" s="102">
        <v>42</v>
      </c>
      <c r="EM24" s="102">
        <v>33</v>
      </c>
      <c r="EN24" s="103">
        <v>321</v>
      </c>
      <c r="EO24" s="104">
        <v>520</v>
      </c>
      <c r="EP24" s="101">
        <v>206</v>
      </c>
      <c r="EQ24" s="102">
        <v>186</v>
      </c>
      <c r="ER24" s="103">
        <v>392</v>
      </c>
      <c r="ES24" s="413">
        <v>0</v>
      </c>
      <c r="ET24" s="102">
        <v>226</v>
      </c>
      <c r="EU24" s="102">
        <v>165</v>
      </c>
      <c r="EV24" s="102">
        <v>132</v>
      </c>
      <c r="EW24" s="102">
        <v>97</v>
      </c>
      <c r="EX24" s="102">
        <v>75</v>
      </c>
      <c r="EY24" s="103">
        <v>695</v>
      </c>
      <c r="EZ24" s="104">
        <v>1087</v>
      </c>
      <c r="FA24" s="101">
        <v>168</v>
      </c>
      <c r="FB24" s="102">
        <v>178</v>
      </c>
      <c r="FC24" s="103">
        <v>346</v>
      </c>
      <c r="FD24" s="413">
        <v>0</v>
      </c>
      <c r="FE24" s="102">
        <v>231</v>
      </c>
      <c r="FF24" s="102">
        <v>230</v>
      </c>
      <c r="FG24" s="102">
        <v>168</v>
      </c>
      <c r="FH24" s="102">
        <v>111</v>
      </c>
      <c r="FI24" s="102">
        <v>86</v>
      </c>
      <c r="FJ24" s="103">
        <v>826</v>
      </c>
      <c r="FK24" s="104">
        <v>1172</v>
      </c>
      <c r="FL24" s="101">
        <v>93</v>
      </c>
      <c r="FM24" s="102">
        <v>83</v>
      </c>
      <c r="FN24" s="103">
        <v>176</v>
      </c>
      <c r="FO24" s="413">
        <v>0</v>
      </c>
      <c r="FP24" s="102">
        <v>203</v>
      </c>
      <c r="FQ24" s="102">
        <v>212</v>
      </c>
      <c r="FR24" s="102">
        <v>192</v>
      </c>
      <c r="FS24" s="102">
        <v>177</v>
      </c>
      <c r="FT24" s="102">
        <v>96</v>
      </c>
      <c r="FU24" s="103">
        <v>880</v>
      </c>
      <c r="FV24" s="104">
        <v>1056</v>
      </c>
      <c r="FW24" s="101">
        <v>6</v>
      </c>
      <c r="FX24" s="102">
        <v>10</v>
      </c>
      <c r="FY24" s="103">
        <v>16</v>
      </c>
      <c r="FZ24" s="413">
        <v>0</v>
      </c>
      <c r="GA24" s="102">
        <v>4</v>
      </c>
      <c r="GB24" s="102">
        <v>18</v>
      </c>
      <c r="GC24" s="102">
        <v>18</v>
      </c>
      <c r="GD24" s="102">
        <v>10</v>
      </c>
      <c r="GE24" s="102">
        <v>8</v>
      </c>
      <c r="GF24" s="103">
        <v>58</v>
      </c>
      <c r="GG24" s="104">
        <v>74</v>
      </c>
      <c r="GH24" s="101">
        <v>615</v>
      </c>
      <c r="GI24" s="102">
        <v>616</v>
      </c>
      <c r="GJ24" s="103">
        <v>1231</v>
      </c>
      <c r="GK24" s="413">
        <v>0</v>
      </c>
      <c r="GL24" s="102">
        <v>837</v>
      </c>
      <c r="GM24" s="102">
        <v>755</v>
      </c>
      <c r="GN24" s="102">
        <v>609</v>
      </c>
      <c r="GO24" s="102">
        <v>467</v>
      </c>
      <c r="GP24" s="102">
        <v>336</v>
      </c>
      <c r="GQ24" s="103">
        <v>3004</v>
      </c>
      <c r="GR24" s="104">
        <v>4235</v>
      </c>
      <c r="GS24" s="105">
        <v>915</v>
      </c>
      <c r="GT24" s="97">
        <v>847</v>
      </c>
      <c r="GU24" s="98">
        <v>1762</v>
      </c>
      <c r="GV24" s="413">
        <v>0</v>
      </c>
      <c r="GW24" s="97">
        <v>1311</v>
      </c>
      <c r="GX24" s="97">
        <v>1162</v>
      </c>
      <c r="GY24" s="97">
        <v>885</v>
      </c>
      <c r="GZ24" s="97">
        <v>686</v>
      </c>
      <c r="HA24" s="97">
        <v>472</v>
      </c>
      <c r="HB24" s="99">
        <v>4516</v>
      </c>
      <c r="HC24" s="100">
        <v>6278</v>
      </c>
      <c r="HD24" s="101">
        <v>26</v>
      </c>
      <c r="HE24" s="102">
        <v>32</v>
      </c>
      <c r="HF24" s="103">
        <v>58</v>
      </c>
      <c r="HG24" s="416">
        <v>0</v>
      </c>
      <c r="HH24" s="102">
        <v>37</v>
      </c>
      <c r="HI24" s="102">
        <v>39</v>
      </c>
      <c r="HJ24" s="102">
        <v>32</v>
      </c>
      <c r="HK24" s="102">
        <v>16</v>
      </c>
      <c r="HL24" s="102">
        <v>29</v>
      </c>
      <c r="HM24" s="103">
        <v>153</v>
      </c>
      <c r="HN24" s="104">
        <v>211</v>
      </c>
      <c r="HO24" s="101">
        <v>63</v>
      </c>
      <c r="HP24" s="102">
        <v>54</v>
      </c>
      <c r="HQ24" s="103">
        <v>117</v>
      </c>
      <c r="HR24" s="413">
        <v>0</v>
      </c>
      <c r="HS24" s="102">
        <v>85</v>
      </c>
      <c r="HT24" s="102">
        <v>84</v>
      </c>
      <c r="HU24" s="102">
        <v>56</v>
      </c>
      <c r="HV24" s="102">
        <v>52</v>
      </c>
      <c r="HW24" s="102">
        <v>46</v>
      </c>
      <c r="HX24" s="103">
        <v>323</v>
      </c>
      <c r="HY24" s="104">
        <v>440</v>
      </c>
      <c r="HZ24" s="101">
        <v>145</v>
      </c>
      <c r="IA24" s="102">
        <v>156</v>
      </c>
      <c r="IB24" s="103">
        <v>301</v>
      </c>
      <c r="IC24" s="413">
        <v>0</v>
      </c>
      <c r="ID24" s="102">
        <v>188</v>
      </c>
      <c r="IE24" s="102">
        <v>145</v>
      </c>
      <c r="IF24" s="102">
        <v>107</v>
      </c>
      <c r="IG24" s="102">
        <v>86</v>
      </c>
      <c r="IH24" s="102">
        <v>54</v>
      </c>
      <c r="II24" s="103">
        <v>580</v>
      </c>
      <c r="IJ24" s="104">
        <v>881</v>
      </c>
      <c r="IK24" s="101">
        <v>297</v>
      </c>
      <c r="IL24" s="102">
        <v>248</v>
      </c>
      <c r="IM24" s="103">
        <v>545</v>
      </c>
      <c r="IN24" s="413">
        <v>0</v>
      </c>
      <c r="IO24" s="102">
        <v>367</v>
      </c>
      <c r="IP24" s="102">
        <v>293</v>
      </c>
      <c r="IQ24" s="102">
        <v>209</v>
      </c>
      <c r="IR24" s="102">
        <v>166</v>
      </c>
      <c r="IS24" s="102">
        <v>105</v>
      </c>
      <c r="IT24" s="103">
        <v>1140</v>
      </c>
      <c r="IU24" s="104">
        <v>1685</v>
      </c>
      <c r="IV24" s="101">
        <v>255</v>
      </c>
      <c r="IW24" s="102">
        <v>239</v>
      </c>
      <c r="IX24" s="103">
        <v>494</v>
      </c>
      <c r="IY24" s="413">
        <v>0</v>
      </c>
      <c r="IZ24" s="102">
        <v>370</v>
      </c>
      <c r="JA24" s="102">
        <v>326</v>
      </c>
      <c r="JB24" s="102">
        <v>233</v>
      </c>
      <c r="JC24" s="102">
        <v>159</v>
      </c>
      <c r="JD24" s="102">
        <v>119</v>
      </c>
      <c r="JE24" s="103">
        <v>1207</v>
      </c>
      <c r="JF24" s="104">
        <v>1701</v>
      </c>
      <c r="JG24" s="101">
        <v>129</v>
      </c>
      <c r="JH24" s="102">
        <v>118</v>
      </c>
      <c r="JI24" s="103">
        <v>247</v>
      </c>
      <c r="JJ24" s="413">
        <v>0</v>
      </c>
      <c r="JK24" s="102">
        <v>264</v>
      </c>
      <c r="JL24" s="102">
        <v>275</v>
      </c>
      <c r="JM24" s="102">
        <v>248</v>
      </c>
      <c r="JN24" s="102">
        <v>207</v>
      </c>
      <c r="JO24" s="102">
        <v>119</v>
      </c>
      <c r="JP24" s="103">
        <v>1113</v>
      </c>
      <c r="JQ24" s="104">
        <v>1360</v>
      </c>
      <c r="JR24" s="101">
        <v>22</v>
      </c>
      <c r="JS24" s="102">
        <v>21</v>
      </c>
      <c r="JT24" s="103">
        <v>43</v>
      </c>
      <c r="JU24" s="413">
        <v>0</v>
      </c>
      <c r="JV24" s="102">
        <v>12</v>
      </c>
      <c r="JW24" s="102">
        <v>37</v>
      </c>
      <c r="JX24" s="102">
        <v>31</v>
      </c>
      <c r="JY24" s="102">
        <v>21</v>
      </c>
      <c r="JZ24" s="102">
        <v>19</v>
      </c>
      <c r="KA24" s="103">
        <v>120</v>
      </c>
      <c r="KB24" s="104">
        <v>163</v>
      </c>
      <c r="KC24" s="101">
        <v>937</v>
      </c>
      <c r="KD24" s="102">
        <v>868</v>
      </c>
      <c r="KE24" s="103">
        <v>1805</v>
      </c>
      <c r="KF24" s="413">
        <v>0</v>
      </c>
      <c r="KG24" s="102">
        <v>1323</v>
      </c>
      <c r="KH24" s="102">
        <v>1199</v>
      </c>
      <c r="KI24" s="102">
        <v>916</v>
      </c>
      <c r="KJ24" s="102">
        <v>707</v>
      </c>
      <c r="KK24" s="102">
        <v>491</v>
      </c>
      <c r="KL24" s="103">
        <v>4636</v>
      </c>
      <c r="KM24" s="104">
        <v>6441</v>
      </c>
    </row>
    <row r="25" spans="2:299" s="70" customFormat="1" ht="21" customHeight="1" x14ac:dyDescent="0.2">
      <c r="B25" s="106" t="s">
        <v>22</v>
      </c>
      <c r="C25" s="96">
        <v>89</v>
      </c>
      <c r="D25" s="97">
        <v>81</v>
      </c>
      <c r="E25" s="98">
        <v>170</v>
      </c>
      <c r="F25" s="413">
        <v>0</v>
      </c>
      <c r="G25" s="97">
        <v>199</v>
      </c>
      <c r="H25" s="97">
        <v>167</v>
      </c>
      <c r="I25" s="97">
        <v>108</v>
      </c>
      <c r="J25" s="97">
        <v>95</v>
      </c>
      <c r="K25" s="97">
        <v>45</v>
      </c>
      <c r="L25" s="99">
        <v>614</v>
      </c>
      <c r="M25" s="100">
        <v>784</v>
      </c>
      <c r="N25" s="101">
        <v>4</v>
      </c>
      <c r="O25" s="102">
        <v>5</v>
      </c>
      <c r="P25" s="103">
        <v>9</v>
      </c>
      <c r="Q25" s="413">
        <v>0</v>
      </c>
      <c r="R25" s="102">
        <v>5</v>
      </c>
      <c r="S25" s="102">
        <v>5</v>
      </c>
      <c r="T25" s="102">
        <v>6</v>
      </c>
      <c r="U25" s="102">
        <v>1</v>
      </c>
      <c r="V25" s="102">
        <v>4</v>
      </c>
      <c r="W25" s="103">
        <v>21</v>
      </c>
      <c r="X25" s="104">
        <v>30</v>
      </c>
      <c r="Y25" s="101">
        <v>3</v>
      </c>
      <c r="Z25" s="102">
        <v>5</v>
      </c>
      <c r="AA25" s="103">
        <v>8</v>
      </c>
      <c r="AB25" s="413">
        <v>0</v>
      </c>
      <c r="AC25" s="102">
        <v>11</v>
      </c>
      <c r="AD25" s="102">
        <v>13</v>
      </c>
      <c r="AE25" s="102">
        <v>5</v>
      </c>
      <c r="AF25" s="102">
        <v>5</v>
      </c>
      <c r="AG25" s="102">
        <v>7</v>
      </c>
      <c r="AH25" s="103">
        <v>41</v>
      </c>
      <c r="AI25" s="104">
        <v>49</v>
      </c>
      <c r="AJ25" s="101">
        <v>14</v>
      </c>
      <c r="AK25" s="102">
        <v>16</v>
      </c>
      <c r="AL25" s="103">
        <v>30</v>
      </c>
      <c r="AM25" s="413">
        <v>0</v>
      </c>
      <c r="AN25" s="102">
        <v>38</v>
      </c>
      <c r="AO25" s="102">
        <v>19</v>
      </c>
      <c r="AP25" s="102">
        <v>18</v>
      </c>
      <c r="AQ25" s="102">
        <v>18</v>
      </c>
      <c r="AR25" s="102">
        <v>7</v>
      </c>
      <c r="AS25" s="103">
        <v>100</v>
      </c>
      <c r="AT25" s="104">
        <v>130</v>
      </c>
      <c r="AU25" s="101">
        <v>26</v>
      </c>
      <c r="AV25" s="102">
        <v>22</v>
      </c>
      <c r="AW25" s="103">
        <v>48</v>
      </c>
      <c r="AX25" s="413">
        <v>0</v>
      </c>
      <c r="AY25" s="102">
        <v>46</v>
      </c>
      <c r="AZ25" s="102">
        <v>46</v>
      </c>
      <c r="BA25" s="102">
        <v>28</v>
      </c>
      <c r="BB25" s="102">
        <v>19</v>
      </c>
      <c r="BC25" s="102">
        <v>11</v>
      </c>
      <c r="BD25" s="103">
        <v>150</v>
      </c>
      <c r="BE25" s="104">
        <v>198</v>
      </c>
      <c r="BF25" s="101">
        <v>28</v>
      </c>
      <c r="BG25" s="102">
        <v>23</v>
      </c>
      <c r="BH25" s="103">
        <v>51</v>
      </c>
      <c r="BI25" s="413">
        <v>0</v>
      </c>
      <c r="BJ25" s="102">
        <v>49</v>
      </c>
      <c r="BK25" s="102">
        <v>44</v>
      </c>
      <c r="BL25" s="102">
        <v>25</v>
      </c>
      <c r="BM25" s="102">
        <v>30</v>
      </c>
      <c r="BN25" s="102">
        <v>8</v>
      </c>
      <c r="BO25" s="103">
        <v>156</v>
      </c>
      <c r="BP25" s="104">
        <v>207</v>
      </c>
      <c r="BQ25" s="101">
        <v>14</v>
      </c>
      <c r="BR25" s="102">
        <v>10</v>
      </c>
      <c r="BS25" s="103">
        <v>24</v>
      </c>
      <c r="BT25" s="413">
        <v>0</v>
      </c>
      <c r="BU25" s="102">
        <v>50</v>
      </c>
      <c r="BV25" s="102">
        <v>40</v>
      </c>
      <c r="BW25" s="102">
        <v>26</v>
      </c>
      <c r="BX25" s="102">
        <v>22</v>
      </c>
      <c r="BY25" s="102">
        <v>8</v>
      </c>
      <c r="BZ25" s="103">
        <v>146</v>
      </c>
      <c r="CA25" s="104">
        <v>170</v>
      </c>
      <c r="CB25" s="101">
        <v>3</v>
      </c>
      <c r="CC25" s="102">
        <v>4</v>
      </c>
      <c r="CD25" s="103">
        <v>7</v>
      </c>
      <c r="CE25" s="413">
        <v>0</v>
      </c>
      <c r="CF25" s="102">
        <v>10</v>
      </c>
      <c r="CG25" s="102">
        <v>4</v>
      </c>
      <c r="CH25" s="102">
        <v>2</v>
      </c>
      <c r="CI25" s="102">
        <v>1</v>
      </c>
      <c r="CJ25" s="102">
        <v>4</v>
      </c>
      <c r="CK25" s="103">
        <v>21</v>
      </c>
      <c r="CL25" s="104">
        <v>28</v>
      </c>
      <c r="CM25" s="101">
        <v>92</v>
      </c>
      <c r="CN25" s="102">
        <v>85</v>
      </c>
      <c r="CO25" s="103">
        <v>177</v>
      </c>
      <c r="CP25" s="413">
        <v>0</v>
      </c>
      <c r="CQ25" s="102">
        <v>209</v>
      </c>
      <c r="CR25" s="102">
        <v>171</v>
      </c>
      <c r="CS25" s="102">
        <v>110</v>
      </c>
      <c r="CT25" s="102">
        <v>96</v>
      </c>
      <c r="CU25" s="102">
        <v>49</v>
      </c>
      <c r="CV25" s="103">
        <v>635</v>
      </c>
      <c r="CW25" s="104">
        <v>812</v>
      </c>
      <c r="CX25" s="105">
        <v>143</v>
      </c>
      <c r="CY25" s="97">
        <v>261</v>
      </c>
      <c r="CZ25" s="98">
        <v>404</v>
      </c>
      <c r="DA25" s="413">
        <v>0</v>
      </c>
      <c r="DB25" s="97">
        <v>354</v>
      </c>
      <c r="DC25" s="97">
        <v>312</v>
      </c>
      <c r="DD25" s="97">
        <v>220</v>
      </c>
      <c r="DE25" s="97">
        <v>222</v>
      </c>
      <c r="DF25" s="97">
        <v>113</v>
      </c>
      <c r="DG25" s="99">
        <v>1221</v>
      </c>
      <c r="DH25" s="100">
        <v>1625</v>
      </c>
      <c r="DI25" s="101">
        <v>4</v>
      </c>
      <c r="DJ25" s="102">
        <v>7</v>
      </c>
      <c r="DK25" s="103">
        <v>11</v>
      </c>
      <c r="DL25" s="413">
        <v>0</v>
      </c>
      <c r="DM25" s="102">
        <v>6</v>
      </c>
      <c r="DN25" s="102">
        <v>5</v>
      </c>
      <c r="DO25" s="102">
        <v>6</v>
      </c>
      <c r="DP25" s="102">
        <v>3</v>
      </c>
      <c r="DQ25" s="102">
        <v>4</v>
      </c>
      <c r="DR25" s="103">
        <v>24</v>
      </c>
      <c r="DS25" s="104">
        <v>35</v>
      </c>
      <c r="DT25" s="101">
        <v>9</v>
      </c>
      <c r="DU25" s="102">
        <v>13</v>
      </c>
      <c r="DV25" s="103">
        <v>22</v>
      </c>
      <c r="DW25" s="413">
        <v>0</v>
      </c>
      <c r="DX25" s="102">
        <v>16</v>
      </c>
      <c r="DY25" s="102">
        <v>15</v>
      </c>
      <c r="DZ25" s="102">
        <v>8</v>
      </c>
      <c r="EA25" s="102">
        <v>5</v>
      </c>
      <c r="EB25" s="102">
        <v>1</v>
      </c>
      <c r="EC25" s="103">
        <v>45</v>
      </c>
      <c r="ED25" s="104">
        <v>67</v>
      </c>
      <c r="EE25" s="101">
        <v>26</v>
      </c>
      <c r="EF25" s="102">
        <v>41</v>
      </c>
      <c r="EG25" s="103">
        <v>67</v>
      </c>
      <c r="EH25" s="413">
        <v>0</v>
      </c>
      <c r="EI25" s="102">
        <v>40</v>
      </c>
      <c r="EJ25" s="102">
        <v>34</v>
      </c>
      <c r="EK25" s="102">
        <v>20</v>
      </c>
      <c r="EL25" s="102">
        <v>16</v>
      </c>
      <c r="EM25" s="102">
        <v>18</v>
      </c>
      <c r="EN25" s="103">
        <v>128</v>
      </c>
      <c r="EO25" s="104">
        <v>195</v>
      </c>
      <c r="EP25" s="101">
        <v>43</v>
      </c>
      <c r="EQ25" s="102">
        <v>74</v>
      </c>
      <c r="ER25" s="103">
        <v>117</v>
      </c>
      <c r="ES25" s="413">
        <v>0</v>
      </c>
      <c r="ET25" s="102">
        <v>78</v>
      </c>
      <c r="EU25" s="102">
        <v>64</v>
      </c>
      <c r="EV25" s="102">
        <v>42</v>
      </c>
      <c r="EW25" s="102">
        <v>41</v>
      </c>
      <c r="EX25" s="102">
        <v>19</v>
      </c>
      <c r="EY25" s="103">
        <v>244</v>
      </c>
      <c r="EZ25" s="104">
        <v>361</v>
      </c>
      <c r="FA25" s="101">
        <v>45</v>
      </c>
      <c r="FB25" s="102">
        <v>75</v>
      </c>
      <c r="FC25" s="103">
        <v>120</v>
      </c>
      <c r="FD25" s="413">
        <v>0</v>
      </c>
      <c r="FE25" s="102">
        <v>112</v>
      </c>
      <c r="FF25" s="102">
        <v>89</v>
      </c>
      <c r="FG25" s="102">
        <v>60</v>
      </c>
      <c r="FH25" s="102">
        <v>59</v>
      </c>
      <c r="FI25" s="102">
        <v>34</v>
      </c>
      <c r="FJ25" s="103">
        <v>354</v>
      </c>
      <c r="FK25" s="104">
        <v>474</v>
      </c>
      <c r="FL25" s="101">
        <v>16</v>
      </c>
      <c r="FM25" s="102">
        <v>51</v>
      </c>
      <c r="FN25" s="103">
        <v>67</v>
      </c>
      <c r="FO25" s="413">
        <v>0</v>
      </c>
      <c r="FP25" s="102">
        <v>102</v>
      </c>
      <c r="FQ25" s="102">
        <v>105</v>
      </c>
      <c r="FR25" s="102">
        <v>84</v>
      </c>
      <c r="FS25" s="102">
        <v>98</v>
      </c>
      <c r="FT25" s="102">
        <v>37</v>
      </c>
      <c r="FU25" s="103">
        <v>426</v>
      </c>
      <c r="FV25" s="104">
        <v>493</v>
      </c>
      <c r="FW25" s="101">
        <v>0</v>
      </c>
      <c r="FX25" s="102">
        <v>5</v>
      </c>
      <c r="FY25" s="103">
        <v>5</v>
      </c>
      <c r="FZ25" s="413">
        <v>0</v>
      </c>
      <c r="GA25" s="102">
        <v>3</v>
      </c>
      <c r="GB25" s="102">
        <v>6</v>
      </c>
      <c r="GC25" s="102">
        <v>2</v>
      </c>
      <c r="GD25" s="102">
        <v>1</v>
      </c>
      <c r="GE25" s="102">
        <v>2</v>
      </c>
      <c r="GF25" s="103">
        <v>14</v>
      </c>
      <c r="GG25" s="104">
        <v>19</v>
      </c>
      <c r="GH25" s="101">
        <v>143</v>
      </c>
      <c r="GI25" s="102">
        <v>266</v>
      </c>
      <c r="GJ25" s="103">
        <v>409</v>
      </c>
      <c r="GK25" s="413">
        <v>0</v>
      </c>
      <c r="GL25" s="102">
        <v>357</v>
      </c>
      <c r="GM25" s="102">
        <v>318</v>
      </c>
      <c r="GN25" s="102">
        <v>222</v>
      </c>
      <c r="GO25" s="102">
        <v>223</v>
      </c>
      <c r="GP25" s="102">
        <v>115</v>
      </c>
      <c r="GQ25" s="103">
        <v>1235</v>
      </c>
      <c r="GR25" s="104">
        <v>1644</v>
      </c>
      <c r="GS25" s="105">
        <v>232</v>
      </c>
      <c r="GT25" s="97">
        <v>342</v>
      </c>
      <c r="GU25" s="98">
        <v>574</v>
      </c>
      <c r="GV25" s="413">
        <v>0</v>
      </c>
      <c r="GW25" s="97">
        <v>553</v>
      </c>
      <c r="GX25" s="97">
        <v>479</v>
      </c>
      <c r="GY25" s="97">
        <v>328</v>
      </c>
      <c r="GZ25" s="97">
        <v>317</v>
      </c>
      <c r="HA25" s="97">
        <v>158</v>
      </c>
      <c r="HB25" s="99">
        <v>1835</v>
      </c>
      <c r="HC25" s="100">
        <v>2409</v>
      </c>
      <c r="HD25" s="101">
        <v>8</v>
      </c>
      <c r="HE25" s="102">
        <v>12</v>
      </c>
      <c r="HF25" s="103">
        <v>20</v>
      </c>
      <c r="HG25" s="416">
        <v>0</v>
      </c>
      <c r="HH25" s="102">
        <v>11</v>
      </c>
      <c r="HI25" s="102">
        <v>10</v>
      </c>
      <c r="HJ25" s="102">
        <v>12</v>
      </c>
      <c r="HK25" s="102">
        <v>4</v>
      </c>
      <c r="HL25" s="102">
        <v>8</v>
      </c>
      <c r="HM25" s="103">
        <v>45</v>
      </c>
      <c r="HN25" s="104">
        <v>65</v>
      </c>
      <c r="HO25" s="101">
        <v>12</v>
      </c>
      <c r="HP25" s="102">
        <v>18</v>
      </c>
      <c r="HQ25" s="103">
        <v>30</v>
      </c>
      <c r="HR25" s="413">
        <v>0</v>
      </c>
      <c r="HS25" s="102">
        <v>27</v>
      </c>
      <c r="HT25" s="102">
        <v>28</v>
      </c>
      <c r="HU25" s="102">
        <v>13</v>
      </c>
      <c r="HV25" s="102">
        <v>10</v>
      </c>
      <c r="HW25" s="102">
        <v>8</v>
      </c>
      <c r="HX25" s="103">
        <v>86</v>
      </c>
      <c r="HY25" s="104">
        <v>116</v>
      </c>
      <c r="HZ25" s="101">
        <v>40</v>
      </c>
      <c r="IA25" s="102">
        <v>57</v>
      </c>
      <c r="IB25" s="103">
        <v>97</v>
      </c>
      <c r="IC25" s="413">
        <v>0</v>
      </c>
      <c r="ID25" s="102">
        <v>78</v>
      </c>
      <c r="IE25" s="102">
        <v>53</v>
      </c>
      <c r="IF25" s="102">
        <v>38</v>
      </c>
      <c r="IG25" s="102">
        <v>34</v>
      </c>
      <c r="IH25" s="102">
        <v>25</v>
      </c>
      <c r="II25" s="103">
        <v>228</v>
      </c>
      <c r="IJ25" s="104">
        <v>325</v>
      </c>
      <c r="IK25" s="101">
        <v>69</v>
      </c>
      <c r="IL25" s="102">
        <v>96</v>
      </c>
      <c r="IM25" s="103">
        <v>165</v>
      </c>
      <c r="IN25" s="413">
        <v>0</v>
      </c>
      <c r="IO25" s="102">
        <v>124</v>
      </c>
      <c r="IP25" s="102">
        <v>110</v>
      </c>
      <c r="IQ25" s="102">
        <v>70</v>
      </c>
      <c r="IR25" s="102">
        <v>60</v>
      </c>
      <c r="IS25" s="102">
        <v>30</v>
      </c>
      <c r="IT25" s="103">
        <v>394</v>
      </c>
      <c r="IU25" s="104">
        <v>559</v>
      </c>
      <c r="IV25" s="101">
        <v>73</v>
      </c>
      <c r="IW25" s="102">
        <v>98</v>
      </c>
      <c r="IX25" s="103">
        <v>171</v>
      </c>
      <c r="IY25" s="413">
        <v>0</v>
      </c>
      <c r="IZ25" s="102">
        <v>161</v>
      </c>
      <c r="JA25" s="102">
        <v>133</v>
      </c>
      <c r="JB25" s="102">
        <v>85</v>
      </c>
      <c r="JC25" s="102">
        <v>89</v>
      </c>
      <c r="JD25" s="102">
        <v>42</v>
      </c>
      <c r="JE25" s="103">
        <v>510</v>
      </c>
      <c r="JF25" s="104">
        <v>681</v>
      </c>
      <c r="JG25" s="101">
        <v>30</v>
      </c>
      <c r="JH25" s="102">
        <v>61</v>
      </c>
      <c r="JI25" s="103">
        <v>91</v>
      </c>
      <c r="JJ25" s="413">
        <v>0</v>
      </c>
      <c r="JK25" s="102">
        <v>152</v>
      </c>
      <c r="JL25" s="102">
        <v>145</v>
      </c>
      <c r="JM25" s="102">
        <v>110</v>
      </c>
      <c r="JN25" s="102">
        <v>120</v>
      </c>
      <c r="JO25" s="102">
        <v>45</v>
      </c>
      <c r="JP25" s="103">
        <v>572</v>
      </c>
      <c r="JQ25" s="104">
        <v>663</v>
      </c>
      <c r="JR25" s="101">
        <v>3</v>
      </c>
      <c r="JS25" s="102">
        <v>9</v>
      </c>
      <c r="JT25" s="103">
        <v>12</v>
      </c>
      <c r="JU25" s="413">
        <v>0</v>
      </c>
      <c r="JV25" s="102">
        <v>13</v>
      </c>
      <c r="JW25" s="102">
        <v>10</v>
      </c>
      <c r="JX25" s="102">
        <v>4</v>
      </c>
      <c r="JY25" s="102">
        <v>2</v>
      </c>
      <c r="JZ25" s="102">
        <v>6</v>
      </c>
      <c r="KA25" s="103">
        <v>35</v>
      </c>
      <c r="KB25" s="104">
        <v>47</v>
      </c>
      <c r="KC25" s="101">
        <v>235</v>
      </c>
      <c r="KD25" s="102">
        <v>351</v>
      </c>
      <c r="KE25" s="103">
        <v>586</v>
      </c>
      <c r="KF25" s="413">
        <v>0</v>
      </c>
      <c r="KG25" s="102">
        <v>566</v>
      </c>
      <c r="KH25" s="102">
        <v>489</v>
      </c>
      <c r="KI25" s="102">
        <v>332</v>
      </c>
      <c r="KJ25" s="102">
        <v>319</v>
      </c>
      <c r="KK25" s="102">
        <v>164</v>
      </c>
      <c r="KL25" s="103">
        <v>1870</v>
      </c>
      <c r="KM25" s="104">
        <v>2456</v>
      </c>
    </row>
    <row r="26" spans="2:299" s="70" customFormat="1" ht="21" customHeight="1" x14ac:dyDescent="0.2">
      <c r="B26" s="106" t="s">
        <v>23</v>
      </c>
      <c r="C26" s="96">
        <v>216</v>
      </c>
      <c r="D26" s="97">
        <v>205</v>
      </c>
      <c r="E26" s="98">
        <v>421</v>
      </c>
      <c r="F26" s="413">
        <v>0</v>
      </c>
      <c r="G26" s="97">
        <v>314</v>
      </c>
      <c r="H26" s="97">
        <v>282</v>
      </c>
      <c r="I26" s="97">
        <v>187</v>
      </c>
      <c r="J26" s="97">
        <v>153</v>
      </c>
      <c r="K26" s="97">
        <v>90</v>
      </c>
      <c r="L26" s="99">
        <v>1026</v>
      </c>
      <c r="M26" s="100">
        <v>1447</v>
      </c>
      <c r="N26" s="101">
        <v>5</v>
      </c>
      <c r="O26" s="102">
        <v>10</v>
      </c>
      <c r="P26" s="103">
        <v>15</v>
      </c>
      <c r="Q26" s="413">
        <v>0</v>
      </c>
      <c r="R26" s="102">
        <v>8</v>
      </c>
      <c r="S26" s="102">
        <v>14</v>
      </c>
      <c r="T26" s="102">
        <v>2</v>
      </c>
      <c r="U26" s="102">
        <v>5</v>
      </c>
      <c r="V26" s="102">
        <v>2</v>
      </c>
      <c r="W26" s="103">
        <v>31</v>
      </c>
      <c r="X26" s="104">
        <v>46</v>
      </c>
      <c r="Y26" s="101">
        <v>17</v>
      </c>
      <c r="Z26" s="102">
        <v>19</v>
      </c>
      <c r="AA26" s="103">
        <v>36</v>
      </c>
      <c r="AB26" s="413">
        <v>0</v>
      </c>
      <c r="AC26" s="102">
        <v>23</v>
      </c>
      <c r="AD26" s="102">
        <v>32</v>
      </c>
      <c r="AE26" s="102">
        <v>18</v>
      </c>
      <c r="AF26" s="102">
        <v>18</v>
      </c>
      <c r="AG26" s="102">
        <v>12</v>
      </c>
      <c r="AH26" s="103">
        <v>103</v>
      </c>
      <c r="AI26" s="104">
        <v>139</v>
      </c>
      <c r="AJ26" s="101">
        <v>45</v>
      </c>
      <c r="AK26" s="102">
        <v>35</v>
      </c>
      <c r="AL26" s="103">
        <v>80</v>
      </c>
      <c r="AM26" s="413">
        <v>0</v>
      </c>
      <c r="AN26" s="102">
        <v>52</v>
      </c>
      <c r="AO26" s="102">
        <v>35</v>
      </c>
      <c r="AP26" s="102">
        <v>23</v>
      </c>
      <c r="AQ26" s="102">
        <v>21</v>
      </c>
      <c r="AR26" s="102">
        <v>19</v>
      </c>
      <c r="AS26" s="103">
        <v>150</v>
      </c>
      <c r="AT26" s="104">
        <v>230</v>
      </c>
      <c r="AU26" s="101">
        <v>59</v>
      </c>
      <c r="AV26" s="102">
        <v>61</v>
      </c>
      <c r="AW26" s="103">
        <v>120</v>
      </c>
      <c r="AX26" s="413">
        <v>0</v>
      </c>
      <c r="AY26" s="102">
        <v>100</v>
      </c>
      <c r="AZ26" s="102">
        <v>78</v>
      </c>
      <c r="BA26" s="102">
        <v>55</v>
      </c>
      <c r="BB26" s="102">
        <v>47</v>
      </c>
      <c r="BC26" s="102">
        <v>22</v>
      </c>
      <c r="BD26" s="103">
        <v>302</v>
      </c>
      <c r="BE26" s="104">
        <v>422</v>
      </c>
      <c r="BF26" s="101">
        <v>69</v>
      </c>
      <c r="BG26" s="102">
        <v>58</v>
      </c>
      <c r="BH26" s="103">
        <v>127</v>
      </c>
      <c r="BI26" s="413">
        <v>0</v>
      </c>
      <c r="BJ26" s="102">
        <v>96</v>
      </c>
      <c r="BK26" s="102">
        <v>79</v>
      </c>
      <c r="BL26" s="102">
        <v>58</v>
      </c>
      <c r="BM26" s="102">
        <v>34</v>
      </c>
      <c r="BN26" s="102">
        <v>25</v>
      </c>
      <c r="BO26" s="103">
        <v>292</v>
      </c>
      <c r="BP26" s="104">
        <v>419</v>
      </c>
      <c r="BQ26" s="101">
        <v>21</v>
      </c>
      <c r="BR26" s="102">
        <v>22</v>
      </c>
      <c r="BS26" s="103">
        <v>43</v>
      </c>
      <c r="BT26" s="413">
        <v>0</v>
      </c>
      <c r="BU26" s="102">
        <v>35</v>
      </c>
      <c r="BV26" s="102">
        <v>44</v>
      </c>
      <c r="BW26" s="102">
        <v>31</v>
      </c>
      <c r="BX26" s="102">
        <v>28</v>
      </c>
      <c r="BY26" s="102">
        <v>10</v>
      </c>
      <c r="BZ26" s="103">
        <v>148</v>
      </c>
      <c r="CA26" s="104">
        <v>191</v>
      </c>
      <c r="CB26" s="101">
        <v>5</v>
      </c>
      <c r="CC26" s="102">
        <v>10</v>
      </c>
      <c r="CD26" s="103">
        <v>15</v>
      </c>
      <c r="CE26" s="413">
        <v>0</v>
      </c>
      <c r="CF26" s="102">
        <v>6</v>
      </c>
      <c r="CG26" s="102">
        <v>14</v>
      </c>
      <c r="CH26" s="102">
        <v>10</v>
      </c>
      <c r="CI26" s="102">
        <v>10</v>
      </c>
      <c r="CJ26" s="102">
        <v>1</v>
      </c>
      <c r="CK26" s="103">
        <v>41</v>
      </c>
      <c r="CL26" s="104">
        <v>56</v>
      </c>
      <c r="CM26" s="101">
        <v>221</v>
      </c>
      <c r="CN26" s="102">
        <v>215</v>
      </c>
      <c r="CO26" s="103">
        <v>436</v>
      </c>
      <c r="CP26" s="413">
        <v>0</v>
      </c>
      <c r="CQ26" s="102">
        <v>320</v>
      </c>
      <c r="CR26" s="102">
        <v>296</v>
      </c>
      <c r="CS26" s="102">
        <v>197</v>
      </c>
      <c r="CT26" s="102">
        <v>163</v>
      </c>
      <c r="CU26" s="102">
        <v>91</v>
      </c>
      <c r="CV26" s="103">
        <v>1067</v>
      </c>
      <c r="CW26" s="104">
        <v>1503</v>
      </c>
      <c r="CX26" s="105">
        <v>350</v>
      </c>
      <c r="CY26" s="97">
        <v>469</v>
      </c>
      <c r="CZ26" s="98">
        <v>819</v>
      </c>
      <c r="DA26" s="413">
        <v>0</v>
      </c>
      <c r="DB26" s="97">
        <v>546</v>
      </c>
      <c r="DC26" s="97">
        <v>447</v>
      </c>
      <c r="DD26" s="97">
        <v>313</v>
      </c>
      <c r="DE26" s="97">
        <v>376</v>
      </c>
      <c r="DF26" s="97">
        <v>230</v>
      </c>
      <c r="DG26" s="99">
        <v>1912</v>
      </c>
      <c r="DH26" s="100">
        <v>2731</v>
      </c>
      <c r="DI26" s="101">
        <v>9</v>
      </c>
      <c r="DJ26" s="102">
        <v>15</v>
      </c>
      <c r="DK26" s="103">
        <v>24</v>
      </c>
      <c r="DL26" s="413">
        <v>0</v>
      </c>
      <c r="DM26" s="102">
        <v>12</v>
      </c>
      <c r="DN26" s="102">
        <v>10</v>
      </c>
      <c r="DO26" s="102">
        <v>5</v>
      </c>
      <c r="DP26" s="102">
        <v>3</v>
      </c>
      <c r="DQ26" s="102">
        <v>5</v>
      </c>
      <c r="DR26" s="103">
        <v>35</v>
      </c>
      <c r="DS26" s="104">
        <v>59</v>
      </c>
      <c r="DT26" s="101">
        <v>24</v>
      </c>
      <c r="DU26" s="102">
        <v>34</v>
      </c>
      <c r="DV26" s="103">
        <v>58</v>
      </c>
      <c r="DW26" s="413">
        <v>0</v>
      </c>
      <c r="DX26" s="102">
        <v>18</v>
      </c>
      <c r="DY26" s="102">
        <v>29</v>
      </c>
      <c r="DZ26" s="102">
        <v>20</v>
      </c>
      <c r="EA26" s="102">
        <v>23</v>
      </c>
      <c r="EB26" s="102">
        <v>8</v>
      </c>
      <c r="EC26" s="103">
        <v>98</v>
      </c>
      <c r="ED26" s="104">
        <v>156</v>
      </c>
      <c r="EE26" s="101">
        <v>67</v>
      </c>
      <c r="EF26" s="102">
        <v>82</v>
      </c>
      <c r="EG26" s="103">
        <v>149</v>
      </c>
      <c r="EH26" s="413">
        <v>0</v>
      </c>
      <c r="EI26" s="102">
        <v>85</v>
      </c>
      <c r="EJ26" s="102">
        <v>55</v>
      </c>
      <c r="EK26" s="102">
        <v>38</v>
      </c>
      <c r="EL26" s="102">
        <v>49</v>
      </c>
      <c r="EM26" s="102">
        <v>34</v>
      </c>
      <c r="EN26" s="103">
        <v>261</v>
      </c>
      <c r="EO26" s="104">
        <v>410</v>
      </c>
      <c r="EP26" s="101">
        <v>142</v>
      </c>
      <c r="EQ26" s="102">
        <v>156</v>
      </c>
      <c r="ER26" s="103">
        <v>298</v>
      </c>
      <c r="ES26" s="413">
        <v>0</v>
      </c>
      <c r="ET26" s="102">
        <v>140</v>
      </c>
      <c r="EU26" s="102">
        <v>115</v>
      </c>
      <c r="EV26" s="102">
        <v>68</v>
      </c>
      <c r="EW26" s="102">
        <v>71</v>
      </c>
      <c r="EX26" s="102">
        <v>59</v>
      </c>
      <c r="EY26" s="103">
        <v>453</v>
      </c>
      <c r="EZ26" s="104">
        <v>751</v>
      </c>
      <c r="FA26" s="101">
        <v>73</v>
      </c>
      <c r="FB26" s="102">
        <v>122</v>
      </c>
      <c r="FC26" s="103">
        <v>195</v>
      </c>
      <c r="FD26" s="413">
        <v>0</v>
      </c>
      <c r="FE26" s="102">
        <v>180</v>
      </c>
      <c r="FF26" s="102">
        <v>111</v>
      </c>
      <c r="FG26" s="102">
        <v>102</v>
      </c>
      <c r="FH26" s="102">
        <v>101</v>
      </c>
      <c r="FI26" s="102">
        <v>54</v>
      </c>
      <c r="FJ26" s="103">
        <v>548</v>
      </c>
      <c r="FK26" s="104">
        <v>743</v>
      </c>
      <c r="FL26" s="101">
        <v>35</v>
      </c>
      <c r="FM26" s="102">
        <v>60</v>
      </c>
      <c r="FN26" s="103">
        <v>95</v>
      </c>
      <c r="FO26" s="413">
        <v>0</v>
      </c>
      <c r="FP26" s="102">
        <v>111</v>
      </c>
      <c r="FQ26" s="102">
        <v>127</v>
      </c>
      <c r="FR26" s="102">
        <v>80</v>
      </c>
      <c r="FS26" s="102">
        <v>129</v>
      </c>
      <c r="FT26" s="102">
        <v>70</v>
      </c>
      <c r="FU26" s="103">
        <v>517</v>
      </c>
      <c r="FV26" s="104">
        <v>612</v>
      </c>
      <c r="FW26" s="101">
        <v>6</v>
      </c>
      <c r="FX26" s="102">
        <v>9</v>
      </c>
      <c r="FY26" s="103">
        <v>15</v>
      </c>
      <c r="FZ26" s="413">
        <v>0</v>
      </c>
      <c r="GA26" s="102">
        <v>6</v>
      </c>
      <c r="GB26" s="102">
        <v>12</v>
      </c>
      <c r="GC26" s="102">
        <v>2</v>
      </c>
      <c r="GD26" s="102">
        <v>4</v>
      </c>
      <c r="GE26" s="102">
        <v>4</v>
      </c>
      <c r="GF26" s="103">
        <v>28</v>
      </c>
      <c r="GG26" s="104">
        <v>43</v>
      </c>
      <c r="GH26" s="101">
        <v>356</v>
      </c>
      <c r="GI26" s="102">
        <v>478</v>
      </c>
      <c r="GJ26" s="103">
        <v>834</v>
      </c>
      <c r="GK26" s="413">
        <v>0</v>
      </c>
      <c r="GL26" s="102">
        <v>552</v>
      </c>
      <c r="GM26" s="102">
        <v>459</v>
      </c>
      <c r="GN26" s="102">
        <v>315</v>
      </c>
      <c r="GO26" s="102">
        <v>380</v>
      </c>
      <c r="GP26" s="102">
        <v>234</v>
      </c>
      <c r="GQ26" s="103">
        <v>1940</v>
      </c>
      <c r="GR26" s="104">
        <v>2774</v>
      </c>
      <c r="GS26" s="105">
        <v>566</v>
      </c>
      <c r="GT26" s="97">
        <v>674</v>
      </c>
      <c r="GU26" s="98">
        <v>1240</v>
      </c>
      <c r="GV26" s="413">
        <v>0</v>
      </c>
      <c r="GW26" s="97">
        <v>860</v>
      </c>
      <c r="GX26" s="97">
        <v>729</v>
      </c>
      <c r="GY26" s="97">
        <v>500</v>
      </c>
      <c r="GZ26" s="97">
        <v>529</v>
      </c>
      <c r="HA26" s="97">
        <v>320</v>
      </c>
      <c r="HB26" s="99">
        <v>2938</v>
      </c>
      <c r="HC26" s="100">
        <v>4178</v>
      </c>
      <c r="HD26" s="101">
        <v>14</v>
      </c>
      <c r="HE26" s="102">
        <v>25</v>
      </c>
      <c r="HF26" s="103">
        <v>39</v>
      </c>
      <c r="HG26" s="416">
        <v>0</v>
      </c>
      <c r="HH26" s="102">
        <v>20</v>
      </c>
      <c r="HI26" s="102">
        <v>24</v>
      </c>
      <c r="HJ26" s="102">
        <v>7</v>
      </c>
      <c r="HK26" s="102">
        <v>8</v>
      </c>
      <c r="HL26" s="102">
        <v>7</v>
      </c>
      <c r="HM26" s="103">
        <v>66</v>
      </c>
      <c r="HN26" s="104">
        <v>105</v>
      </c>
      <c r="HO26" s="101">
        <v>41</v>
      </c>
      <c r="HP26" s="102">
        <v>53</v>
      </c>
      <c r="HQ26" s="103">
        <v>94</v>
      </c>
      <c r="HR26" s="413">
        <v>0</v>
      </c>
      <c r="HS26" s="102">
        <v>41</v>
      </c>
      <c r="HT26" s="102">
        <v>61</v>
      </c>
      <c r="HU26" s="102">
        <v>38</v>
      </c>
      <c r="HV26" s="102">
        <v>41</v>
      </c>
      <c r="HW26" s="102">
        <v>20</v>
      </c>
      <c r="HX26" s="103">
        <v>201</v>
      </c>
      <c r="HY26" s="104">
        <v>295</v>
      </c>
      <c r="HZ26" s="101">
        <v>112</v>
      </c>
      <c r="IA26" s="102">
        <v>117</v>
      </c>
      <c r="IB26" s="103">
        <v>229</v>
      </c>
      <c r="IC26" s="413">
        <v>0</v>
      </c>
      <c r="ID26" s="102">
        <v>137</v>
      </c>
      <c r="IE26" s="102">
        <v>90</v>
      </c>
      <c r="IF26" s="102">
        <v>61</v>
      </c>
      <c r="IG26" s="102">
        <v>70</v>
      </c>
      <c r="IH26" s="102">
        <v>53</v>
      </c>
      <c r="II26" s="103">
        <v>411</v>
      </c>
      <c r="IJ26" s="104">
        <v>640</v>
      </c>
      <c r="IK26" s="101">
        <v>201</v>
      </c>
      <c r="IL26" s="102">
        <v>217</v>
      </c>
      <c r="IM26" s="103">
        <v>418</v>
      </c>
      <c r="IN26" s="413">
        <v>0</v>
      </c>
      <c r="IO26" s="102">
        <v>240</v>
      </c>
      <c r="IP26" s="102">
        <v>193</v>
      </c>
      <c r="IQ26" s="102">
        <v>123</v>
      </c>
      <c r="IR26" s="102">
        <v>118</v>
      </c>
      <c r="IS26" s="102">
        <v>81</v>
      </c>
      <c r="IT26" s="103">
        <v>755</v>
      </c>
      <c r="IU26" s="104">
        <v>1173</v>
      </c>
      <c r="IV26" s="101">
        <v>142</v>
      </c>
      <c r="IW26" s="102">
        <v>180</v>
      </c>
      <c r="IX26" s="103">
        <v>322</v>
      </c>
      <c r="IY26" s="413">
        <v>0</v>
      </c>
      <c r="IZ26" s="102">
        <v>276</v>
      </c>
      <c r="JA26" s="102">
        <v>190</v>
      </c>
      <c r="JB26" s="102">
        <v>160</v>
      </c>
      <c r="JC26" s="102">
        <v>135</v>
      </c>
      <c r="JD26" s="102">
        <v>79</v>
      </c>
      <c r="JE26" s="103">
        <v>840</v>
      </c>
      <c r="JF26" s="104">
        <v>1162</v>
      </c>
      <c r="JG26" s="101">
        <v>56</v>
      </c>
      <c r="JH26" s="102">
        <v>82</v>
      </c>
      <c r="JI26" s="103">
        <v>138</v>
      </c>
      <c r="JJ26" s="413">
        <v>0</v>
      </c>
      <c r="JK26" s="102">
        <v>146</v>
      </c>
      <c r="JL26" s="102">
        <v>171</v>
      </c>
      <c r="JM26" s="102">
        <v>111</v>
      </c>
      <c r="JN26" s="102">
        <v>157</v>
      </c>
      <c r="JO26" s="102">
        <v>80</v>
      </c>
      <c r="JP26" s="103">
        <v>665</v>
      </c>
      <c r="JQ26" s="104">
        <v>803</v>
      </c>
      <c r="JR26" s="101">
        <v>11</v>
      </c>
      <c r="JS26" s="102">
        <v>19</v>
      </c>
      <c r="JT26" s="103">
        <v>30</v>
      </c>
      <c r="JU26" s="413">
        <v>0</v>
      </c>
      <c r="JV26" s="102">
        <v>12</v>
      </c>
      <c r="JW26" s="102">
        <v>26</v>
      </c>
      <c r="JX26" s="102">
        <v>12</v>
      </c>
      <c r="JY26" s="102">
        <v>14</v>
      </c>
      <c r="JZ26" s="102">
        <v>5</v>
      </c>
      <c r="KA26" s="103">
        <v>69</v>
      </c>
      <c r="KB26" s="104">
        <v>99</v>
      </c>
      <c r="KC26" s="101">
        <v>577</v>
      </c>
      <c r="KD26" s="102">
        <v>693</v>
      </c>
      <c r="KE26" s="103">
        <v>1270</v>
      </c>
      <c r="KF26" s="413">
        <v>0</v>
      </c>
      <c r="KG26" s="102">
        <v>872</v>
      </c>
      <c r="KH26" s="102">
        <v>755</v>
      </c>
      <c r="KI26" s="102">
        <v>512</v>
      </c>
      <c r="KJ26" s="102">
        <v>543</v>
      </c>
      <c r="KK26" s="102">
        <v>325</v>
      </c>
      <c r="KL26" s="103">
        <v>3007</v>
      </c>
      <c r="KM26" s="104">
        <v>4277</v>
      </c>
    </row>
    <row r="27" spans="2:299" s="70" customFormat="1" ht="21" customHeight="1" x14ac:dyDescent="0.2">
      <c r="B27" s="106" t="s">
        <v>24</v>
      </c>
      <c r="C27" s="96">
        <v>116</v>
      </c>
      <c r="D27" s="97">
        <v>84</v>
      </c>
      <c r="E27" s="98">
        <v>200</v>
      </c>
      <c r="F27" s="413">
        <v>0</v>
      </c>
      <c r="G27" s="97">
        <v>158</v>
      </c>
      <c r="H27" s="97">
        <v>102</v>
      </c>
      <c r="I27" s="97">
        <v>82</v>
      </c>
      <c r="J27" s="97">
        <v>63</v>
      </c>
      <c r="K27" s="97">
        <v>46</v>
      </c>
      <c r="L27" s="99">
        <v>451</v>
      </c>
      <c r="M27" s="100">
        <v>651</v>
      </c>
      <c r="N27" s="101">
        <v>3</v>
      </c>
      <c r="O27" s="102">
        <v>2</v>
      </c>
      <c r="P27" s="103">
        <v>5</v>
      </c>
      <c r="Q27" s="413">
        <v>0</v>
      </c>
      <c r="R27" s="102">
        <v>5</v>
      </c>
      <c r="S27" s="102">
        <v>1</v>
      </c>
      <c r="T27" s="102">
        <v>2</v>
      </c>
      <c r="U27" s="102">
        <v>1</v>
      </c>
      <c r="V27" s="102">
        <v>3</v>
      </c>
      <c r="W27" s="103">
        <v>12</v>
      </c>
      <c r="X27" s="104">
        <v>17</v>
      </c>
      <c r="Y27" s="101">
        <v>11</v>
      </c>
      <c r="Z27" s="102">
        <v>6</v>
      </c>
      <c r="AA27" s="103">
        <v>17</v>
      </c>
      <c r="AB27" s="413">
        <v>0</v>
      </c>
      <c r="AC27" s="102">
        <v>14</v>
      </c>
      <c r="AD27" s="102">
        <v>5</v>
      </c>
      <c r="AE27" s="102">
        <v>5</v>
      </c>
      <c r="AF27" s="102">
        <v>4</v>
      </c>
      <c r="AG27" s="102">
        <v>10</v>
      </c>
      <c r="AH27" s="103">
        <v>38</v>
      </c>
      <c r="AI27" s="104">
        <v>55</v>
      </c>
      <c r="AJ27" s="101">
        <v>14</v>
      </c>
      <c r="AK27" s="102">
        <v>13</v>
      </c>
      <c r="AL27" s="103">
        <v>27</v>
      </c>
      <c r="AM27" s="413">
        <v>0</v>
      </c>
      <c r="AN27" s="102">
        <v>23</v>
      </c>
      <c r="AO27" s="102">
        <v>15</v>
      </c>
      <c r="AP27" s="102">
        <v>12</v>
      </c>
      <c r="AQ27" s="102">
        <v>12</v>
      </c>
      <c r="AR27" s="102">
        <v>2</v>
      </c>
      <c r="AS27" s="103">
        <v>64</v>
      </c>
      <c r="AT27" s="104">
        <v>91</v>
      </c>
      <c r="AU27" s="101">
        <v>18</v>
      </c>
      <c r="AV27" s="102">
        <v>15</v>
      </c>
      <c r="AW27" s="103">
        <v>33</v>
      </c>
      <c r="AX27" s="413">
        <v>0</v>
      </c>
      <c r="AY27" s="102">
        <v>46</v>
      </c>
      <c r="AZ27" s="102">
        <v>22</v>
      </c>
      <c r="BA27" s="102">
        <v>19</v>
      </c>
      <c r="BB27" s="102">
        <v>13</v>
      </c>
      <c r="BC27" s="102">
        <v>11</v>
      </c>
      <c r="BD27" s="103">
        <v>111</v>
      </c>
      <c r="BE27" s="104">
        <v>144</v>
      </c>
      <c r="BF27" s="101">
        <v>40</v>
      </c>
      <c r="BG27" s="102">
        <v>25</v>
      </c>
      <c r="BH27" s="103">
        <v>65</v>
      </c>
      <c r="BI27" s="413">
        <v>0</v>
      </c>
      <c r="BJ27" s="102">
        <v>41</v>
      </c>
      <c r="BK27" s="102">
        <v>31</v>
      </c>
      <c r="BL27" s="102">
        <v>25</v>
      </c>
      <c r="BM27" s="102">
        <v>18</v>
      </c>
      <c r="BN27" s="102">
        <v>8</v>
      </c>
      <c r="BO27" s="103">
        <v>123</v>
      </c>
      <c r="BP27" s="104">
        <v>188</v>
      </c>
      <c r="BQ27" s="101">
        <v>30</v>
      </c>
      <c r="BR27" s="102">
        <v>23</v>
      </c>
      <c r="BS27" s="103">
        <v>53</v>
      </c>
      <c r="BT27" s="413">
        <v>0</v>
      </c>
      <c r="BU27" s="102">
        <v>29</v>
      </c>
      <c r="BV27" s="102">
        <v>28</v>
      </c>
      <c r="BW27" s="102">
        <v>19</v>
      </c>
      <c r="BX27" s="102">
        <v>15</v>
      </c>
      <c r="BY27" s="102">
        <v>12</v>
      </c>
      <c r="BZ27" s="103">
        <v>103</v>
      </c>
      <c r="CA27" s="104">
        <v>156</v>
      </c>
      <c r="CB27" s="101">
        <v>3</v>
      </c>
      <c r="CC27" s="102">
        <v>2</v>
      </c>
      <c r="CD27" s="103">
        <v>5</v>
      </c>
      <c r="CE27" s="413">
        <v>0</v>
      </c>
      <c r="CF27" s="102">
        <v>3</v>
      </c>
      <c r="CG27" s="102">
        <v>4</v>
      </c>
      <c r="CH27" s="102">
        <v>3</v>
      </c>
      <c r="CI27" s="102">
        <v>4</v>
      </c>
      <c r="CJ27" s="102">
        <v>1</v>
      </c>
      <c r="CK27" s="103">
        <v>15</v>
      </c>
      <c r="CL27" s="104">
        <v>20</v>
      </c>
      <c r="CM27" s="101">
        <v>119</v>
      </c>
      <c r="CN27" s="102">
        <v>86</v>
      </c>
      <c r="CO27" s="103">
        <v>205</v>
      </c>
      <c r="CP27" s="413">
        <v>0</v>
      </c>
      <c r="CQ27" s="102">
        <v>161</v>
      </c>
      <c r="CR27" s="102">
        <v>106</v>
      </c>
      <c r="CS27" s="102">
        <v>85</v>
      </c>
      <c r="CT27" s="102">
        <v>67</v>
      </c>
      <c r="CU27" s="102">
        <v>47</v>
      </c>
      <c r="CV27" s="103">
        <v>466</v>
      </c>
      <c r="CW27" s="104">
        <v>671</v>
      </c>
      <c r="CX27" s="105">
        <v>250</v>
      </c>
      <c r="CY27" s="97">
        <v>169</v>
      </c>
      <c r="CZ27" s="98">
        <v>419</v>
      </c>
      <c r="DA27" s="413">
        <v>0</v>
      </c>
      <c r="DB27" s="97">
        <v>274</v>
      </c>
      <c r="DC27" s="97">
        <v>178</v>
      </c>
      <c r="DD27" s="97">
        <v>150</v>
      </c>
      <c r="DE27" s="97">
        <v>217</v>
      </c>
      <c r="DF27" s="97">
        <v>102</v>
      </c>
      <c r="DG27" s="99">
        <v>921</v>
      </c>
      <c r="DH27" s="100">
        <v>1340</v>
      </c>
      <c r="DI27" s="101">
        <v>2</v>
      </c>
      <c r="DJ27" s="102">
        <v>5</v>
      </c>
      <c r="DK27" s="103">
        <v>7</v>
      </c>
      <c r="DL27" s="413">
        <v>0</v>
      </c>
      <c r="DM27" s="102">
        <v>3</v>
      </c>
      <c r="DN27" s="102">
        <v>2</v>
      </c>
      <c r="DO27" s="102">
        <v>2</v>
      </c>
      <c r="DP27" s="102">
        <v>3</v>
      </c>
      <c r="DQ27" s="102">
        <v>2</v>
      </c>
      <c r="DR27" s="103">
        <v>12</v>
      </c>
      <c r="DS27" s="104">
        <v>19</v>
      </c>
      <c r="DT27" s="101">
        <v>9</v>
      </c>
      <c r="DU27" s="102">
        <v>5</v>
      </c>
      <c r="DV27" s="103">
        <v>14</v>
      </c>
      <c r="DW27" s="413">
        <v>0</v>
      </c>
      <c r="DX27" s="102">
        <v>7</v>
      </c>
      <c r="DY27" s="102">
        <v>6</v>
      </c>
      <c r="DZ27" s="102">
        <v>3</v>
      </c>
      <c r="EA27" s="102">
        <v>7</v>
      </c>
      <c r="EB27" s="102">
        <v>3</v>
      </c>
      <c r="EC27" s="103">
        <v>26</v>
      </c>
      <c r="ED27" s="104">
        <v>40</v>
      </c>
      <c r="EE27" s="101">
        <v>35</v>
      </c>
      <c r="EF27" s="102">
        <v>19</v>
      </c>
      <c r="EG27" s="103">
        <v>54</v>
      </c>
      <c r="EH27" s="413">
        <v>0</v>
      </c>
      <c r="EI27" s="102">
        <v>25</v>
      </c>
      <c r="EJ27" s="102">
        <v>17</v>
      </c>
      <c r="EK27" s="102">
        <v>11</v>
      </c>
      <c r="EL27" s="102">
        <v>16</v>
      </c>
      <c r="EM27" s="102">
        <v>6</v>
      </c>
      <c r="EN27" s="103">
        <v>75</v>
      </c>
      <c r="EO27" s="104">
        <v>129</v>
      </c>
      <c r="EP27" s="101">
        <v>69</v>
      </c>
      <c r="EQ27" s="102">
        <v>37</v>
      </c>
      <c r="ER27" s="103">
        <v>106</v>
      </c>
      <c r="ES27" s="413">
        <v>0</v>
      </c>
      <c r="ET27" s="102">
        <v>69</v>
      </c>
      <c r="EU27" s="102">
        <v>27</v>
      </c>
      <c r="EV27" s="102">
        <v>25</v>
      </c>
      <c r="EW27" s="102">
        <v>33</v>
      </c>
      <c r="EX27" s="102">
        <v>19</v>
      </c>
      <c r="EY27" s="103">
        <v>173</v>
      </c>
      <c r="EZ27" s="104">
        <v>279</v>
      </c>
      <c r="FA27" s="101">
        <v>80</v>
      </c>
      <c r="FB27" s="102">
        <v>57</v>
      </c>
      <c r="FC27" s="103">
        <v>137</v>
      </c>
      <c r="FD27" s="413">
        <v>0</v>
      </c>
      <c r="FE27" s="102">
        <v>93</v>
      </c>
      <c r="FF27" s="102">
        <v>58</v>
      </c>
      <c r="FG27" s="102">
        <v>35</v>
      </c>
      <c r="FH27" s="102">
        <v>46</v>
      </c>
      <c r="FI27" s="102">
        <v>21</v>
      </c>
      <c r="FJ27" s="103">
        <v>253</v>
      </c>
      <c r="FK27" s="104">
        <v>390</v>
      </c>
      <c r="FL27" s="101">
        <v>55</v>
      </c>
      <c r="FM27" s="102">
        <v>46</v>
      </c>
      <c r="FN27" s="103">
        <v>101</v>
      </c>
      <c r="FO27" s="413">
        <v>0</v>
      </c>
      <c r="FP27" s="102">
        <v>77</v>
      </c>
      <c r="FQ27" s="102">
        <v>68</v>
      </c>
      <c r="FR27" s="102">
        <v>74</v>
      </c>
      <c r="FS27" s="102">
        <v>112</v>
      </c>
      <c r="FT27" s="102">
        <v>51</v>
      </c>
      <c r="FU27" s="103">
        <v>382</v>
      </c>
      <c r="FV27" s="104">
        <v>483</v>
      </c>
      <c r="FW27" s="101">
        <v>3</v>
      </c>
      <c r="FX27" s="102">
        <v>1</v>
      </c>
      <c r="FY27" s="103">
        <v>4</v>
      </c>
      <c r="FZ27" s="413">
        <v>0</v>
      </c>
      <c r="GA27" s="102">
        <v>2</v>
      </c>
      <c r="GB27" s="102">
        <v>3</v>
      </c>
      <c r="GC27" s="102">
        <v>2</v>
      </c>
      <c r="GD27" s="102">
        <v>2</v>
      </c>
      <c r="GE27" s="102">
        <v>4</v>
      </c>
      <c r="GF27" s="103">
        <v>13</v>
      </c>
      <c r="GG27" s="104">
        <v>17</v>
      </c>
      <c r="GH27" s="101">
        <v>253</v>
      </c>
      <c r="GI27" s="102">
        <v>170</v>
      </c>
      <c r="GJ27" s="103">
        <v>423</v>
      </c>
      <c r="GK27" s="413">
        <v>0</v>
      </c>
      <c r="GL27" s="102">
        <v>276</v>
      </c>
      <c r="GM27" s="102">
        <v>181</v>
      </c>
      <c r="GN27" s="102">
        <v>152</v>
      </c>
      <c r="GO27" s="102">
        <v>219</v>
      </c>
      <c r="GP27" s="102">
        <v>106</v>
      </c>
      <c r="GQ27" s="103">
        <v>934</v>
      </c>
      <c r="GR27" s="104">
        <v>1357</v>
      </c>
      <c r="GS27" s="105">
        <v>366</v>
      </c>
      <c r="GT27" s="97">
        <v>253</v>
      </c>
      <c r="GU27" s="98">
        <v>619</v>
      </c>
      <c r="GV27" s="413">
        <v>0</v>
      </c>
      <c r="GW27" s="97">
        <v>432</v>
      </c>
      <c r="GX27" s="97">
        <v>280</v>
      </c>
      <c r="GY27" s="97">
        <v>232</v>
      </c>
      <c r="GZ27" s="97">
        <v>280</v>
      </c>
      <c r="HA27" s="97">
        <v>148</v>
      </c>
      <c r="HB27" s="99">
        <v>1372</v>
      </c>
      <c r="HC27" s="100">
        <v>1991</v>
      </c>
      <c r="HD27" s="101">
        <v>5</v>
      </c>
      <c r="HE27" s="102">
        <v>7</v>
      </c>
      <c r="HF27" s="103">
        <v>12</v>
      </c>
      <c r="HG27" s="416">
        <v>0</v>
      </c>
      <c r="HH27" s="102">
        <v>8</v>
      </c>
      <c r="HI27" s="102">
        <v>3</v>
      </c>
      <c r="HJ27" s="102">
        <v>4</v>
      </c>
      <c r="HK27" s="102">
        <v>4</v>
      </c>
      <c r="HL27" s="102">
        <v>5</v>
      </c>
      <c r="HM27" s="103">
        <v>24</v>
      </c>
      <c r="HN27" s="104">
        <v>36</v>
      </c>
      <c r="HO27" s="101">
        <v>20</v>
      </c>
      <c r="HP27" s="102">
        <v>11</v>
      </c>
      <c r="HQ27" s="103">
        <v>31</v>
      </c>
      <c r="HR27" s="413">
        <v>0</v>
      </c>
      <c r="HS27" s="102">
        <v>21</v>
      </c>
      <c r="HT27" s="102">
        <v>11</v>
      </c>
      <c r="HU27" s="102">
        <v>8</v>
      </c>
      <c r="HV27" s="102">
        <v>11</v>
      </c>
      <c r="HW27" s="102">
        <v>13</v>
      </c>
      <c r="HX27" s="103">
        <v>64</v>
      </c>
      <c r="HY27" s="104">
        <v>95</v>
      </c>
      <c r="HZ27" s="101">
        <v>49</v>
      </c>
      <c r="IA27" s="102">
        <v>32</v>
      </c>
      <c r="IB27" s="103">
        <v>81</v>
      </c>
      <c r="IC27" s="413">
        <v>0</v>
      </c>
      <c r="ID27" s="102">
        <v>48</v>
      </c>
      <c r="IE27" s="102">
        <v>32</v>
      </c>
      <c r="IF27" s="102">
        <v>23</v>
      </c>
      <c r="IG27" s="102">
        <v>28</v>
      </c>
      <c r="IH27" s="102">
        <v>8</v>
      </c>
      <c r="II27" s="103">
        <v>139</v>
      </c>
      <c r="IJ27" s="104">
        <v>220</v>
      </c>
      <c r="IK27" s="101">
        <v>87</v>
      </c>
      <c r="IL27" s="102">
        <v>52</v>
      </c>
      <c r="IM27" s="103">
        <v>139</v>
      </c>
      <c r="IN27" s="413">
        <v>0</v>
      </c>
      <c r="IO27" s="102">
        <v>115</v>
      </c>
      <c r="IP27" s="102">
        <v>49</v>
      </c>
      <c r="IQ27" s="102">
        <v>44</v>
      </c>
      <c r="IR27" s="102">
        <v>46</v>
      </c>
      <c r="IS27" s="102">
        <v>30</v>
      </c>
      <c r="IT27" s="103">
        <v>284</v>
      </c>
      <c r="IU27" s="104">
        <v>423</v>
      </c>
      <c r="IV27" s="101">
        <v>120</v>
      </c>
      <c r="IW27" s="102">
        <v>82</v>
      </c>
      <c r="IX27" s="103">
        <v>202</v>
      </c>
      <c r="IY27" s="413">
        <v>0</v>
      </c>
      <c r="IZ27" s="102">
        <v>134</v>
      </c>
      <c r="JA27" s="102">
        <v>89</v>
      </c>
      <c r="JB27" s="102">
        <v>60</v>
      </c>
      <c r="JC27" s="102">
        <v>64</v>
      </c>
      <c r="JD27" s="102">
        <v>29</v>
      </c>
      <c r="JE27" s="103">
        <v>376</v>
      </c>
      <c r="JF27" s="104">
        <v>578</v>
      </c>
      <c r="JG27" s="101">
        <v>85</v>
      </c>
      <c r="JH27" s="102">
        <v>69</v>
      </c>
      <c r="JI27" s="103">
        <v>154</v>
      </c>
      <c r="JJ27" s="413">
        <v>0</v>
      </c>
      <c r="JK27" s="102">
        <v>106</v>
      </c>
      <c r="JL27" s="102">
        <v>96</v>
      </c>
      <c r="JM27" s="102">
        <v>93</v>
      </c>
      <c r="JN27" s="102">
        <v>127</v>
      </c>
      <c r="JO27" s="102">
        <v>63</v>
      </c>
      <c r="JP27" s="103">
        <v>485</v>
      </c>
      <c r="JQ27" s="104">
        <v>639</v>
      </c>
      <c r="JR27" s="101">
        <v>6</v>
      </c>
      <c r="JS27" s="102">
        <v>3</v>
      </c>
      <c r="JT27" s="103">
        <v>9</v>
      </c>
      <c r="JU27" s="413">
        <v>0</v>
      </c>
      <c r="JV27" s="102">
        <v>5</v>
      </c>
      <c r="JW27" s="102">
        <v>7</v>
      </c>
      <c r="JX27" s="102">
        <v>5</v>
      </c>
      <c r="JY27" s="102">
        <v>6</v>
      </c>
      <c r="JZ27" s="102">
        <v>5</v>
      </c>
      <c r="KA27" s="103">
        <v>28</v>
      </c>
      <c r="KB27" s="104">
        <v>37</v>
      </c>
      <c r="KC27" s="101">
        <v>372</v>
      </c>
      <c r="KD27" s="102">
        <v>256</v>
      </c>
      <c r="KE27" s="103">
        <v>628</v>
      </c>
      <c r="KF27" s="413">
        <v>0</v>
      </c>
      <c r="KG27" s="102">
        <v>437</v>
      </c>
      <c r="KH27" s="102">
        <v>287</v>
      </c>
      <c r="KI27" s="102">
        <v>237</v>
      </c>
      <c r="KJ27" s="102">
        <v>286</v>
      </c>
      <c r="KK27" s="102">
        <v>153</v>
      </c>
      <c r="KL27" s="103">
        <v>1400</v>
      </c>
      <c r="KM27" s="104">
        <v>2028</v>
      </c>
    </row>
    <row r="28" spans="2:299" s="70" customFormat="1" ht="21" customHeight="1" x14ac:dyDescent="0.2">
      <c r="B28" s="106" t="s">
        <v>25</v>
      </c>
      <c r="C28" s="96">
        <v>132</v>
      </c>
      <c r="D28" s="97">
        <v>120</v>
      </c>
      <c r="E28" s="98">
        <v>252</v>
      </c>
      <c r="F28" s="413">
        <v>0</v>
      </c>
      <c r="G28" s="97">
        <v>188</v>
      </c>
      <c r="H28" s="97">
        <v>164</v>
      </c>
      <c r="I28" s="97">
        <v>98</v>
      </c>
      <c r="J28" s="97">
        <v>108</v>
      </c>
      <c r="K28" s="97">
        <v>51</v>
      </c>
      <c r="L28" s="99">
        <v>609</v>
      </c>
      <c r="M28" s="100">
        <v>861</v>
      </c>
      <c r="N28" s="101">
        <v>3</v>
      </c>
      <c r="O28" s="102">
        <v>5</v>
      </c>
      <c r="P28" s="103">
        <v>8</v>
      </c>
      <c r="Q28" s="413">
        <v>0</v>
      </c>
      <c r="R28" s="102">
        <v>9</v>
      </c>
      <c r="S28" s="102">
        <v>7</v>
      </c>
      <c r="T28" s="102">
        <v>3</v>
      </c>
      <c r="U28" s="102">
        <v>5</v>
      </c>
      <c r="V28" s="102">
        <v>0</v>
      </c>
      <c r="W28" s="103">
        <v>24</v>
      </c>
      <c r="X28" s="104">
        <v>32</v>
      </c>
      <c r="Y28" s="101">
        <v>21</v>
      </c>
      <c r="Z28" s="102">
        <v>10</v>
      </c>
      <c r="AA28" s="103">
        <v>31</v>
      </c>
      <c r="AB28" s="413">
        <v>0</v>
      </c>
      <c r="AC28" s="102">
        <v>14</v>
      </c>
      <c r="AD28" s="102">
        <v>18</v>
      </c>
      <c r="AE28" s="102">
        <v>13</v>
      </c>
      <c r="AF28" s="102">
        <v>17</v>
      </c>
      <c r="AG28" s="102">
        <v>7</v>
      </c>
      <c r="AH28" s="103">
        <v>69</v>
      </c>
      <c r="AI28" s="104">
        <v>100</v>
      </c>
      <c r="AJ28" s="101">
        <v>18</v>
      </c>
      <c r="AK28" s="102">
        <v>16</v>
      </c>
      <c r="AL28" s="103">
        <v>34</v>
      </c>
      <c r="AM28" s="413">
        <v>0</v>
      </c>
      <c r="AN28" s="102">
        <v>36</v>
      </c>
      <c r="AO28" s="102">
        <v>32</v>
      </c>
      <c r="AP28" s="102">
        <v>18</v>
      </c>
      <c r="AQ28" s="102">
        <v>24</v>
      </c>
      <c r="AR28" s="102">
        <v>10</v>
      </c>
      <c r="AS28" s="103">
        <v>120</v>
      </c>
      <c r="AT28" s="104">
        <v>154</v>
      </c>
      <c r="AU28" s="101">
        <v>44</v>
      </c>
      <c r="AV28" s="102">
        <v>39</v>
      </c>
      <c r="AW28" s="103">
        <v>83</v>
      </c>
      <c r="AX28" s="413">
        <v>0</v>
      </c>
      <c r="AY28" s="102">
        <v>53</v>
      </c>
      <c r="AZ28" s="102">
        <v>40</v>
      </c>
      <c r="BA28" s="102">
        <v>31</v>
      </c>
      <c r="BB28" s="102">
        <v>24</v>
      </c>
      <c r="BC28" s="102">
        <v>15</v>
      </c>
      <c r="BD28" s="103">
        <v>163</v>
      </c>
      <c r="BE28" s="104">
        <v>246</v>
      </c>
      <c r="BF28" s="101">
        <v>30</v>
      </c>
      <c r="BG28" s="102">
        <v>32</v>
      </c>
      <c r="BH28" s="103">
        <v>62</v>
      </c>
      <c r="BI28" s="413">
        <v>0</v>
      </c>
      <c r="BJ28" s="102">
        <v>57</v>
      </c>
      <c r="BK28" s="102">
        <v>34</v>
      </c>
      <c r="BL28" s="102">
        <v>25</v>
      </c>
      <c r="BM28" s="102">
        <v>24</v>
      </c>
      <c r="BN28" s="102">
        <v>10</v>
      </c>
      <c r="BO28" s="103">
        <v>150</v>
      </c>
      <c r="BP28" s="104">
        <v>212</v>
      </c>
      <c r="BQ28" s="101">
        <v>16</v>
      </c>
      <c r="BR28" s="102">
        <v>18</v>
      </c>
      <c r="BS28" s="103">
        <v>34</v>
      </c>
      <c r="BT28" s="413">
        <v>0</v>
      </c>
      <c r="BU28" s="102">
        <v>19</v>
      </c>
      <c r="BV28" s="102">
        <v>33</v>
      </c>
      <c r="BW28" s="102">
        <v>8</v>
      </c>
      <c r="BX28" s="102">
        <v>14</v>
      </c>
      <c r="BY28" s="102">
        <v>9</v>
      </c>
      <c r="BZ28" s="103">
        <v>83</v>
      </c>
      <c r="CA28" s="104">
        <v>117</v>
      </c>
      <c r="CB28" s="101">
        <v>2</v>
      </c>
      <c r="CC28" s="102">
        <v>2</v>
      </c>
      <c r="CD28" s="103">
        <v>4</v>
      </c>
      <c r="CE28" s="413">
        <v>0</v>
      </c>
      <c r="CF28" s="102">
        <v>2</v>
      </c>
      <c r="CG28" s="102">
        <v>10</v>
      </c>
      <c r="CH28" s="102">
        <v>4</v>
      </c>
      <c r="CI28" s="102">
        <v>5</v>
      </c>
      <c r="CJ28" s="102">
        <v>2</v>
      </c>
      <c r="CK28" s="103">
        <v>23</v>
      </c>
      <c r="CL28" s="104">
        <v>27</v>
      </c>
      <c r="CM28" s="101">
        <v>134</v>
      </c>
      <c r="CN28" s="102">
        <v>122</v>
      </c>
      <c r="CO28" s="103">
        <v>256</v>
      </c>
      <c r="CP28" s="413">
        <v>0</v>
      </c>
      <c r="CQ28" s="102">
        <v>190</v>
      </c>
      <c r="CR28" s="102">
        <v>174</v>
      </c>
      <c r="CS28" s="102">
        <v>102</v>
      </c>
      <c r="CT28" s="102">
        <v>113</v>
      </c>
      <c r="CU28" s="102">
        <v>53</v>
      </c>
      <c r="CV28" s="103">
        <v>632</v>
      </c>
      <c r="CW28" s="104">
        <v>888</v>
      </c>
      <c r="CX28" s="105">
        <v>225</v>
      </c>
      <c r="CY28" s="97">
        <v>250</v>
      </c>
      <c r="CZ28" s="98">
        <v>475</v>
      </c>
      <c r="DA28" s="413">
        <v>0</v>
      </c>
      <c r="DB28" s="97">
        <v>322</v>
      </c>
      <c r="DC28" s="97">
        <v>244</v>
      </c>
      <c r="DD28" s="97">
        <v>169</v>
      </c>
      <c r="DE28" s="97">
        <v>207</v>
      </c>
      <c r="DF28" s="97">
        <v>92</v>
      </c>
      <c r="DG28" s="99">
        <v>1034</v>
      </c>
      <c r="DH28" s="100">
        <v>1509</v>
      </c>
      <c r="DI28" s="101">
        <v>4</v>
      </c>
      <c r="DJ28" s="102">
        <v>5</v>
      </c>
      <c r="DK28" s="103">
        <v>9</v>
      </c>
      <c r="DL28" s="413">
        <v>0</v>
      </c>
      <c r="DM28" s="102">
        <v>8</v>
      </c>
      <c r="DN28" s="102">
        <v>7</v>
      </c>
      <c r="DO28" s="102">
        <v>4</v>
      </c>
      <c r="DP28" s="102">
        <v>1</v>
      </c>
      <c r="DQ28" s="102">
        <v>2</v>
      </c>
      <c r="DR28" s="103">
        <v>22</v>
      </c>
      <c r="DS28" s="104">
        <v>31</v>
      </c>
      <c r="DT28" s="101">
        <v>18</v>
      </c>
      <c r="DU28" s="102">
        <v>23</v>
      </c>
      <c r="DV28" s="103">
        <v>41</v>
      </c>
      <c r="DW28" s="413">
        <v>0</v>
      </c>
      <c r="DX28" s="102">
        <v>21</v>
      </c>
      <c r="DY28" s="102">
        <v>8</v>
      </c>
      <c r="DZ28" s="102">
        <v>10</v>
      </c>
      <c r="EA28" s="102">
        <v>11</v>
      </c>
      <c r="EB28" s="102">
        <v>8</v>
      </c>
      <c r="EC28" s="103">
        <v>58</v>
      </c>
      <c r="ED28" s="104">
        <v>99</v>
      </c>
      <c r="EE28" s="101">
        <v>35</v>
      </c>
      <c r="EF28" s="102">
        <v>27</v>
      </c>
      <c r="EG28" s="103">
        <v>62</v>
      </c>
      <c r="EH28" s="413">
        <v>0</v>
      </c>
      <c r="EI28" s="102">
        <v>49</v>
      </c>
      <c r="EJ28" s="102">
        <v>35</v>
      </c>
      <c r="EK28" s="102">
        <v>21</v>
      </c>
      <c r="EL28" s="102">
        <v>22</v>
      </c>
      <c r="EM28" s="102">
        <v>12</v>
      </c>
      <c r="EN28" s="103">
        <v>139</v>
      </c>
      <c r="EO28" s="104">
        <v>201</v>
      </c>
      <c r="EP28" s="101">
        <v>74</v>
      </c>
      <c r="EQ28" s="102">
        <v>71</v>
      </c>
      <c r="ER28" s="103">
        <v>145</v>
      </c>
      <c r="ES28" s="413">
        <v>0</v>
      </c>
      <c r="ET28" s="102">
        <v>88</v>
      </c>
      <c r="EU28" s="102">
        <v>63</v>
      </c>
      <c r="EV28" s="102">
        <v>38</v>
      </c>
      <c r="EW28" s="102">
        <v>43</v>
      </c>
      <c r="EX28" s="102">
        <v>14</v>
      </c>
      <c r="EY28" s="103">
        <v>246</v>
      </c>
      <c r="EZ28" s="104">
        <v>391</v>
      </c>
      <c r="FA28" s="101">
        <v>65</v>
      </c>
      <c r="FB28" s="102">
        <v>72</v>
      </c>
      <c r="FC28" s="103">
        <v>137</v>
      </c>
      <c r="FD28" s="413">
        <v>0</v>
      </c>
      <c r="FE28" s="102">
        <v>82</v>
      </c>
      <c r="FF28" s="102">
        <v>64</v>
      </c>
      <c r="FG28" s="102">
        <v>46</v>
      </c>
      <c r="FH28" s="102">
        <v>57</v>
      </c>
      <c r="FI28" s="102">
        <v>27</v>
      </c>
      <c r="FJ28" s="103">
        <v>276</v>
      </c>
      <c r="FK28" s="104">
        <v>413</v>
      </c>
      <c r="FL28" s="101">
        <v>29</v>
      </c>
      <c r="FM28" s="102">
        <v>52</v>
      </c>
      <c r="FN28" s="103">
        <v>81</v>
      </c>
      <c r="FO28" s="413">
        <v>0</v>
      </c>
      <c r="FP28" s="102">
        <v>74</v>
      </c>
      <c r="FQ28" s="102">
        <v>67</v>
      </c>
      <c r="FR28" s="102">
        <v>50</v>
      </c>
      <c r="FS28" s="102">
        <v>73</v>
      </c>
      <c r="FT28" s="102">
        <v>29</v>
      </c>
      <c r="FU28" s="103">
        <v>293</v>
      </c>
      <c r="FV28" s="104">
        <v>374</v>
      </c>
      <c r="FW28" s="101">
        <v>3</v>
      </c>
      <c r="FX28" s="102">
        <v>4</v>
      </c>
      <c r="FY28" s="103">
        <v>7</v>
      </c>
      <c r="FZ28" s="413">
        <v>0</v>
      </c>
      <c r="GA28" s="102">
        <v>6</v>
      </c>
      <c r="GB28" s="102">
        <v>4</v>
      </c>
      <c r="GC28" s="102">
        <v>3</v>
      </c>
      <c r="GD28" s="102">
        <v>0</v>
      </c>
      <c r="GE28" s="102">
        <v>6</v>
      </c>
      <c r="GF28" s="103">
        <v>19</v>
      </c>
      <c r="GG28" s="104">
        <v>26</v>
      </c>
      <c r="GH28" s="101">
        <v>228</v>
      </c>
      <c r="GI28" s="102">
        <v>254</v>
      </c>
      <c r="GJ28" s="103">
        <v>482</v>
      </c>
      <c r="GK28" s="413">
        <v>0</v>
      </c>
      <c r="GL28" s="102">
        <v>328</v>
      </c>
      <c r="GM28" s="102">
        <v>248</v>
      </c>
      <c r="GN28" s="102">
        <v>172</v>
      </c>
      <c r="GO28" s="102">
        <v>207</v>
      </c>
      <c r="GP28" s="102">
        <v>98</v>
      </c>
      <c r="GQ28" s="103">
        <v>1053</v>
      </c>
      <c r="GR28" s="104">
        <v>1535</v>
      </c>
      <c r="GS28" s="105">
        <v>357</v>
      </c>
      <c r="GT28" s="97">
        <v>370</v>
      </c>
      <c r="GU28" s="98">
        <v>727</v>
      </c>
      <c r="GV28" s="413">
        <v>0</v>
      </c>
      <c r="GW28" s="97">
        <v>510</v>
      </c>
      <c r="GX28" s="97">
        <v>408</v>
      </c>
      <c r="GY28" s="97">
        <v>267</v>
      </c>
      <c r="GZ28" s="97">
        <v>315</v>
      </c>
      <c r="HA28" s="97">
        <v>143</v>
      </c>
      <c r="HB28" s="99">
        <v>1643</v>
      </c>
      <c r="HC28" s="100">
        <v>2370</v>
      </c>
      <c r="HD28" s="101">
        <v>7</v>
      </c>
      <c r="HE28" s="102">
        <v>10</v>
      </c>
      <c r="HF28" s="103">
        <v>17</v>
      </c>
      <c r="HG28" s="416">
        <v>0</v>
      </c>
      <c r="HH28" s="102">
        <v>17</v>
      </c>
      <c r="HI28" s="102">
        <v>14</v>
      </c>
      <c r="HJ28" s="102">
        <v>7</v>
      </c>
      <c r="HK28" s="102">
        <v>6</v>
      </c>
      <c r="HL28" s="102">
        <v>2</v>
      </c>
      <c r="HM28" s="103">
        <v>46</v>
      </c>
      <c r="HN28" s="104">
        <v>63</v>
      </c>
      <c r="HO28" s="101">
        <v>39</v>
      </c>
      <c r="HP28" s="102">
        <v>33</v>
      </c>
      <c r="HQ28" s="103">
        <v>72</v>
      </c>
      <c r="HR28" s="413">
        <v>0</v>
      </c>
      <c r="HS28" s="102">
        <v>35</v>
      </c>
      <c r="HT28" s="102">
        <v>26</v>
      </c>
      <c r="HU28" s="102">
        <v>23</v>
      </c>
      <c r="HV28" s="102">
        <v>28</v>
      </c>
      <c r="HW28" s="102">
        <v>15</v>
      </c>
      <c r="HX28" s="103">
        <v>127</v>
      </c>
      <c r="HY28" s="104">
        <v>199</v>
      </c>
      <c r="HZ28" s="101">
        <v>53</v>
      </c>
      <c r="IA28" s="102">
        <v>43</v>
      </c>
      <c r="IB28" s="103">
        <v>96</v>
      </c>
      <c r="IC28" s="413">
        <v>0</v>
      </c>
      <c r="ID28" s="102">
        <v>85</v>
      </c>
      <c r="IE28" s="102">
        <v>67</v>
      </c>
      <c r="IF28" s="102">
        <v>39</v>
      </c>
      <c r="IG28" s="102">
        <v>46</v>
      </c>
      <c r="IH28" s="102">
        <v>22</v>
      </c>
      <c r="II28" s="103">
        <v>259</v>
      </c>
      <c r="IJ28" s="104">
        <v>355</v>
      </c>
      <c r="IK28" s="101">
        <v>118</v>
      </c>
      <c r="IL28" s="102">
        <v>110</v>
      </c>
      <c r="IM28" s="103">
        <v>228</v>
      </c>
      <c r="IN28" s="413">
        <v>0</v>
      </c>
      <c r="IO28" s="102">
        <v>141</v>
      </c>
      <c r="IP28" s="102">
        <v>103</v>
      </c>
      <c r="IQ28" s="102">
        <v>69</v>
      </c>
      <c r="IR28" s="102">
        <v>67</v>
      </c>
      <c r="IS28" s="102">
        <v>29</v>
      </c>
      <c r="IT28" s="103">
        <v>409</v>
      </c>
      <c r="IU28" s="104">
        <v>637</v>
      </c>
      <c r="IV28" s="101">
        <v>95</v>
      </c>
      <c r="IW28" s="102">
        <v>104</v>
      </c>
      <c r="IX28" s="103">
        <v>199</v>
      </c>
      <c r="IY28" s="413">
        <v>0</v>
      </c>
      <c r="IZ28" s="102">
        <v>139</v>
      </c>
      <c r="JA28" s="102">
        <v>98</v>
      </c>
      <c r="JB28" s="102">
        <v>71</v>
      </c>
      <c r="JC28" s="102">
        <v>81</v>
      </c>
      <c r="JD28" s="102">
        <v>37</v>
      </c>
      <c r="JE28" s="103">
        <v>426</v>
      </c>
      <c r="JF28" s="104">
        <v>625</v>
      </c>
      <c r="JG28" s="101">
        <v>45</v>
      </c>
      <c r="JH28" s="102">
        <v>70</v>
      </c>
      <c r="JI28" s="103">
        <v>115</v>
      </c>
      <c r="JJ28" s="413">
        <v>0</v>
      </c>
      <c r="JK28" s="102">
        <v>93</v>
      </c>
      <c r="JL28" s="102">
        <v>100</v>
      </c>
      <c r="JM28" s="102">
        <v>58</v>
      </c>
      <c r="JN28" s="102">
        <v>87</v>
      </c>
      <c r="JO28" s="102">
        <v>38</v>
      </c>
      <c r="JP28" s="103">
        <v>376</v>
      </c>
      <c r="JQ28" s="104">
        <v>491</v>
      </c>
      <c r="JR28" s="101">
        <v>5</v>
      </c>
      <c r="JS28" s="102">
        <v>6</v>
      </c>
      <c r="JT28" s="103">
        <v>11</v>
      </c>
      <c r="JU28" s="413">
        <v>0</v>
      </c>
      <c r="JV28" s="102">
        <v>8</v>
      </c>
      <c r="JW28" s="102">
        <v>14</v>
      </c>
      <c r="JX28" s="102">
        <v>7</v>
      </c>
      <c r="JY28" s="102">
        <v>5</v>
      </c>
      <c r="JZ28" s="102">
        <v>8</v>
      </c>
      <c r="KA28" s="103">
        <v>42</v>
      </c>
      <c r="KB28" s="104">
        <v>53</v>
      </c>
      <c r="KC28" s="101">
        <v>362</v>
      </c>
      <c r="KD28" s="102">
        <v>376</v>
      </c>
      <c r="KE28" s="103">
        <v>738</v>
      </c>
      <c r="KF28" s="413">
        <v>0</v>
      </c>
      <c r="KG28" s="102">
        <v>518</v>
      </c>
      <c r="KH28" s="102">
        <v>422</v>
      </c>
      <c r="KI28" s="102">
        <v>274</v>
      </c>
      <c r="KJ28" s="102">
        <v>320</v>
      </c>
      <c r="KK28" s="102">
        <v>151</v>
      </c>
      <c r="KL28" s="103">
        <v>1685</v>
      </c>
      <c r="KM28" s="104">
        <v>2423</v>
      </c>
    </row>
    <row r="29" spans="2:299" s="70" customFormat="1" ht="21" customHeight="1" x14ac:dyDescent="0.2">
      <c r="B29" s="106" t="s">
        <v>26</v>
      </c>
      <c r="C29" s="96">
        <v>84</v>
      </c>
      <c r="D29" s="97">
        <v>78</v>
      </c>
      <c r="E29" s="98">
        <v>162</v>
      </c>
      <c r="F29" s="413">
        <v>0</v>
      </c>
      <c r="G29" s="97">
        <v>148</v>
      </c>
      <c r="H29" s="97">
        <v>130</v>
      </c>
      <c r="I29" s="97">
        <v>95</v>
      </c>
      <c r="J29" s="97">
        <v>68</v>
      </c>
      <c r="K29" s="97">
        <v>52</v>
      </c>
      <c r="L29" s="99">
        <v>493</v>
      </c>
      <c r="M29" s="100">
        <v>655</v>
      </c>
      <c r="N29" s="101">
        <v>5</v>
      </c>
      <c r="O29" s="102">
        <v>2</v>
      </c>
      <c r="P29" s="103">
        <v>7</v>
      </c>
      <c r="Q29" s="413">
        <v>0</v>
      </c>
      <c r="R29" s="102">
        <v>4</v>
      </c>
      <c r="S29" s="102">
        <v>2</v>
      </c>
      <c r="T29" s="102">
        <v>5</v>
      </c>
      <c r="U29" s="102">
        <v>3</v>
      </c>
      <c r="V29" s="102">
        <v>1</v>
      </c>
      <c r="W29" s="103">
        <v>15</v>
      </c>
      <c r="X29" s="104">
        <v>22</v>
      </c>
      <c r="Y29" s="101">
        <v>4</v>
      </c>
      <c r="Z29" s="102">
        <v>9</v>
      </c>
      <c r="AA29" s="103">
        <v>13</v>
      </c>
      <c r="AB29" s="413">
        <v>0</v>
      </c>
      <c r="AC29" s="102">
        <v>18</v>
      </c>
      <c r="AD29" s="102">
        <v>10</v>
      </c>
      <c r="AE29" s="102">
        <v>8</v>
      </c>
      <c r="AF29" s="102">
        <v>9</v>
      </c>
      <c r="AG29" s="102">
        <v>8</v>
      </c>
      <c r="AH29" s="103">
        <v>53</v>
      </c>
      <c r="AI29" s="104">
        <v>66</v>
      </c>
      <c r="AJ29" s="101">
        <v>11</v>
      </c>
      <c r="AK29" s="102">
        <v>12</v>
      </c>
      <c r="AL29" s="103">
        <v>23</v>
      </c>
      <c r="AM29" s="413">
        <v>0</v>
      </c>
      <c r="AN29" s="102">
        <v>19</v>
      </c>
      <c r="AO29" s="102">
        <v>24</v>
      </c>
      <c r="AP29" s="102">
        <v>9</v>
      </c>
      <c r="AQ29" s="102">
        <v>8</v>
      </c>
      <c r="AR29" s="102">
        <v>10</v>
      </c>
      <c r="AS29" s="103">
        <v>70</v>
      </c>
      <c r="AT29" s="104">
        <v>93</v>
      </c>
      <c r="AU29" s="101">
        <v>27</v>
      </c>
      <c r="AV29" s="102">
        <v>16</v>
      </c>
      <c r="AW29" s="103">
        <v>43</v>
      </c>
      <c r="AX29" s="413">
        <v>0</v>
      </c>
      <c r="AY29" s="102">
        <v>40</v>
      </c>
      <c r="AZ29" s="102">
        <v>33</v>
      </c>
      <c r="BA29" s="102">
        <v>25</v>
      </c>
      <c r="BB29" s="102">
        <v>17</v>
      </c>
      <c r="BC29" s="102">
        <v>14</v>
      </c>
      <c r="BD29" s="103">
        <v>129</v>
      </c>
      <c r="BE29" s="104">
        <v>172</v>
      </c>
      <c r="BF29" s="101">
        <v>19</v>
      </c>
      <c r="BG29" s="102">
        <v>25</v>
      </c>
      <c r="BH29" s="103">
        <v>44</v>
      </c>
      <c r="BI29" s="413">
        <v>0</v>
      </c>
      <c r="BJ29" s="102">
        <v>40</v>
      </c>
      <c r="BK29" s="102">
        <v>35</v>
      </c>
      <c r="BL29" s="102">
        <v>30</v>
      </c>
      <c r="BM29" s="102">
        <v>21</v>
      </c>
      <c r="BN29" s="102">
        <v>8</v>
      </c>
      <c r="BO29" s="103">
        <v>134</v>
      </c>
      <c r="BP29" s="104">
        <v>178</v>
      </c>
      <c r="BQ29" s="101">
        <v>18</v>
      </c>
      <c r="BR29" s="102">
        <v>14</v>
      </c>
      <c r="BS29" s="103">
        <v>32</v>
      </c>
      <c r="BT29" s="413">
        <v>0</v>
      </c>
      <c r="BU29" s="102">
        <v>27</v>
      </c>
      <c r="BV29" s="102">
        <v>26</v>
      </c>
      <c r="BW29" s="102">
        <v>18</v>
      </c>
      <c r="BX29" s="102">
        <v>10</v>
      </c>
      <c r="BY29" s="102">
        <v>11</v>
      </c>
      <c r="BZ29" s="103">
        <v>92</v>
      </c>
      <c r="CA29" s="104">
        <v>124</v>
      </c>
      <c r="CB29" s="101">
        <v>3</v>
      </c>
      <c r="CC29" s="102">
        <v>1</v>
      </c>
      <c r="CD29" s="103">
        <v>4</v>
      </c>
      <c r="CE29" s="413">
        <v>0</v>
      </c>
      <c r="CF29" s="102">
        <v>6</v>
      </c>
      <c r="CG29" s="102">
        <v>7</v>
      </c>
      <c r="CH29" s="102">
        <v>1</v>
      </c>
      <c r="CI29" s="102">
        <v>2</v>
      </c>
      <c r="CJ29" s="102">
        <v>0</v>
      </c>
      <c r="CK29" s="103">
        <v>16</v>
      </c>
      <c r="CL29" s="104">
        <v>20</v>
      </c>
      <c r="CM29" s="101">
        <v>87</v>
      </c>
      <c r="CN29" s="102">
        <v>79</v>
      </c>
      <c r="CO29" s="103">
        <v>166</v>
      </c>
      <c r="CP29" s="413">
        <v>0</v>
      </c>
      <c r="CQ29" s="102">
        <v>154</v>
      </c>
      <c r="CR29" s="102">
        <v>137</v>
      </c>
      <c r="CS29" s="102">
        <v>96</v>
      </c>
      <c r="CT29" s="102">
        <v>70</v>
      </c>
      <c r="CU29" s="102">
        <v>52</v>
      </c>
      <c r="CV29" s="103">
        <v>509</v>
      </c>
      <c r="CW29" s="104">
        <v>675</v>
      </c>
      <c r="CX29" s="105">
        <v>180</v>
      </c>
      <c r="CY29" s="97">
        <v>234</v>
      </c>
      <c r="CZ29" s="98">
        <v>414</v>
      </c>
      <c r="DA29" s="413">
        <v>0</v>
      </c>
      <c r="DB29" s="97">
        <v>251</v>
      </c>
      <c r="DC29" s="97">
        <v>245</v>
      </c>
      <c r="DD29" s="97">
        <v>174</v>
      </c>
      <c r="DE29" s="97">
        <v>152</v>
      </c>
      <c r="DF29" s="97">
        <v>113</v>
      </c>
      <c r="DG29" s="99">
        <v>935</v>
      </c>
      <c r="DH29" s="100">
        <v>1349</v>
      </c>
      <c r="DI29" s="101">
        <v>0</v>
      </c>
      <c r="DJ29" s="102">
        <v>4</v>
      </c>
      <c r="DK29" s="103">
        <v>4</v>
      </c>
      <c r="DL29" s="413">
        <v>0</v>
      </c>
      <c r="DM29" s="102">
        <v>5</v>
      </c>
      <c r="DN29" s="102">
        <v>5</v>
      </c>
      <c r="DO29" s="102">
        <v>1</v>
      </c>
      <c r="DP29" s="102">
        <v>2</v>
      </c>
      <c r="DQ29" s="102">
        <v>1</v>
      </c>
      <c r="DR29" s="103">
        <v>14</v>
      </c>
      <c r="DS29" s="104">
        <v>18</v>
      </c>
      <c r="DT29" s="101">
        <v>12</v>
      </c>
      <c r="DU29" s="102">
        <v>17</v>
      </c>
      <c r="DV29" s="103">
        <v>29</v>
      </c>
      <c r="DW29" s="413">
        <v>0</v>
      </c>
      <c r="DX29" s="102">
        <v>13</v>
      </c>
      <c r="DY29" s="102">
        <v>15</v>
      </c>
      <c r="DZ29" s="102">
        <v>3</v>
      </c>
      <c r="EA29" s="102">
        <v>5</v>
      </c>
      <c r="EB29" s="102">
        <v>5</v>
      </c>
      <c r="EC29" s="103">
        <v>41</v>
      </c>
      <c r="ED29" s="104">
        <v>70</v>
      </c>
      <c r="EE29" s="101">
        <v>22</v>
      </c>
      <c r="EF29" s="102">
        <v>32</v>
      </c>
      <c r="EG29" s="103">
        <v>54</v>
      </c>
      <c r="EH29" s="413">
        <v>0</v>
      </c>
      <c r="EI29" s="102">
        <v>34</v>
      </c>
      <c r="EJ29" s="102">
        <v>27</v>
      </c>
      <c r="EK29" s="102">
        <v>16</v>
      </c>
      <c r="EL29" s="102">
        <v>14</v>
      </c>
      <c r="EM29" s="102">
        <v>9</v>
      </c>
      <c r="EN29" s="103">
        <v>100</v>
      </c>
      <c r="EO29" s="104">
        <v>154</v>
      </c>
      <c r="EP29" s="101">
        <v>56</v>
      </c>
      <c r="EQ29" s="102">
        <v>69</v>
      </c>
      <c r="ER29" s="103">
        <v>125</v>
      </c>
      <c r="ES29" s="413">
        <v>0</v>
      </c>
      <c r="ET29" s="102">
        <v>55</v>
      </c>
      <c r="EU29" s="102">
        <v>54</v>
      </c>
      <c r="EV29" s="102">
        <v>36</v>
      </c>
      <c r="EW29" s="102">
        <v>24</v>
      </c>
      <c r="EX29" s="102">
        <v>12</v>
      </c>
      <c r="EY29" s="103">
        <v>181</v>
      </c>
      <c r="EZ29" s="104">
        <v>306</v>
      </c>
      <c r="FA29" s="101">
        <v>52</v>
      </c>
      <c r="FB29" s="102">
        <v>63</v>
      </c>
      <c r="FC29" s="103">
        <v>115</v>
      </c>
      <c r="FD29" s="413">
        <v>0</v>
      </c>
      <c r="FE29" s="102">
        <v>72</v>
      </c>
      <c r="FF29" s="102">
        <v>62</v>
      </c>
      <c r="FG29" s="102">
        <v>48</v>
      </c>
      <c r="FH29" s="102">
        <v>30</v>
      </c>
      <c r="FI29" s="102">
        <v>30</v>
      </c>
      <c r="FJ29" s="103">
        <v>242</v>
      </c>
      <c r="FK29" s="104">
        <v>357</v>
      </c>
      <c r="FL29" s="101">
        <v>38</v>
      </c>
      <c r="FM29" s="102">
        <v>49</v>
      </c>
      <c r="FN29" s="103">
        <v>87</v>
      </c>
      <c r="FO29" s="413">
        <v>0</v>
      </c>
      <c r="FP29" s="102">
        <v>72</v>
      </c>
      <c r="FQ29" s="102">
        <v>82</v>
      </c>
      <c r="FR29" s="102">
        <v>70</v>
      </c>
      <c r="FS29" s="102">
        <v>77</v>
      </c>
      <c r="FT29" s="102">
        <v>56</v>
      </c>
      <c r="FU29" s="103">
        <v>357</v>
      </c>
      <c r="FV29" s="104">
        <v>444</v>
      </c>
      <c r="FW29" s="101">
        <v>1</v>
      </c>
      <c r="FX29" s="102">
        <v>1</v>
      </c>
      <c r="FY29" s="103">
        <v>2</v>
      </c>
      <c r="FZ29" s="413">
        <v>0</v>
      </c>
      <c r="GA29" s="102">
        <v>2</v>
      </c>
      <c r="GB29" s="102">
        <v>0</v>
      </c>
      <c r="GC29" s="102">
        <v>4</v>
      </c>
      <c r="GD29" s="102">
        <v>5</v>
      </c>
      <c r="GE29" s="102">
        <v>3</v>
      </c>
      <c r="GF29" s="103">
        <v>14</v>
      </c>
      <c r="GG29" s="104">
        <v>16</v>
      </c>
      <c r="GH29" s="101">
        <v>181</v>
      </c>
      <c r="GI29" s="102">
        <v>235</v>
      </c>
      <c r="GJ29" s="103">
        <v>416</v>
      </c>
      <c r="GK29" s="413">
        <v>0</v>
      </c>
      <c r="GL29" s="102">
        <v>253</v>
      </c>
      <c r="GM29" s="102">
        <v>245</v>
      </c>
      <c r="GN29" s="102">
        <v>178</v>
      </c>
      <c r="GO29" s="102">
        <v>157</v>
      </c>
      <c r="GP29" s="102">
        <v>116</v>
      </c>
      <c r="GQ29" s="103">
        <v>949</v>
      </c>
      <c r="GR29" s="104">
        <v>1365</v>
      </c>
      <c r="GS29" s="105">
        <v>264</v>
      </c>
      <c r="GT29" s="97">
        <v>312</v>
      </c>
      <c r="GU29" s="98">
        <v>576</v>
      </c>
      <c r="GV29" s="413">
        <v>0</v>
      </c>
      <c r="GW29" s="97">
        <v>399</v>
      </c>
      <c r="GX29" s="97">
        <v>375</v>
      </c>
      <c r="GY29" s="97">
        <v>269</v>
      </c>
      <c r="GZ29" s="97">
        <v>220</v>
      </c>
      <c r="HA29" s="97">
        <v>165</v>
      </c>
      <c r="HB29" s="99">
        <v>1428</v>
      </c>
      <c r="HC29" s="100">
        <v>2004</v>
      </c>
      <c r="HD29" s="101">
        <v>5</v>
      </c>
      <c r="HE29" s="102">
        <v>6</v>
      </c>
      <c r="HF29" s="103">
        <v>11</v>
      </c>
      <c r="HG29" s="416">
        <v>0</v>
      </c>
      <c r="HH29" s="102">
        <v>9</v>
      </c>
      <c r="HI29" s="102">
        <v>7</v>
      </c>
      <c r="HJ29" s="102">
        <v>6</v>
      </c>
      <c r="HK29" s="102">
        <v>5</v>
      </c>
      <c r="HL29" s="102">
        <v>2</v>
      </c>
      <c r="HM29" s="103">
        <v>29</v>
      </c>
      <c r="HN29" s="104">
        <v>40</v>
      </c>
      <c r="HO29" s="101">
        <v>16</v>
      </c>
      <c r="HP29" s="102">
        <v>26</v>
      </c>
      <c r="HQ29" s="103">
        <v>42</v>
      </c>
      <c r="HR29" s="413">
        <v>0</v>
      </c>
      <c r="HS29" s="102">
        <v>31</v>
      </c>
      <c r="HT29" s="102">
        <v>25</v>
      </c>
      <c r="HU29" s="102">
        <v>11</v>
      </c>
      <c r="HV29" s="102">
        <v>14</v>
      </c>
      <c r="HW29" s="102">
        <v>13</v>
      </c>
      <c r="HX29" s="103">
        <v>94</v>
      </c>
      <c r="HY29" s="104">
        <v>136</v>
      </c>
      <c r="HZ29" s="101">
        <v>33</v>
      </c>
      <c r="IA29" s="102">
        <v>44</v>
      </c>
      <c r="IB29" s="103">
        <v>77</v>
      </c>
      <c r="IC29" s="413">
        <v>0</v>
      </c>
      <c r="ID29" s="102">
        <v>53</v>
      </c>
      <c r="IE29" s="102">
        <v>51</v>
      </c>
      <c r="IF29" s="102">
        <v>25</v>
      </c>
      <c r="IG29" s="102">
        <v>22</v>
      </c>
      <c r="IH29" s="102">
        <v>19</v>
      </c>
      <c r="II29" s="103">
        <v>170</v>
      </c>
      <c r="IJ29" s="104">
        <v>247</v>
      </c>
      <c r="IK29" s="101">
        <v>83</v>
      </c>
      <c r="IL29" s="102">
        <v>85</v>
      </c>
      <c r="IM29" s="103">
        <v>168</v>
      </c>
      <c r="IN29" s="413">
        <v>0</v>
      </c>
      <c r="IO29" s="102">
        <v>95</v>
      </c>
      <c r="IP29" s="102">
        <v>87</v>
      </c>
      <c r="IQ29" s="102">
        <v>61</v>
      </c>
      <c r="IR29" s="102">
        <v>41</v>
      </c>
      <c r="IS29" s="102">
        <v>26</v>
      </c>
      <c r="IT29" s="103">
        <v>310</v>
      </c>
      <c r="IU29" s="104">
        <v>478</v>
      </c>
      <c r="IV29" s="101">
        <v>71</v>
      </c>
      <c r="IW29" s="102">
        <v>88</v>
      </c>
      <c r="IX29" s="103">
        <v>159</v>
      </c>
      <c r="IY29" s="413">
        <v>0</v>
      </c>
      <c r="IZ29" s="102">
        <v>112</v>
      </c>
      <c r="JA29" s="102">
        <v>97</v>
      </c>
      <c r="JB29" s="102">
        <v>78</v>
      </c>
      <c r="JC29" s="102">
        <v>51</v>
      </c>
      <c r="JD29" s="102">
        <v>38</v>
      </c>
      <c r="JE29" s="103">
        <v>376</v>
      </c>
      <c r="JF29" s="104">
        <v>535</v>
      </c>
      <c r="JG29" s="101">
        <v>56</v>
      </c>
      <c r="JH29" s="102">
        <v>63</v>
      </c>
      <c r="JI29" s="103">
        <v>119</v>
      </c>
      <c r="JJ29" s="413">
        <v>0</v>
      </c>
      <c r="JK29" s="102">
        <v>99</v>
      </c>
      <c r="JL29" s="102">
        <v>108</v>
      </c>
      <c r="JM29" s="102">
        <v>88</v>
      </c>
      <c r="JN29" s="102">
        <v>87</v>
      </c>
      <c r="JO29" s="102">
        <v>67</v>
      </c>
      <c r="JP29" s="103">
        <v>449</v>
      </c>
      <c r="JQ29" s="104">
        <v>568</v>
      </c>
      <c r="JR29" s="101">
        <v>4</v>
      </c>
      <c r="JS29" s="102">
        <v>2</v>
      </c>
      <c r="JT29" s="103">
        <v>6</v>
      </c>
      <c r="JU29" s="413">
        <v>0</v>
      </c>
      <c r="JV29" s="102">
        <v>8</v>
      </c>
      <c r="JW29" s="102">
        <v>7</v>
      </c>
      <c r="JX29" s="102">
        <v>5</v>
      </c>
      <c r="JY29" s="102">
        <v>7</v>
      </c>
      <c r="JZ29" s="102">
        <v>3</v>
      </c>
      <c r="KA29" s="103">
        <v>30</v>
      </c>
      <c r="KB29" s="104">
        <v>36</v>
      </c>
      <c r="KC29" s="101">
        <v>268</v>
      </c>
      <c r="KD29" s="102">
        <v>314</v>
      </c>
      <c r="KE29" s="103">
        <v>582</v>
      </c>
      <c r="KF29" s="413">
        <v>0</v>
      </c>
      <c r="KG29" s="102">
        <v>407</v>
      </c>
      <c r="KH29" s="102">
        <v>382</v>
      </c>
      <c r="KI29" s="102">
        <v>274</v>
      </c>
      <c r="KJ29" s="102">
        <v>227</v>
      </c>
      <c r="KK29" s="102">
        <v>168</v>
      </c>
      <c r="KL29" s="103">
        <v>1458</v>
      </c>
      <c r="KM29" s="104">
        <v>2040</v>
      </c>
    </row>
    <row r="30" spans="2:299" s="70" customFormat="1" ht="21" customHeight="1" x14ac:dyDescent="0.2">
      <c r="B30" s="106" t="s">
        <v>27</v>
      </c>
      <c r="C30" s="96">
        <v>111</v>
      </c>
      <c r="D30" s="97">
        <v>135</v>
      </c>
      <c r="E30" s="98">
        <v>246</v>
      </c>
      <c r="F30" s="413">
        <v>0</v>
      </c>
      <c r="G30" s="97">
        <v>104</v>
      </c>
      <c r="H30" s="97">
        <v>93</v>
      </c>
      <c r="I30" s="97">
        <v>64</v>
      </c>
      <c r="J30" s="97">
        <v>77</v>
      </c>
      <c r="K30" s="97">
        <v>41</v>
      </c>
      <c r="L30" s="99">
        <v>379</v>
      </c>
      <c r="M30" s="100">
        <v>625</v>
      </c>
      <c r="N30" s="101">
        <v>1</v>
      </c>
      <c r="O30" s="102">
        <v>7</v>
      </c>
      <c r="P30" s="103">
        <v>8</v>
      </c>
      <c r="Q30" s="413">
        <v>0</v>
      </c>
      <c r="R30" s="102">
        <v>2</v>
      </c>
      <c r="S30" s="102">
        <v>2</v>
      </c>
      <c r="T30" s="102">
        <v>1</v>
      </c>
      <c r="U30" s="102">
        <v>0</v>
      </c>
      <c r="V30" s="102">
        <v>2</v>
      </c>
      <c r="W30" s="103">
        <v>7</v>
      </c>
      <c r="X30" s="104">
        <v>15</v>
      </c>
      <c r="Y30" s="101">
        <v>6</v>
      </c>
      <c r="Z30" s="102">
        <v>14</v>
      </c>
      <c r="AA30" s="103">
        <v>20</v>
      </c>
      <c r="AB30" s="413">
        <v>0</v>
      </c>
      <c r="AC30" s="102">
        <v>11</v>
      </c>
      <c r="AD30" s="102">
        <v>14</v>
      </c>
      <c r="AE30" s="102">
        <v>4</v>
      </c>
      <c r="AF30" s="102">
        <v>5</v>
      </c>
      <c r="AG30" s="102">
        <v>3</v>
      </c>
      <c r="AH30" s="103">
        <v>37</v>
      </c>
      <c r="AI30" s="104">
        <v>57</v>
      </c>
      <c r="AJ30" s="101">
        <v>22</v>
      </c>
      <c r="AK30" s="102">
        <v>22</v>
      </c>
      <c r="AL30" s="103">
        <v>44</v>
      </c>
      <c r="AM30" s="413">
        <v>0</v>
      </c>
      <c r="AN30" s="102">
        <v>16</v>
      </c>
      <c r="AO30" s="102">
        <v>14</v>
      </c>
      <c r="AP30" s="102">
        <v>10</v>
      </c>
      <c r="AQ30" s="102">
        <v>8</v>
      </c>
      <c r="AR30" s="102">
        <v>9</v>
      </c>
      <c r="AS30" s="103">
        <v>57</v>
      </c>
      <c r="AT30" s="104">
        <v>101</v>
      </c>
      <c r="AU30" s="101">
        <v>28</v>
      </c>
      <c r="AV30" s="102">
        <v>33</v>
      </c>
      <c r="AW30" s="103">
        <v>61</v>
      </c>
      <c r="AX30" s="413">
        <v>0</v>
      </c>
      <c r="AY30" s="102">
        <v>22</v>
      </c>
      <c r="AZ30" s="102">
        <v>25</v>
      </c>
      <c r="BA30" s="102">
        <v>21</v>
      </c>
      <c r="BB30" s="102">
        <v>20</v>
      </c>
      <c r="BC30" s="102">
        <v>6</v>
      </c>
      <c r="BD30" s="103">
        <v>94</v>
      </c>
      <c r="BE30" s="104">
        <v>155</v>
      </c>
      <c r="BF30" s="101">
        <v>37</v>
      </c>
      <c r="BG30" s="102">
        <v>40</v>
      </c>
      <c r="BH30" s="103">
        <v>77</v>
      </c>
      <c r="BI30" s="413">
        <v>0</v>
      </c>
      <c r="BJ30" s="102">
        <v>25</v>
      </c>
      <c r="BK30" s="102">
        <v>13</v>
      </c>
      <c r="BL30" s="102">
        <v>16</v>
      </c>
      <c r="BM30" s="102">
        <v>21</v>
      </c>
      <c r="BN30" s="102">
        <v>11</v>
      </c>
      <c r="BO30" s="103">
        <v>86</v>
      </c>
      <c r="BP30" s="104">
        <v>163</v>
      </c>
      <c r="BQ30" s="101">
        <v>17</v>
      </c>
      <c r="BR30" s="102">
        <v>19</v>
      </c>
      <c r="BS30" s="103">
        <v>36</v>
      </c>
      <c r="BT30" s="413">
        <v>0</v>
      </c>
      <c r="BU30" s="102">
        <v>28</v>
      </c>
      <c r="BV30" s="102">
        <v>25</v>
      </c>
      <c r="BW30" s="102">
        <v>12</v>
      </c>
      <c r="BX30" s="102">
        <v>23</v>
      </c>
      <c r="BY30" s="102">
        <v>10</v>
      </c>
      <c r="BZ30" s="103">
        <v>98</v>
      </c>
      <c r="CA30" s="104">
        <v>134</v>
      </c>
      <c r="CB30" s="101">
        <v>7</v>
      </c>
      <c r="CC30" s="102">
        <v>5</v>
      </c>
      <c r="CD30" s="103">
        <v>12</v>
      </c>
      <c r="CE30" s="413">
        <v>0</v>
      </c>
      <c r="CF30" s="102">
        <v>3</v>
      </c>
      <c r="CG30" s="102">
        <v>2</v>
      </c>
      <c r="CH30" s="102">
        <v>6</v>
      </c>
      <c r="CI30" s="102">
        <v>4</v>
      </c>
      <c r="CJ30" s="102">
        <v>2</v>
      </c>
      <c r="CK30" s="103">
        <v>17</v>
      </c>
      <c r="CL30" s="104">
        <v>29</v>
      </c>
      <c r="CM30" s="101">
        <v>118</v>
      </c>
      <c r="CN30" s="102">
        <v>140</v>
      </c>
      <c r="CO30" s="103">
        <v>258</v>
      </c>
      <c r="CP30" s="413">
        <v>0</v>
      </c>
      <c r="CQ30" s="102">
        <v>107</v>
      </c>
      <c r="CR30" s="102">
        <v>95</v>
      </c>
      <c r="CS30" s="102">
        <v>70</v>
      </c>
      <c r="CT30" s="102">
        <v>81</v>
      </c>
      <c r="CU30" s="102">
        <v>43</v>
      </c>
      <c r="CV30" s="103">
        <v>396</v>
      </c>
      <c r="CW30" s="104">
        <v>654</v>
      </c>
      <c r="CX30" s="105">
        <v>266</v>
      </c>
      <c r="CY30" s="97">
        <v>211</v>
      </c>
      <c r="CZ30" s="98">
        <v>477</v>
      </c>
      <c r="DA30" s="413">
        <v>0</v>
      </c>
      <c r="DB30" s="97">
        <v>245</v>
      </c>
      <c r="DC30" s="97">
        <v>135</v>
      </c>
      <c r="DD30" s="97">
        <v>136</v>
      </c>
      <c r="DE30" s="97">
        <v>140</v>
      </c>
      <c r="DF30" s="97">
        <v>101</v>
      </c>
      <c r="DG30" s="99">
        <v>757</v>
      </c>
      <c r="DH30" s="100">
        <v>1234</v>
      </c>
      <c r="DI30" s="101">
        <v>5</v>
      </c>
      <c r="DJ30" s="102">
        <v>2</v>
      </c>
      <c r="DK30" s="103">
        <v>7</v>
      </c>
      <c r="DL30" s="413">
        <v>0</v>
      </c>
      <c r="DM30" s="102">
        <v>3</v>
      </c>
      <c r="DN30" s="102">
        <v>1</v>
      </c>
      <c r="DO30" s="102">
        <v>0</v>
      </c>
      <c r="DP30" s="102">
        <v>2</v>
      </c>
      <c r="DQ30" s="102">
        <v>3</v>
      </c>
      <c r="DR30" s="103">
        <v>9</v>
      </c>
      <c r="DS30" s="104">
        <v>16</v>
      </c>
      <c r="DT30" s="101">
        <v>15</v>
      </c>
      <c r="DU30" s="102">
        <v>13</v>
      </c>
      <c r="DV30" s="103">
        <v>28</v>
      </c>
      <c r="DW30" s="413">
        <v>0</v>
      </c>
      <c r="DX30" s="102">
        <v>14</v>
      </c>
      <c r="DY30" s="102">
        <v>8</v>
      </c>
      <c r="DZ30" s="102">
        <v>6</v>
      </c>
      <c r="EA30" s="102">
        <v>7</v>
      </c>
      <c r="EB30" s="102">
        <v>0</v>
      </c>
      <c r="EC30" s="103">
        <v>35</v>
      </c>
      <c r="ED30" s="104">
        <v>63</v>
      </c>
      <c r="EE30" s="101">
        <v>40</v>
      </c>
      <c r="EF30" s="102">
        <v>23</v>
      </c>
      <c r="EG30" s="103">
        <v>63</v>
      </c>
      <c r="EH30" s="413">
        <v>0</v>
      </c>
      <c r="EI30" s="102">
        <v>18</v>
      </c>
      <c r="EJ30" s="102">
        <v>16</v>
      </c>
      <c r="EK30" s="102">
        <v>11</v>
      </c>
      <c r="EL30" s="102">
        <v>9</v>
      </c>
      <c r="EM30" s="102">
        <v>9</v>
      </c>
      <c r="EN30" s="103">
        <v>63</v>
      </c>
      <c r="EO30" s="104">
        <v>126</v>
      </c>
      <c r="EP30" s="101">
        <v>66</v>
      </c>
      <c r="EQ30" s="102">
        <v>42</v>
      </c>
      <c r="ER30" s="103">
        <v>108</v>
      </c>
      <c r="ES30" s="413">
        <v>0</v>
      </c>
      <c r="ET30" s="102">
        <v>58</v>
      </c>
      <c r="EU30" s="102">
        <v>23</v>
      </c>
      <c r="EV30" s="102">
        <v>19</v>
      </c>
      <c r="EW30" s="102">
        <v>23</v>
      </c>
      <c r="EX30" s="102">
        <v>18</v>
      </c>
      <c r="EY30" s="103">
        <v>141</v>
      </c>
      <c r="EZ30" s="104">
        <v>249</v>
      </c>
      <c r="FA30" s="101">
        <v>85</v>
      </c>
      <c r="FB30" s="102">
        <v>77</v>
      </c>
      <c r="FC30" s="103">
        <v>162</v>
      </c>
      <c r="FD30" s="413">
        <v>0</v>
      </c>
      <c r="FE30" s="102">
        <v>76</v>
      </c>
      <c r="FF30" s="102">
        <v>38</v>
      </c>
      <c r="FG30" s="102">
        <v>36</v>
      </c>
      <c r="FH30" s="102">
        <v>27</v>
      </c>
      <c r="FI30" s="102">
        <v>26</v>
      </c>
      <c r="FJ30" s="103">
        <v>203</v>
      </c>
      <c r="FK30" s="104">
        <v>365</v>
      </c>
      <c r="FL30" s="101">
        <v>55</v>
      </c>
      <c r="FM30" s="102">
        <v>54</v>
      </c>
      <c r="FN30" s="103">
        <v>109</v>
      </c>
      <c r="FO30" s="413">
        <v>0</v>
      </c>
      <c r="FP30" s="102">
        <v>76</v>
      </c>
      <c r="FQ30" s="102">
        <v>49</v>
      </c>
      <c r="FR30" s="102">
        <v>64</v>
      </c>
      <c r="FS30" s="102">
        <v>72</v>
      </c>
      <c r="FT30" s="102">
        <v>45</v>
      </c>
      <c r="FU30" s="103">
        <v>306</v>
      </c>
      <c r="FV30" s="104">
        <v>415</v>
      </c>
      <c r="FW30" s="101">
        <v>0</v>
      </c>
      <c r="FX30" s="102">
        <v>3</v>
      </c>
      <c r="FY30" s="103">
        <v>3</v>
      </c>
      <c r="FZ30" s="413">
        <v>0</v>
      </c>
      <c r="GA30" s="102">
        <v>7</v>
      </c>
      <c r="GB30" s="102">
        <v>4</v>
      </c>
      <c r="GC30" s="102">
        <v>2</v>
      </c>
      <c r="GD30" s="102">
        <v>2</v>
      </c>
      <c r="GE30" s="102">
        <v>2</v>
      </c>
      <c r="GF30" s="103">
        <v>17</v>
      </c>
      <c r="GG30" s="104">
        <v>20</v>
      </c>
      <c r="GH30" s="101">
        <v>266</v>
      </c>
      <c r="GI30" s="102">
        <v>214</v>
      </c>
      <c r="GJ30" s="103">
        <v>480</v>
      </c>
      <c r="GK30" s="413">
        <v>0</v>
      </c>
      <c r="GL30" s="102">
        <v>252</v>
      </c>
      <c r="GM30" s="102">
        <v>139</v>
      </c>
      <c r="GN30" s="102">
        <v>138</v>
      </c>
      <c r="GO30" s="102">
        <v>142</v>
      </c>
      <c r="GP30" s="102">
        <v>103</v>
      </c>
      <c r="GQ30" s="103">
        <v>774</v>
      </c>
      <c r="GR30" s="104">
        <v>1254</v>
      </c>
      <c r="GS30" s="105">
        <v>377</v>
      </c>
      <c r="GT30" s="97">
        <v>346</v>
      </c>
      <c r="GU30" s="98">
        <v>723</v>
      </c>
      <c r="GV30" s="413">
        <v>0</v>
      </c>
      <c r="GW30" s="97">
        <v>349</v>
      </c>
      <c r="GX30" s="97">
        <v>228</v>
      </c>
      <c r="GY30" s="97">
        <v>200</v>
      </c>
      <c r="GZ30" s="97">
        <v>217</v>
      </c>
      <c r="HA30" s="97">
        <v>142</v>
      </c>
      <c r="HB30" s="99">
        <v>1136</v>
      </c>
      <c r="HC30" s="100">
        <v>1859</v>
      </c>
      <c r="HD30" s="101">
        <v>6</v>
      </c>
      <c r="HE30" s="102">
        <v>9</v>
      </c>
      <c r="HF30" s="103">
        <v>15</v>
      </c>
      <c r="HG30" s="416">
        <v>0</v>
      </c>
      <c r="HH30" s="102">
        <v>5</v>
      </c>
      <c r="HI30" s="102">
        <v>3</v>
      </c>
      <c r="HJ30" s="102">
        <v>1</v>
      </c>
      <c r="HK30" s="102">
        <v>2</v>
      </c>
      <c r="HL30" s="102">
        <v>5</v>
      </c>
      <c r="HM30" s="103">
        <v>16</v>
      </c>
      <c r="HN30" s="104">
        <v>31</v>
      </c>
      <c r="HO30" s="101">
        <v>21</v>
      </c>
      <c r="HP30" s="102">
        <v>27</v>
      </c>
      <c r="HQ30" s="103">
        <v>48</v>
      </c>
      <c r="HR30" s="413">
        <v>0</v>
      </c>
      <c r="HS30" s="102">
        <v>25</v>
      </c>
      <c r="HT30" s="102">
        <v>22</v>
      </c>
      <c r="HU30" s="102">
        <v>10</v>
      </c>
      <c r="HV30" s="102">
        <v>12</v>
      </c>
      <c r="HW30" s="102">
        <v>3</v>
      </c>
      <c r="HX30" s="103">
        <v>72</v>
      </c>
      <c r="HY30" s="104">
        <v>120</v>
      </c>
      <c r="HZ30" s="101">
        <v>62</v>
      </c>
      <c r="IA30" s="102">
        <v>45</v>
      </c>
      <c r="IB30" s="103">
        <v>107</v>
      </c>
      <c r="IC30" s="413">
        <v>0</v>
      </c>
      <c r="ID30" s="102">
        <v>34</v>
      </c>
      <c r="IE30" s="102">
        <v>30</v>
      </c>
      <c r="IF30" s="102">
        <v>21</v>
      </c>
      <c r="IG30" s="102">
        <v>17</v>
      </c>
      <c r="IH30" s="102">
        <v>18</v>
      </c>
      <c r="II30" s="103">
        <v>120</v>
      </c>
      <c r="IJ30" s="104">
        <v>227</v>
      </c>
      <c r="IK30" s="101">
        <v>94</v>
      </c>
      <c r="IL30" s="102">
        <v>75</v>
      </c>
      <c r="IM30" s="103">
        <v>169</v>
      </c>
      <c r="IN30" s="413">
        <v>0</v>
      </c>
      <c r="IO30" s="102">
        <v>80</v>
      </c>
      <c r="IP30" s="102">
        <v>48</v>
      </c>
      <c r="IQ30" s="102">
        <v>40</v>
      </c>
      <c r="IR30" s="102">
        <v>43</v>
      </c>
      <c r="IS30" s="102">
        <v>24</v>
      </c>
      <c r="IT30" s="103">
        <v>235</v>
      </c>
      <c r="IU30" s="104">
        <v>404</v>
      </c>
      <c r="IV30" s="101">
        <v>122</v>
      </c>
      <c r="IW30" s="102">
        <v>117</v>
      </c>
      <c r="IX30" s="103">
        <v>239</v>
      </c>
      <c r="IY30" s="413">
        <v>0</v>
      </c>
      <c r="IZ30" s="102">
        <v>101</v>
      </c>
      <c r="JA30" s="102">
        <v>51</v>
      </c>
      <c r="JB30" s="102">
        <v>52</v>
      </c>
      <c r="JC30" s="102">
        <v>48</v>
      </c>
      <c r="JD30" s="102">
        <v>37</v>
      </c>
      <c r="JE30" s="103">
        <v>289</v>
      </c>
      <c r="JF30" s="104">
        <v>528</v>
      </c>
      <c r="JG30" s="101">
        <v>72</v>
      </c>
      <c r="JH30" s="102">
        <v>73</v>
      </c>
      <c r="JI30" s="103">
        <v>145</v>
      </c>
      <c r="JJ30" s="413">
        <v>0</v>
      </c>
      <c r="JK30" s="102">
        <v>104</v>
      </c>
      <c r="JL30" s="102">
        <v>74</v>
      </c>
      <c r="JM30" s="102">
        <v>76</v>
      </c>
      <c r="JN30" s="102">
        <v>95</v>
      </c>
      <c r="JO30" s="102">
        <v>55</v>
      </c>
      <c r="JP30" s="103">
        <v>404</v>
      </c>
      <c r="JQ30" s="104">
        <v>549</v>
      </c>
      <c r="JR30" s="101">
        <v>7</v>
      </c>
      <c r="JS30" s="102">
        <v>8</v>
      </c>
      <c r="JT30" s="103">
        <v>15</v>
      </c>
      <c r="JU30" s="413">
        <v>0</v>
      </c>
      <c r="JV30" s="102">
        <v>10</v>
      </c>
      <c r="JW30" s="102">
        <v>6</v>
      </c>
      <c r="JX30" s="102">
        <v>8</v>
      </c>
      <c r="JY30" s="102">
        <v>6</v>
      </c>
      <c r="JZ30" s="102">
        <v>4</v>
      </c>
      <c r="KA30" s="103">
        <v>34</v>
      </c>
      <c r="KB30" s="104">
        <v>49</v>
      </c>
      <c r="KC30" s="101">
        <v>384</v>
      </c>
      <c r="KD30" s="102">
        <v>354</v>
      </c>
      <c r="KE30" s="103">
        <v>738</v>
      </c>
      <c r="KF30" s="413">
        <v>0</v>
      </c>
      <c r="KG30" s="102">
        <v>359</v>
      </c>
      <c r="KH30" s="102">
        <v>234</v>
      </c>
      <c r="KI30" s="102">
        <v>208</v>
      </c>
      <c r="KJ30" s="102">
        <v>223</v>
      </c>
      <c r="KK30" s="102">
        <v>146</v>
      </c>
      <c r="KL30" s="103">
        <v>1170</v>
      </c>
      <c r="KM30" s="104">
        <v>1908</v>
      </c>
    </row>
    <row r="31" spans="2:299" s="70" customFormat="1" ht="21" customHeight="1" x14ac:dyDescent="0.2">
      <c r="B31" s="106" t="s">
        <v>28</v>
      </c>
      <c r="C31" s="96">
        <v>6</v>
      </c>
      <c r="D31" s="97">
        <v>22</v>
      </c>
      <c r="E31" s="98">
        <v>28</v>
      </c>
      <c r="F31" s="413">
        <v>0</v>
      </c>
      <c r="G31" s="97">
        <v>59</v>
      </c>
      <c r="H31" s="97">
        <v>40</v>
      </c>
      <c r="I31" s="97">
        <v>30</v>
      </c>
      <c r="J31" s="97">
        <v>18</v>
      </c>
      <c r="K31" s="97">
        <v>13</v>
      </c>
      <c r="L31" s="99">
        <v>160</v>
      </c>
      <c r="M31" s="100">
        <v>188</v>
      </c>
      <c r="N31" s="101">
        <v>0</v>
      </c>
      <c r="O31" s="102">
        <v>4</v>
      </c>
      <c r="P31" s="103">
        <v>4</v>
      </c>
      <c r="Q31" s="413">
        <v>0</v>
      </c>
      <c r="R31" s="102">
        <v>4</v>
      </c>
      <c r="S31" s="102">
        <v>0</v>
      </c>
      <c r="T31" s="102">
        <v>3</v>
      </c>
      <c r="U31" s="102">
        <v>1</v>
      </c>
      <c r="V31" s="102">
        <v>1</v>
      </c>
      <c r="W31" s="103">
        <v>9</v>
      </c>
      <c r="X31" s="104">
        <v>13</v>
      </c>
      <c r="Y31" s="101">
        <v>1</v>
      </c>
      <c r="Z31" s="102">
        <v>6</v>
      </c>
      <c r="AA31" s="103">
        <v>7</v>
      </c>
      <c r="AB31" s="413">
        <v>0</v>
      </c>
      <c r="AC31" s="102">
        <v>10</v>
      </c>
      <c r="AD31" s="102">
        <v>8</v>
      </c>
      <c r="AE31" s="102">
        <v>1</v>
      </c>
      <c r="AF31" s="102">
        <v>1</v>
      </c>
      <c r="AG31" s="102">
        <v>2</v>
      </c>
      <c r="AH31" s="103">
        <v>22</v>
      </c>
      <c r="AI31" s="104">
        <v>29</v>
      </c>
      <c r="AJ31" s="101">
        <v>0</v>
      </c>
      <c r="AK31" s="102">
        <v>2</v>
      </c>
      <c r="AL31" s="103">
        <v>2</v>
      </c>
      <c r="AM31" s="413">
        <v>0</v>
      </c>
      <c r="AN31" s="102">
        <v>10</v>
      </c>
      <c r="AO31" s="102">
        <v>6</v>
      </c>
      <c r="AP31" s="102">
        <v>6</v>
      </c>
      <c r="AQ31" s="102">
        <v>2</v>
      </c>
      <c r="AR31" s="102">
        <v>3</v>
      </c>
      <c r="AS31" s="103">
        <v>27</v>
      </c>
      <c r="AT31" s="104">
        <v>29</v>
      </c>
      <c r="AU31" s="101">
        <v>3</v>
      </c>
      <c r="AV31" s="102">
        <v>3</v>
      </c>
      <c r="AW31" s="103">
        <v>6</v>
      </c>
      <c r="AX31" s="413">
        <v>0</v>
      </c>
      <c r="AY31" s="102">
        <v>14</v>
      </c>
      <c r="AZ31" s="102">
        <v>9</v>
      </c>
      <c r="BA31" s="102">
        <v>4</v>
      </c>
      <c r="BB31" s="102">
        <v>8</v>
      </c>
      <c r="BC31" s="102">
        <v>1</v>
      </c>
      <c r="BD31" s="103">
        <v>36</v>
      </c>
      <c r="BE31" s="104">
        <v>42</v>
      </c>
      <c r="BF31" s="101">
        <v>1</v>
      </c>
      <c r="BG31" s="102">
        <v>4</v>
      </c>
      <c r="BH31" s="103">
        <v>5</v>
      </c>
      <c r="BI31" s="413">
        <v>0</v>
      </c>
      <c r="BJ31" s="102">
        <v>14</v>
      </c>
      <c r="BK31" s="102">
        <v>9</v>
      </c>
      <c r="BL31" s="102">
        <v>8</v>
      </c>
      <c r="BM31" s="102">
        <v>1</v>
      </c>
      <c r="BN31" s="102">
        <v>2</v>
      </c>
      <c r="BO31" s="103">
        <v>34</v>
      </c>
      <c r="BP31" s="104">
        <v>39</v>
      </c>
      <c r="BQ31" s="101">
        <v>1</v>
      </c>
      <c r="BR31" s="102">
        <v>3</v>
      </c>
      <c r="BS31" s="103">
        <v>4</v>
      </c>
      <c r="BT31" s="413">
        <v>0</v>
      </c>
      <c r="BU31" s="102">
        <v>7</v>
      </c>
      <c r="BV31" s="102">
        <v>8</v>
      </c>
      <c r="BW31" s="102">
        <v>8</v>
      </c>
      <c r="BX31" s="102">
        <v>5</v>
      </c>
      <c r="BY31" s="102">
        <v>4</v>
      </c>
      <c r="BZ31" s="103">
        <v>32</v>
      </c>
      <c r="CA31" s="104">
        <v>36</v>
      </c>
      <c r="CB31" s="101">
        <v>0</v>
      </c>
      <c r="CC31" s="102">
        <v>1</v>
      </c>
      <c r="CD31" s="103">
        <v>1</v>
      </c>
      <c r="CE31" s="413">
        <v>0</v>
      </c>
      <c r="CF31" s="102">
        <v>0</v>
      </c>
      <c r="CG31" s="102">
        <v>1</v>
      </c>
      <c r="CH31" s="102">
        <v>1</v>
      </c>
      <c r="CI31" s="102">
        <v>0</v>
      </c>
      <c r="CJ31" s="102">
        <v>2</v>
      </c>
      <c r="CK31" s="103">
        <v>4</v>
      </c>
      <c r="CL31" s="104">
        <v>5</v>
      </c>
      <c r="CM31" s="101">
        <v>6</v>
      </c>
      <c r="CN31" s="102">
        <v>23</v>
      </c>
      <c r="CO31" s="103">
        <v>29</v>
      </c>
      <c r="CP31" s="413">
        <v>0</v>
      </c>
      <c r="CQ31" s="102">
        <v>59</v>
      </c>
      <c r="CR31" s="102">
        <v>41</v>
      </c>
      <c r="CS31" s="102">
        <v>31</v>
      </c>
      <c r="CT31" s="102">
        <v>18</v>
      </c>
      <c r="CU31" s="102">
        <v>15</v>
      </c>
      <c r="CV31" s="103">
        <v>164</v>
      </c>
      <c r="CW31" s="104">
        <v>193</v>
      </c>
      <c r="CX31" s="105">
        <v>14</v>
      </c>
      <c r="CY31" s="97">
        <v>39</v>
      </c>
      <c r="CZ31" s="98">
        <v>53</v>
      </c>
      <c r="DA31" s="413">
        <v>0</v>
      </c>
      <c r="DB31" s="97">
        <v>53</v>
      </c>
      <c r="DC31" s="97">
        <v>83</v>
      </c>
      <c r="DD31" s="97">
        <v>49</v>
      </c>
      <c r="DE31" s="97">
        <v>51</v>
      </c>
      <c r="DF31" s="97">
        <v>41</v>
      </c>
      <c r="DG31" s="99">
        <v>277</v>
      </c>
      <c r="DH31" s="100">
        <v>330</v>
      </c>
      <c r="DI31" s="101">
        <v>1</v>
      </c>
      <c r="DJ31" s="102">
        <v>0</v>
      </c>
      <c r="DK31" s="103">
        <v>1</v>
      </c>
      <c r="DL31" s="413">
        <v>0</v>
      </c>
      <c r="DM31" s="102">
        <v>2</v>
      </c>
      <c r="DN31" s="102">
        <v>2</v>
      </c>
      <c r="DO31" s="102">
        <v>0</v>
      </c>
      <c r="DP31" s="102">
        <v>0</v>
      </c>
      <c r="DQ31" s="102">
        <v>0</v>
      </c>
      <c r="DR31" s="103">
        <v>4</v>
      </c>
      <c r="DS31" s="104">
        <v>5</v>
      </c>
      <c r="DT31" s="101">
        <v>0</v>
      </c>
      <c r="DU31" s="102">
        <v>4</v>
      </c>
      <c r="DV31" s="103">
        <v>4</v>
      </c>
      <c r="DW31" s="413">
        <v>0</v>
      </c>
      <c r="DX31" s="102">
        <v>2</v>
      </c>
      <c r="DY31" s="102">
        <v>7</v>
      </c>
      <c r="DZ31" s="102">
        <v>3</v>
      </c>
      <c r="EA31" s="102">
        <v>1</v>
      </c>
      <c r="EB31" s="102">
        <v>1</v>
      </c>
      <c r="EC31" s="103">
        <v>14</v>
      </c>
      <c r="ED31" s="104">
        <v>18</v>
      </c>
      <c r="EE31" s="101">
        <v>2</v>
      </c>
      <c r="EF31" s="102">
        <v>8</v>
      </c>
      <c r="EG31" s="103">
        <v>10</v>
      </c>
      <c r="EH31" s="413">
        <v>0</v>
      </c>
      <c r="EI31" s="102">
        <v>8</v>
      </c>
      <c r="EJ31" s="102">
        <v>12</v>
      </c>
      <c r="EK31" s="102">
        <v>5</v>
      </c>
      <c r="EL31" s="102">
        <v>4</v>
      </c>
      <c r="EM31" s="102">
        <v>6</v>
      </c>
      <c r="EN31" s="103">
        <v>35</v>
      </c>
      <c r="EO31" s="104">
        <v>45</v>
      </c>
      <c r="EP31" s="101">
        <v>8</v>
      </c>
      <c r="EQ31" s="102">
        <v>10</v>
      </c>
      <c r="ER31" s="103">
        <v>18</v>
      </c>
      <c r="ES31" s="413">
        <v>0</v>
      </c>
      <c r="ET31" s="102">
        <v>13</v>
      </c>
      <c r="EU31" s="102">
        <v>10</v>
      </c>
      <c r="EV31" s="102">
        <v>15</v>
      </c>
      <c r="EW31" s="102">
        <v>10</v>
      </c>
      <c r="EX31" s="102">
        <v>9</v>
      </c>
      <c r="EY31" s="103">
        <v>57</v>
      </c>
      <c r="EZ31" s="104">
        <v>75</v>
      </c>
      <c r="FA31" s="101">
        <v>3</v>
      </c>
      <c r="FB31" s="102">
        <v>13</v>
      </c>
      <c r="FC31" s="103">
        <v>16</v>
      </c>
      <c r="FD31" s="413">
        <v>0</v>
      </c>
      <c r="FE31" s="102">
        <v>16</v>
      </c>
      <c r="FF31" s="102">
        <v>31</v>
      </c>
      <c r="FG31" s="102">
        <v>11</v>
      </c>
      <c r="FH31" s="102">
        <v>13</v>
      </c>
      <c r="FI31" s="102">
        <v>11</v>
      </c>
      <c r="FJ31" s="103">
        <v>82</v>
      </c>
      <c r="FK31" s="104">
        <v>98</v>
      </c>
      <c r="FL31" s="101">
        <v>0</v>
      </c>
      <c r="FM31" s="102">
        <v>4</v>
      </c>
      <c r="FN31" s="103">
        <v>4</v>
      </c>
      <c r="FO31" s="413">
        <v>0</v>
      </c>
      <c r="FP31" s="102">
        <v>12</v>
      </c>
      <c r="FQ31" s="102">
        <v>21</v>
      </c>
      <c r="FR31" s="102">
        <v>15</v>
      </c>
      <c r="FS31" s="102">
        <v>23</v>
      </c>
      <c r="FT31" s="102">
        <v>14</v>
      </c>
      <c r="FU31" s="103">
        <v>85</v>
      </c>
      <c r="FV31" s="104">
        <v>89</v>
      </c>
      <c r="FW31" s="101">
        <v>2</v>
      </c>
      <c r="FX31" s="102">
        <v>1</v>
      </c>
      <c r="FY31" s="103">
        <v>3</v>
      </c>
      <c r="FZ31" s="413">
        <v>0</v>
      </c>
      <c r="GA31" s="102">
        <v>1</v>
      </c>
      <c r="GB31" s="102">
        <v>2</v>
      </c>
      <c r="GC31" s="102">
        <v>0</v>
      </c>
      <c r="GD31" s="102">
        <v>0</v>
      </c>
      <c r="GE31" s="102">
        <v>2</v>
      </c>
      <c r="GF31" s="103">
        <v>5</v>
      </c>
      <c r="GG31" s="104">
        <v>8</v>
      </c>
      <c r="GH31" s="101">
        <v>16</v>
      </c>
      <c r="GI31" s="102">
        <v>40</v>
      </c>
      <c r="GJ31" s="103">
        <v>56</v>
      </c>
      <c r="GK31" s="413">
        <v>0</v>
      </c>
      <c r="GL31" s="102">
        <v>54</v>
      </c>
      <c r="GM31" s="102">
        <v>85</v>
      </c>
      <c r="GN31" s="102">
        <v>49</v>
      </c>
      <c r="GO31" s="102">
        <v>51</v>
      </c>
      <c r="GP31" s="102">
        <v>43</v>
      </c>
      <c r="GQ31" s="103">
        <v>282</v>
      </c>
      <c r="GR31" s="104">
        <v>338</v>
      </c>
      <c r="GS31" s="105">
        <v>20</v>
      </c>
      <c r="GT31" s="97">
        <v>61</v>
      </c>
      <c r="GU31" s="98">
        <v>81</v>
      </c>
      <c r="GV31" s="413">
        <v>0</v>
      </c>
      <c r="GW31" s="97">
        <v>112</v>
      </c>
      <c r="GX31" s="97">
        <v>123</v>
      </c>
      <c r="GY31" s="97">
        <v>79</v>
      </c>
      <c r="GZ31" s="97">
        <v>69</v>
      </c>
      <c r="HA31" s="97">
        <v>54</v>
      </c>
      <c r="HB31" s="99">
        <v>437</v>
      </c>
      <c r="HC31" s="100">
        <v>518</v>
      </c>
      <c r="HD31" s="101">
        <v>1</v>
      </c>
      <c r="HE31" s="102">
        <v>4</v>
      </c>
      <c r="HF31" s="103">
        <v>5</v>
      </c>
      <c r="HG31" s="416">
        <v>0</v>
      </c>
      <c r="HH31" s="102">
        <v>6</v>
      </c>
      <c r="HI31" s="102">
        <v>2</v>
      </c>
      <c r="HJ31" s="102">
        <v>3</v>
      </c>
      <c r="HK31" s="102">
        <v>1</v>
      </c>
      <c r="HL31" s="102">
        <v>1</v>
      </c>
      <c r="HM31" s="103">
        <v>13</v>
      </c>
      <c r="HN31" s="104">
        <v>18</v>
      </c>
      <c r="HO31" s="101">
        <v>1</v>
      </c>
      <c r="HP31" s="102">
        <v>10</v>
      </c>
      <c r="HQ31" s="103">
        <v>11</v>
      </c>
      <c r="HR31" s="413">
        <v>0</v>
      </c>
      <c r="HS31" s="102">
        <v>12</v>
      </c>
      <c r="HT31" s="102">
        <v>15</v>
      </c>
      <c r="HU31" s="102">
        <v>4</v>
      </c>
      <c r="HV31" s="102">
        <v>2</v>
      </c>
      <c r="HW31" s="102">
        <v>3</v>
      </c>
      <c r="HX31" s="103">
        <v>36</v>
      </c>
      <c r="HY31" s="104">
        <v>47</v>
      </c>
      <c r="HZ31" s="101">
        <v>2</v>
      </c>
      <c r="IA31" s="102">
        <v>10</v>
      </c>
      <c r="IB31" s="103">
        <v>12</v>
      </c>
      <c r="IC31" s="413">
        <v>0</v>
      </c>
      <c r="ID31" s="102">
        <v>18</v>
      </c>
      <c r="IE31" s="102">
        <v>18</v>
      </c>
      <c r="IF31" s="102">
        <v>11</v>
      </c>
      <c r="IG31" s="102">
        <v>6</v>
      </c>
      <c r="IH31" s="102">
        <v>9</v>
      </c>
      <c r="II31" s="103">
        <v>62</v>
      </c>
      <c r="IJ31" s="104">
        <v>74</v>
      </c>
      <c r="IK31" s="101">
        <v>11</v>
      </c>
      <c r="IL31" s="102">
        <v>13</v>
      </c>
      <c r="IM31" s="103">
        <v>24</v>
      </c>
      <c r="IN31" s="413">
        <v>0</v>
      </c>
      <c r="IO31" s="102">
        <v>27</v>
      </c>
      <c r="IP31" s="102">
        <v>19</v>
      </c>
      <c r="IQ31" s="102">
        <v>19</v>
      </c>
      <c r="IR31" s="102">
        <v>18</v>
      </c>
      <c r="IS31" s="102">
        <v>10</v>
      </c>
      <c r="IT31" s="103">
        <v>93</v>
      </c>
      <c r="IU31" s="104">
        <v>117</v>
      </c>
      <c r="IV31" s="101">
        <v>4</v>
      </c>
      <c r="IW31" s="102">
        <v>17</v>
      </c>
      <c r="IX31" s="103">
        <v>21</v>
      </c>
      <c r="IY31" s="413">
        <v>0</v>
      </c>
      <c r="IZ31" s="102">
        <v>30</v>
      </c>
      <c r="JA31" s="102">
        <v>40</v>
      </c>
      <c r="JB31" s="102">
        <v>19</v>
      </c>
      <c r="JC31" s="102">
        <v>14</v>
      </c>
      <c r="JD31" s="102">
        <v>13</v>
      </c>
      <c r="JE31" s="103">
        <v>116</v>
      </c>
      <c r="JF31" s="104">
        <v>137</v>
      </c>
      <c r="JG31" s="101">
        <v>1</v>
      </c>
      <c r="JH31" s="102">
        <v>7</v>
      </c>
      <c r="JI31" s="103">
        <v>8</v>
      </c>
      <c r="JJ31" s="413">
        <v>0</v>
      </c>
      <c r="JK31" s="102">
        <v>19</v>
      </c>
      <c r="JL31" s="102">
        <v>29</v>
      </c>
      <c r="JM31" s="102">
        <v>23</v>
      </c>
      <c r="JN31" s="102">
        <v>28</v>
      </c>
      <c r="JO31" s="102">
        <v>18</v>
      </c>
      <c r="JP31" s="103">
        <v>117</v>
      </c>
      <c r="JQ31" s="104">
        <v>125</v>
      </c>
      <c r="JR31" s="101">
        <v>2</v>
      </c>
      <c r="JS31" s="102">
        <v>2</v>
      </c>
      <c r="JT31" s="103">
        <v>4</v>
      </c>
      <c r="JU31" s="413">
        <v>0</v>
      </c>
      <c r="JV31" s="102">
        <v>1</v>
      </c>
      <c r="JW31" s="102">
        <v>3</v>
      </c>
      <c r="JX31" s="102">
        <v>1</v>
      </c>
      <c r="JY31" s="102">
        <v>0</v>
      </c>
      <c r="JZ31" s="102">
        <v>4</v>
      </c>
      <c r="KA31" s="103">
        <v>9</v>
      </c>
      <c r="KB31" s="104">
        <v>13</v>
      </c>
      <c r="KC31" s="101">
        <v>22</v>
      </c>
      <c r="KD31" s="102">
        <v>63</v>
      </c>
      <c r="KE31" s="103">
        <v>85</v>
      </c>
      <c r="KF31" s="413">
        <v>0</v>
      </c>
      <c r="KG31" s="102">
        <v>113</v>
      </c>
      <c r="KH31" s="102">
        <v>126</v>
      </c>
      <c r="KI31" s="102">
        <v>80</v>
      </c>
      <c r="KJ31" s="102">
        <v>69</v>
      </c>
      <c r="KK31" s="102">
        <v>58</v>
      </c>
      <c r="KL31" s="103">
        <v>446</v>
      </c>
      <c r="KM31" s="104">
        <v>531</v>
      </c>
    </row>
    <row r="32" spans="2:299" s="70" customFormat="1" ht="21" customHeight="1" x14ac:dyDescent="0.2">
      <c r="B32" s="106" t="s">
        <v>29</v>
      </c>
      <c r="C32" s="96">
        <v>27</v>
      </c>
      <c r="D32" s="97">
        <v>18</v>
      </c>
      <c r="E32" s="98">
        <v>45</v>
      </c>
      <c r="F32" s="413">
        <v>0</v>
      </c>
      <c r="G32" s="97">
        <v>44</v>
      </c>
      <c r="H32" s="97">
        <v>52</v>
      </c>
      <c r="I32" s="97">
        <v>45</v>
      </c>
      <c r="J32" s="97">
        <v>28</v>
      </c>
      <c r="K32" s="97">
        <v>19</v>
      </c>
      <c r="L32" s="99">
        <v>188</v>
      </c>
      <c r="M32" s="100">
        <v>233</v>
      </c>
      <c r="N32" s="101">
        <v>3</v>
      </c>
      <c r="O32" s="102">
        <v>0</v>
      </c>
      <c r="P32" s="103">
        <v>3</v>
      </c>
      <c r="Q32" s="413">
        <v>0</v>
      </c>
      <c r="R32" s="102">
        <v>3</v>
      </c>
      <c r="S32" s="102">
        <v>3</v>
      </c>
      <c r="T32" s="102">
        <v>3</v>
      </c>
      <c r="U32" s="102">
        <v>1</v>
      </c>
      <c r="V32" s="102">
        <v>3</v>
      </c>
      <c r="W32" s="103">
        <v>13</v>
      </c>
      <c r="X32" s="104">
        <v>16</v>
      </c>
      <c r="Y32" s="101">
        <v>2</v>
      </c>
      <c r="Z32" s="102">
        <v>3</v>
      </c>
      <c r="AA32" s="103">
        <v>5</v>
      </c>
      <c r="AB32" s="413">
        <v>0</v>
      </c>
      <c r="AC32" s="102">
        <v>5</v>
      </c>
      <c r="AD32" s="102">
        <v>3</v>
      </c>
      <c r="AE32" s="102">
        <v>7</v>
      </c>
      <c r="AF32" s="102">
        <v>2</v>
      </c>
      <c r="AG32" s="102">
        <v>2</v>
      </c>
      <c r="AH32" s="103">
        <v>19</v>
      </c>
      <c r="AI32" s="104">
        <v>24</v>
      </c>
      <c r="AJ32" s="101">
        <v>1</v>
      </c>
      <c r="AK32" s="102">
        <v>1</v>
      </c>
      <c r="AL32" s="103">
        <v>2</v>
      </c>
      <c r="AM32" s="413">
        <v>0</v>
      </c>
      <c r="AN32" s="102">
        <v>14</v>
      </c>
      <c r="AO32" s="102">
        <v>9</v>
      </c>
      <c r="AP32" s="102">
        <v>7</v>
      </c>
      <c r="AQ32" s="102">
        <v>6</v>
      </c>
      <c r="AR32" s="102">
        <v>2</v>
      </c>
      <c r="AS32" s="103">
        <v>38</v>
      </c>
      <c r="AT32" s="104">
        <v>40</v>
      </c>
      <c r="AU32" s="101">
        <v>11</v>
      </c>
      <c r="AV32" s="102">
        <v>8</v>
      </c>
      <c r="AW32" s="103">
        <v>19</v>
      </c>
      <c r="AX32" s="413">
        <v>0</v>
      </c>
      <c r="AY32" s="102">
        <v>10</v>
      </c>
      <c r="AZ32" s="102">
        <v>9</v>
      </c>
      <c r="BA32" s="102">
        <v>8</v>
      </c>
      <c r="BB32" s="102">
        <v>8</v>
      </c>
      <c r="BC32" s="102">
        <v>2</v>
      </c>
      <c r="BD32" s="103">
        <v>37</v>
      </c>
      <c r="BE32" s="104">
        <v>56</v>
      </c>
      <c r="BF32" s="101">
        <v>9</v>
      </c>
      <c r="BG32" s="102">
        <v>2</v>
      </c>
      <c r="BH32" s="103">
        <v>11</v>
      </c>
      <c r="BI32" s="413">
        <v>0</v>
      </c>
      <c r="BJ32" s="102">
        <v>7</v>
      </c>
      <c r="BK32" s="102">
        <v>9</v>
      </c>
      <c r="BL32" s="102">
        <v>16</v>
      </c>
      <c r="BM32" s="102">
        <v>5</v>
      </c>
      <c r="BN32" s="102">
        <v>2</v>
      </c>
      <c r="BO32" s="103">
        <v>39</v>
      </c>
      <c r="BP32" s="104">
        <v>50</v>
      </c>
      <c r="BQ32" s="101">
        <v>1</v>
      </c>
      <c r="BR32" s="102">
        <v>4</v>
      </c>
      <c r="BS32" s="103">
        <v>5</v>
      </c>
      <c r="BT32" s="413">
        <v>0</v>
      </c>
      <c r="BU32" s="102">
        <v>5</v>
      </c>
      <c r="BV32" s="102">
        <v>19</v>
      </c>
      <c r="BW32" s="102">
        <v>4</v>
      </c>
      <c r="BX32" s="102">
        <v>6</v>
      </c>
      <c r="BY32" s="102">
        <v>8</v>
      </c>
      <c r="BZ32" s="103">
        <v>42</v>
      </c>
      <c r="CA32" s="104">
        <v>47</v>
      </c>
      <c r="CB32" s="101">
        <v>2</v>
      </c>
      <c r="CC32" s="102">
        <v>1</v>
      </c>
      <c r="CD32" s="103">
        <v>3</v>
      </c>
      <c r="CE32" s="413">
        <v>0</v>
      </c>
      <c r="CF32" s="102">
        <v>2</v>
      </c>
      <c r="CG32" s="102">
        <v>1</v>
      </c>
      <c r="CH32" s="102">
        <v>1</v>
      </c>
      <c r="CI32" s="102">
        <v>0</v>
      </c>
      <c r="CJ32" s="102">
        <v>3</v>
      </c>
      <c r="CK32" s="103">
        <v>7</v>
      </c>
      <c r="CL32" s="104">
        <v>10</v>
      </c>
      <c r="CM32" s="101">
        <v>29</v>
      </c>
      <c r="CN32" s="102">
        <v>19</v>
      </c>
      <c r="CO32" s="103">
        <v>48</v>
      </c>
      <c r="CP32" s="413">
        <v>0</v>
      </c>
      <c r="CQ32" s="102">
        <v>46</v>
      </c>
      <c r="CR32" s="102">
        <v>53</v>
      </c>
      <c r="CS32" s="102">
        <v>46</v>
      </c>
      <c r="CT32" s="102">
        <v>28</v>
      </c>
      <c r="CU32" s="102">
        <v>22</v>
      </c>
      <c r="CV32" s="103">
        <v>195</v>
      </c>
      <c r="CW32" s="104">
        <v>243</v>
      </c>
      <c r="CX32" s="105">
        <v>47</v>
      </c>
      <c r="CY32" s="97">
        <v>52</v>
      </c>
      <c r="CZ32" s="98">
        <v>99</v>
      </c>
      <c r="DA32" s="413">
        <v>0</v>
      </c>
      <c r="DB32" s="97">
        <v>92</v>
      </c>
      <c r="DC32" s="97">
        <v>94</v>
      </c>
      <c r="DD32" s="97">
        <v>77</v>
      </c>
      <c r="DE32" s="97">
        <v>83</v>
      </c>
      <c r="DF32" s="97">
        <v>50</v>
      </c>
      <c r="DG32" s="99">
        <v>396</v>
      </c>
      <c r="DH32" s="100">
        <v>495</v>
      </c>
      <c r="DI32" s="101">
        <v>3</v>
      </c>
      <c r="DJ32" s="102">
        <v>2</v>
      </c>
      <c r="DK32" s="103">
        <v>5</v>
      </c>
      <c r="DL32" s="413">
        <v>0</v>
      </c>
      <c r="DM32" s="102">
        <v>4</v>
      </c>
      <c r="DN32" s="102">
        <v>3</v>
      </c>
      <c r="DO32" s="102">
        <v>2</v>
      </c>
      <c r="DP32" s="102">
        <v>4</v>
      </c>
      <c r="DQ32" s="102">
        <v>2</v>
      </c>
      <c r="DR32" s="103">
        <v>15</v>
      </c>
      <c r="DS32" s="104">
        <v>20</v>
      </c>
      <c r="DT32" s="101">
        <v>2</v>
      </c>
      <c r="DU32" s="102">
        <v>4</v>
      </c>
      <c r="DV32" s="103">
        <v>6</v>
      </c>
      <c r="DW32" s="413">
        <v>0</v>
      </c>
      <c r="DX32" s="102">
        <v>3</v>
      </c>
      <c r="DY32" s="102">
        <v>7</v>
      </c>
      <c r="DZ32" s="102">
        <v>4</v>
      </c>
      <c r="EA32" s="102">
        <v>2</v>
      </c>
      <c r="EB32" s="102">
        <v>3</v>
      </c>
      <c r="EC32" s="103">
        <v>19</v>
      </c>
      <c r="ED32" s="104">
        <v>25</v>
      </c>
      <c r="EE32" s="101">
        <v>6</v>
      </c>
      <c r="EF32" s="102">
        <v>9</v>
      </c>
      <c r="EG32" s="103">
        <v>15</v>
      </c>
      <c r="EH32" s="413">
        <v>0</v>
      </c>
      <c r="EI32" s="102">
        <v>7</v>
      </c>
      <c r="EJ32" s="102">
        <v>12</v>
      </c>
      <c r="EK32" s="102">
        <v>7</v>
      </c>
      <c r="EL32" s="102">
        <v>7</v>
      </c>
      <c r="EM32" s="102">
        <v>4</v>
      </c>
      <c r="EN32" s="103">
        <v>37</v>
      </c>
      <c r="EO32" s="104">
        <v>52</v>
      </c>
      <c r="EP32" s="101">
        <v>17</v>
      </c>
      <c r="EQ32" s="102">
        <v>13</v>
      </c>
      <c r="ER32" s="103">
        <v>30</v>
      </c>
      <c r="ES32" s="413">
        <v>0</v>
      </c>
      <c r="ET32" s="102">
        <v>24</v>
      </c>
      <c r="EU32" s="102">
        <v>18</v>
      </c>
      <c r="EV32" s="102">
        <v>23</v>
      </c>
      <c r="EW32" s="102">
        <v>13</v>
      </c>
      <c r="EX32" s="102">
        <v>12</v>
      </c>
      <c r="EY32" s="103">
        <v>90</v>
      </c>
      <c r="EZ32" s="104">
        <v>120</v>
      </c>
      <c r="FA32" s="101">
        <v>14</v>
      </c>
      <c r="FB32" s="102">
        <v>11</v>
      </c>
      <c r="FC32" s="103">
        <v>25</v>
      </c>
      <c r="FD32" s="413">
        <v>0</v>
      </c>
      <c r="FE32" s="102">
        <v>26</v>
      </c>
      <c r="FF32" s="102">
        <v>32</v>
      </c>
      <c r="FG32" s="102">
        <v>18</v>
      </c>
      <c r="FH32" s="102">
        <v>22</v>
      </c>
      <c r="FI32" s="102">
        <v>9</v>
      </c>
      <c r="FJ32" s="103">
        <v>107</v>
      </c>
      <c r="FK32" s="104">
        <v>132</v>
      </c>
      <c r="FL32" s="101">
        <v>5</v>
      </c>
      <c r="FM32" s="102">
        <v>13</v>
      </c>
      <c r="FN32" s="103">
        <v>18</v>
      </c>
      <c r="FO32" s="413">
        <v>0</v>
      </c>
      <c r="FP32" s="102">
        <v>28</v>
      </c>
      <c r="FQ32" s="102">
        <v>22</v>
      </c>
      <c r="FR32" s="102">
        <v>23</v>
      </c>
      <c r="FS32" s="102">
        <v>35</v>
      </c>
      <c r="FT32" s="102">
        <v>20</v>
      </c>
      <c r="FU32" s="103">
        <v>128</v>
      </c>
      <c r="FV32" s="104">
        <v>146</v>
      </c>
      <c r="FW32" s="101">
        <v>0</v>
      </c>
      <c r="FX32" s="102">
        <v>3</v>
      </c>
      <c r="FY32" s="103">
        <v>3</v>
      </c>
      <c r="FZ32" s="413">
        <v>0</v>
      </c>
      <c r="GA32" s="102">
        <v>1</v>
      </c>
      <c r="GB32" s="102">
        <v>1</v>
      </c>
      <c r="GC32" s="102">
        <v>2</v>
      </c>
      <c r="GD32" s="102">
        <v>0</v>
      </c>
      <c r="GE32" s="102">
        <v>2</v>
      </c>
      <c r="GF32" s="103">
        <v>6</v>
      </c>
      <c r="GG32" s="104">
        <v>9</v>
      </c>
      <c r="GH32" s="101">
        <v>47</v>
      </c>
      <c r="GI32" s="102">
        <v>55</v>
      </c>
      <c r="GJ32" s="103">
        <v>102</v>
      </c>
      <c r="GK32" s="413">
        <v>0</v>
      </c>
      <c r="GL32" s="102">
        <v>93</v>
      </c>
      <c r="GM32" s="102">
        <v>95</v>
      </c>
      <c r="GN32" s="102">
        <v>79</v>
      </c>
      <c r="GO32" s="102">
        <v>83</v>
      </c>
      <c r="GP32" s="102">
        <v>52</v>
      </c>
      <c r="GQ32" s="103">
        <v>402</v>
      </c>
      <c r="GR32" s="104">
        <v>504</v>
      </c>
      <c r="GS32" s="105">
        <v>74</v>
      </c>
      <c r="GT32" s="97">
        <v>70</v>
      </c>
      <c r="GU32" s="98">
        <v>144</v>
      </c>
      <c r="GV32" s="413">
        <v>0</v>
      </c>
      <c r="GW32" s="97">
        <v>136</v>
      </c>
      <c r="GX32" s="97">
        <v>146</v>
      </c>
      <c r="GY32" s="97">
        <v>122</v>
      </c>
      <c r="GZ32" s="97">
        <v>111</v>
      </c>
      <c r="HA32" s="97">
        <v>69</v>
      </c>
      <c r="HB32" s="99">
        <v>584</v>
      </c>
      <c r="HC32" s="100">
        <v>728</v>
      </c>
      <c r="HD32" s="101">
        <v>6</v>
      </c>
      <c r="HE32" s="102">
        <v>2</v>
      </c>
      <c r="HF32" s="103">
        <v>8</v>
      </c>
      <c r="HG32" s="416">
        <v>0</v>
      </c>
      <c r="HH32" s="102">
        <v>7</v>
      </c>
      <c r="HI32" s="102">
        <v>6</v>
      </c>
      <c r="HJ32" s="102">
        <v>5</v>
      </c>
      <c r="HK32" s="102">
        <v>5</v>
      </c>
      <c r="HL32" s="102">
        <v>5</v>
      </c>
      <c r="HM32" s="103">
        <v>28</v>
      </c>
      <c r="HN32" s="104">
        <v>36</v>
      </c>
      <c r="HO32" s="101">
        <v>4</v>
      </c>
      <c r="HP32" s="102">
        <v>7</v>
      </c>
      <c r="HQ32" s="103">
        <v>11</v>
      </c>
      <c r="HR32" s="413">
        <v>0</v>
      </c>
      <c r="HS32" s="102">
        <v>8</v>
      </c>
      <c r="HT32" s="102">
        <v>10</v>
      </c>
      <c r="HU32" s="102">
        <v>11</v>
      </c>
      <c r="HV32" s="102">
        <v>4</v>
      </c>
      <c r="HW32" s="102">
        <v>5</v>
      </c>
      <c r="HX32" s="103">
        <v>38</v>
      </c>
      <c r="HY32" s="104">
        <v>49</v>
      </c>
      <c r="HZ32" s="101">
        <v>7</v>
      </c>
      <c r="IA32" s="102">
        <v>10</v>
      </c>
      <c r="IB32" s="103">
        <v>17</v>
      </c>
      <c r="IC32" s="413">
        <v>0</v>
      </c>
      <c r="ID32" s="102">
        <v>21</v>
      </c>
      <c r="IE32" s="102">
        <v>21</v>
      </c>
      <c r="IF32" s="102">
        <v>14</v>
      </c>
      <c r="IG32" s="102">
        <v>13</v>
      </c>
      <c r="IH32" s="102">
        <v>6</v>
      </c>
      <c r="II32" s="103">
        <v>75</v>
      </c>
      <c r="IJ32" s="104">
        <v>92</v>
      </c>
      <c r="IK32" s="101">
        <v>28</v>
      </c>
      <c r="IL32" s="102">
        <v>21</v>
      </c>
      <c r="IM32" s="103">
        <v>49</v>
      </c>
      <c r="IN32" s="413">
        <v>0</v>
      </c>
      <c r="IO32" s="102">
        <v>34</v>
      </c>
      <c r="IP32" s="102">
        <v>27</v>
      </c>
      <c r="IQ32" s="102">
        <v>31</v>
      </c>
      <c r="IR32" s="102">
        <v>21</v>
      </c>
      <c r="IS32" s="102">
        <v>14</v>
      </c>
      <c r="IT32" s="103">
        <v>127</v>
      </c>
      <c r="IU32" s="104">
        <v>176</v>
      </c>
      <c r="IV32" s="101">
        <v>23</v>
      </c>
      <c r="IW32" s="102">
        <v>13</v>
      </c>
      <c r="IX32" s="103">
        <v>36</v>
      </c>
      <c r="IY32" s="413">
        <v>0</v>
      </c>
      <c r="IZ32" s="102">
        <v>33</v>
      </c>
      <c r="JA32" s="102">
        <v>41</v>
      </c>
      <c r="JB32" s="102">
        <v>34</v>
      </c>
      <c r="JC32" s="102">
        <v>27</v>
      </c>
      <c r="JD32" s="102">
        <v>11</v>
      </c>
      <c r="JE32" s="103">
        <v>146</v>
      </c>
      <c r="JF32" s="104">
        <v>182</v>
      </c>
      <c r="JG32" s="101">
        <v>6</v>
      </c>
      <c r="JH32" s="102">
        <v>17</v>
      </c>
      <c r="JI32" s="103">
        <v>23</v>
      </c>
      <c r="JJ32" s="413">
        <v>0</v>
      </c>
      <c r="JK32" s="102">
        <v>33</v>
      </c>
      <c r="JL32" s="102">
        <v>41</v>
      </c>
      <c r="JM32" s="102">
        <v>27</v>
      </c>
      <c r="JN32" s="102">
        <v>41</v>
      </c>
      <c r="JO32" s="102">
        <v>28</v>
      </c>
      <c r="JP32" s="103">
        <v>170</v>
      </c>
      <c r="JQ32" s="104">
        <v>193</v>
      </c>
      <c r="JR32" s="101">
        <v>2</v>
      </c>
      <c r="JS32" s="102">
        <v>4</v>
      </c>
      <c r="JT32" s="103">
        <v>6</v>
      </c>
      <c r="JU32" s="413">
        <v>0</v>
      </c>
      <c r="JV32" s="102">
        <v>3</v>
      </c>
      <c r="JW32" s="102">
        <v>2</v>
      </c>
      <c r="JX32" s="102">
        <v>3</v>
      </c>
      <c r="JY32" s="102">
        <v>0</v>
      </c>
      <c r="JZ32" s="102">
        <v>5</v>
      </c>
      <c r="KA32" s="103">
        <v>13</v>
      </c>
      <c r="KB32" s="104">
        <v>19</v>
      </c>
      <c r="KC32" s="101">
        <v>76</v>
      </c>
      <c r="KD32" s="102">
        <v>74</v>
      </c>
      <c r="KE32" s="103">
        <v>150</v>
      </c>
      <c r="KF32" s="413">
        <v>0</v>
      </c>
      <c r="KG32" s="102">
        <v>139</v>
      </c>
      <c r="KH32" s="102">
        <v>148</v>
      </c>
      <c r="KI32" s="102">
        <v>125</v>
      </c>
      <c r="KJ32" s="102">
        <v>111</v>
      </c>
      <c r="KK32" s="102">
        <v>74</v>
      </c>
      <c r="KL32" s="103">
        <v>597</v>
      </c>
      <c r="KM32" s="104">
        <v>747</v>
      </c>
    </row>
    <row r="33" spans="2:299" s="70" customFormat="1" ht="21" customHeight="1" x14ac:dyDescent="0.2">
      <c r="B33" s="106" t="s">
        <v>30</v>
      </c>
      <c r="C33" s="96">
        <v>28</v>
      </c>
      <c r="D33" s="97">
        <v>13</v>
      </c>
      <c r="E33" s="98">
        <v>41</v>
      </c>
      <c r="F33" s="413">
        <v>0</v>
      </c>
      <c r="G33" s="97">
        <v>38</v>
      </c>
      <c r="H33" s="97">
        <v>26</v>
      </c>
      <c r="I33" s="97">
        <v>25</v>
      </c>
      <c r="J33" s="97">
        <v>29</v>
      </c>
      <c r="K33" s="97">
        <v>13</v>
      </c>
      <c r="L33" s="99">
        <v>131</v>
      </c>
      <c r="M33" s="100">
        <v>172</v>
      </c>
      <c r="N33" s="101">
        <v>2</v>
      </c>
      <c r="O33" s="102">
        <v>2</v>
      </c>
      <c r="P33" s="103">
        <v>4</v>
      </c>
      <c r="Q33" s="413">
        <v>0</v>
      </c>
      <c r="R33" s="102">
        <v>1</v>
      </c>
      <c r="S33" s="102">
        <v>2</v>
      </c>
      <c r="T33" s="102">
        <v>0</v>
      </c>
      <c r="U33" s="102">
        <v>4</v>
      </c>
      <c r="V33" s="102">
        <v>2</v>
      </c>
      <c r="W33" s="103">
        <v>9</v>
      </c>
      <c r="X33" s="104">
        <v>13</v>
      </c>
      <c r="Y33" s="101">
        <v>7</v>
      </c>
      <c r="Z33" s="102">
        <v>2</v>
      </c>
      <c r="AA33" s="103">
        <v>9</v>
      </c>
      <c r="AB33" s="413">
        <v>0</v>
      </c>
      <c r="AC33" s="102">
        <v>4</v>
      </c>
      <c r="AD33" s="102">
        <v>5</v>
      </c>
      <c r="AE33" s="102">
        <v>4</v>
      </c>
      <c r="AF33" s="102">
        <v>2</v>
      </c>
      <c r="AG33" s="102">
        <v>1</v>
      </c>
      <c r="AH33" s="103">
        <v>16</v>
      </c>
      <c r="AI33" s="104">
        <v>25</v>
      </c>
      <c r="AJ33" s="101">
        <v>3</v>
      </c>
      <c r="AK33" s="102">
        <v>2</v>
      </c>
      <c r="AL33" s="103">
        <v>5</v>
      </c>
      <c r="AM33" s="413">
        <v>0</v>
      </c>
      <c r="AN33" s="102">
        <v>5</v>
      </c>
      <c r="AO33" s="102">
        <v>3</v>
      </c>
      <c r="AP33" s="102">
        <v>3</v>
      </c>
      <c r="AQ33" s="102">
        <v>7</v>
      </c>
      <c r="AR33" s="102">
        <v>2</v>
      </c>
      <c r="AS33" s="103">
        <v>20</v>
      </c>
      <c r="AT33" s="104">
        <v>25</v>
      </c>
      <c r="AU33" s="101">
        <v>9</v>
      </c>
      <c r="AV33" s="102">
        <v>1</v>
      </c>
      <c r="AW33" s="103">
        <v>10</v>
      </c>
      <c r="AX33" s="413">
        <v>0</v>
      </c>
      <c r="AY33" s="102">
        <v>11</v>
      </c>
      <c r="AZ33" s="102">
        <v>4</v>
      </c>
      <c r="BA33" s="102">
        <v>6</v>
      </c>
      <c r="BB33" s="102">
        <v>4</v>
      </c>
      <c r="BC33" s="102">
        <v>2</v>
      </c>
      <c r="BD33" s="103">
        <v>27</v>
      </c>
      <c r="BE33" s="104">
        <v>37</v>
      </c>
      <c r="BF33" s="101">
        <v>3</v>
      </c>
      <c r="BG33" s="102">
        <v>2</v>
      </c>
      <c r="BH33" s="103">
        <v>5</v>
      </c>
      <c r="BI33" s="413">
        <v>0</v>
      </c>
      <c r="BJ33" s="102">
        <v>11</v>
      </c>
      <c r="BK33" s="102">
        <v>8</v>
      </c>
      <c r="BL33" s="102">
        <v>6</v>
      </c>
      <c r="BM33" s="102">
        <v>5</v>
      </c>
      <c r="BN33" s="102">
        <v>1</v>
      </c>
      <c r="BO33" s="103">
        <v>31</v>
      </c>
      <c r="BP33" s="104">
        <v>36</v>
      </c>
      <c r="BQ33" s="101">
        <v>4</v>
      </c>
      <c r="BR33" s="102">
        <v>4</v>
      </c>
      <c r="BS33" s="103">
        <v>8</v>
      </c>
      <c r="BT33" s="413">
        <v>0</v>
      </c>
      <c r="BU33" s="102">
        <v>6</v>
      </c>
      <c r="BV33" s="102">
        <v>4</v>
      </c>
      <c r="BW33" s="102">
        <v>6</v>
      </c>
      <c r="BX33" s="102">
        <v>7</v>
      </c>
      <c r="BY33" s="102">
        <v>5</v>
      </c>
      <c r="BZ33" s="103">
        <v>28</v>
      </c>
      <c r="CA33" s="104">
        <v>36</v>
      </c>
      <c r="CB33" s="101">
        <v>1</v>
      </c>
      <c r="CC33" s="102">
        <v>1</v>
      </c>
      <c r="CD33" s="103">
        <v>2</v>
      </c>
      <c r="CE33" s="413">
        <v>0</v>
      </c>
      <c r="CF33" s="102">
        <v>1</v>
      </c>
      <c r="CG33" s="102">
        <v>4</v>
      </c>
      <c r="CH33" s="102">
        <v>0</v>
      </c>
      <c r="CI33" s="102">
        <v>0</v>
      </c>
      <c r="CJ33" s="102">
        <v>0</v>
      </c>
      <c r="CK33" s="103">
        <v>5</v>
      </c>
      <c r="CL33" s="104">
        <v>7</v>
      </c>
      <c r="CM33" s="101">
        <v>29</v>
      </c>
      <c r="CN33" s="102">
        <v>14</v>
      </c>
      <c r="CO33" s="103">
        <v>43</v>
      </c>
      <c r="CP33" s="413">
        <v>0</v>
      </c>
      <c r="CQ33" s="102">
        <v>39</v>
      </c>
      <c r="CR33" s="102">
        <v>30</v>
      </c>
      <c r="CS33" s="102">
        <v>25</v>
      </c>
      <c r="CT33" s="102">
        <v>29</v>
      </c>
      <c r="CU33" s="102">
        <v>13</v>
      </c>
      <c r="CV33" s="103">
        <v>136</v>
      </c>
      <c r="CW33" s="104">
        <v>179</v>
      </c>
      <c r="CX33" s="105">
        <v>38</v>
      </c>
      <c r="CY33" s="97">
        <v>33</v>
      </c>
      <c r="CZ33" s="98">
        <v>71</v>
      </c>
      <c r="DA33" s="413">
        <v>0</v>
      </c>
      <c r="DB33" s="97">
        <v>99</v>
      </c>
      <c r="DC33" s="97">
        <v>66</v>
      </c>
      <c r="DD33" s="97">
        <v>68</v>
      </c>
      <c r="DE33" s="97">
        <v>69</v>
      </c>
      <c r="DF33" s="97">
        <v>39</v>
      </c>
      <c r="DG33" s="99">
        <v>341</v>
      </c>
      <c r="DH33" s="100">
        <v>412</v>
      </c>
      <c r="DI33" s="101">
        <v>2</v>
      </c>
      <c r="DJ33" s="102">
        <v>0</v>
      </c>
      <c r="DK33" s="103">
        <v>2</v>
      </c>
      <c r="DL33" s="413">
        <v>0</v>
      </c>
      <c r="DM33" s="102">
        <v>1</v>
      </c>
      <c r="DN33" s="102">
        <v>1</v>
      </c>
      <c r="DO33" s="102">
        <v>1</v>
      </c>
      <c r="DP33" s="102">
        <v>0</v>
      </c>
      <c r="DQ33" s="102">
        <v>1</v>
      </c>
      <c r="DR33" s="103">
        <v>4</v>
      </c>
      <c r="DS33" s="104">
        <v>6</v>
      </c>
      <c r="DT33" s="101">
        <v>4</v>
      </c>
      <c r="DU33" s="102">
        <v>1</v>
      </c>
      <c r="DV33" s="103">
        <v>5</v>
      </c>
      <c r="DW33" s="413">
        <v>0</v>
      </c>
      <c r="DX33" s="102">
        <v>2</v>
      </c>
      <c r="DY33" s="102">
        <v>2</v>
      </c>
      <c r="DZ33" s="102">
        <v>1</v>
      </c>
      <c r="EA33" s="102">
        <v>3</v>
      </c>
      <c r="EB33" s="102">
        <v>2</v>
      </c>
      <c r="EC33" s="103">
        <v>10</v>
      </c>
      <c r="ED33" s="104">
        <v>15</v>
      </c>
      <c r="EE33" s="101">
        <v>7</v>
      </c>
      <c r="EF33" s="102">
        <v>4</v>
      </c>
      <c r="EG33" s="103">
        <v>11</v>
      </c>
      <c r="EH33" s="413">
        <v>0</v>
      </c>
      <c r="EI33" s="102">
        <v>5</v>
      </c>
      <c r="EJ33" s="102">
        <v>9</v>
      </c>
      <c r="EK33" s="102">
        <v>9</v>
      </c>
      <c r="EL33" s="102">
        <v>3</v>
      </c>
      <c r="EM33" s="102">
        <v>2</v>
      </c>
      <c r="EN33" s="103">
        <v>28</v>
      </c>
      <c r="EO33" s="104">
        <v>39</v>
      </c>
      <c r="EP33" s="101">
        <v>12</v>
      </c>
      <c r="EQ33" s="102">
        <v>8</v>
      </c>
      <c r="ER33" s="103">
        <v>20</v>
      </c>
      <c r="ES33" s="413">
        <v>0</v>
      </c>
      <c r="ET33" s="102">
        <v>30</v>
      </c>
      <c r="EU33" s="102">
        <v>15</v>
      </c>
      <c r="EV33" s="102">
        <v>10</v>
      </c>
      <c r="EW33" s="102">
        <v>9</v>
      </c>
      <c r="EX33" s="102">
        <v>8</v>
      </c>
      <c r="EY33" s="103">
        <v>72</v>
      </c>
      <c r="EZ33" s="104">
        <v>92</v>
      </c>
      <c r="FA33" s="101">
        <v>8</v>
      </c>
      <c r="FB33" s="102">
        <v>10</v>
      </c>
      <c r="FC33" s="103">
        <v>18</v>
      </c>
      <c r="FD33" s="413">
        <v>0</v>
      </c>
      <c r="FE33" s="102">
        <v>24</v>
      </c>
      <c r="FF33" s="102">
        <v>16</v>
      </c>
      <c r="FG33" s="102">
        <v>12</v>
      </c>
      <c r="FH33" s="102">
        <v>17</v>
      </c>
      <c r="FI33" s="102">
        <v>9</v>
      </c>
      <c r="FJ33" s="103">
        <v>78</v>
      </c>
      <c r="FK33" s="104">
        <v>96</v>
      </c>
      <c r="FL33" s="101">
        <v>5</v>
      </c>
      <c r="FM33" s="102">
        <v>10</v>
      </c>
      <c r="FN33" s="103">
        <v>15</v>
      </c>
      <c r="FO33" s="413">
        <v>0</v>
      </c>
      <c r="FP33" s="102">
        <v>37</v>
      </c>
      <c r="FQ33" s="102">
        <v>23</v>
      </c>
      <c r="FR33" s="102">
        <v>35</v>
      </c>
      <c r="FS33" s="102">
        <v>37</v>
      </c>
      <c r="FT33" s="102">
        <v>17</v>
      </c>
      <c r="FU33" s="103">
        <v>149</v>
      </c>
      <c r="FV33" s="104">
        <v>164</v>
      </c>
      <c r="FW33" s="101">
        <v>0</v>
      </c>
      <c r="FX33" s="102">
        <v>2</v>
      </c>
      <c r="FY33" s="103">
        <v>2</v>
      </c>
      <c r="FZ33" s="413">
        <v>0</v>
      </c>
      <c r="GA33" s="102">
        <v>1</v>
      </c>
      <c r="GB33" s="102">
        <v>0</v>
      </c>
      <c r="GC33" s="102">
        <v>1</v>
      </c>
      <c r="GD33" s="102">
        <v>2</v>
      </c>
      <c r="GE33" s="102">
        <v>0</v>
      </c>
      <c r="GF33" s="103">
        <v>4</v>
      </c>
      <c r="GG33" s="104">
        <v>6</v>
      </c>
      <c r="GH33" s="101">
        <v>38</v>
      </c>
      <c r="GI33" s="102">
        <v>35</v>
      </c>
      <c r="GJ33" s="103">
        <v>73</v>
      </c>
      <c r="GK33" s="413">
        <v>0</v>
      </c>
      <c r="GL33" s="102">
        <v>100</v>
      </c>
      <c r="GM33" s="102">
        <v>66</v>
      </c>
      <c r="GN33" s="102">
        <v>69</v>
      </c>
      <c r="GO33" s="102">
        <v>71</v>
      </c>
      <c r="GP33" s="102">
        <v>39</v>
      </c>
      <c r="GQ33" s="103">
        <v>345</v>
      </c>
      <c r="GR33" s="104">
        <v>418</v>
      </c>
      <c r="GS33" s="105">
        <v>66</v>
      </c>
      <c r="GT33" s="97">
        <v>46</v>
      </c>
      <c r="GU33" s="98">
        <v>112</v>
      </c>
      <c r="GV33" s="413">
        <v>0</v>
      </c>
      <c r="GW33" s="97">
        <v>137</v>
      </c>
      <c r="GX33" s="97">
        <v>92</v>
      </c>
      <c r="GY33" s="97">
        <v>93</v>
      </c>
      <c r="GZ33" s="97">
        <v>98</v>
      </c>
      <c r="HA33" s="97">
        <v>52</v>
      </c>
      <c r="HB33" s="99">
        <v>472</v>
      </c>
      <c r="HC33" s="100">
        <v>584</v>
      </c>
      <c r="HD33" s="101">
        <v>4</v>
      </c>
      <c r="HE33" s="102">
        <v>2</v>
      </c>
      <c r="HF33" s="103">
        <v>6</v>
      </c>
      <c r="HG33" s="416">
        <v>0</v>
      </c>
      <c r="HH33" s="102">
        <v>2</v>
      </c>
      <c r="HI33" s="102">
        <v>3</v>
      </c>
      <c r="HJ33" s="102">
        <v>1</v>
      </c>
      <c r="HK33" s="102">
        <v>4</v>
      </c>
      <c r="HL33" s="102">
        <v>3</v>
      </c>
      <c r="HM33" s="103">
        <v>13</v>
      </c>
      <c r="HN33" s="104">
        <v>19</v>
      </c>
      <c r="HO33" s="101">
        <v>11</v>
      </c>
      <c r="HP33" s="102">
        <v>3</v>
      </c>
      <c r="HQ33" s="103">
        <v>14</v>
      </c>
      <c r="HR33" s="413">
        <v>0</v>
      </c>
      <c r="HS33" s="102">
        <v>6</v>
      </c>
      <c r="HT33" s="102">
        <v>7</v>
      </c>
      <c r="HU33" s="102">
        <v>5</v>
      </c>
      <c r="HV33" s="102">
        <v>5</v>
      </c>
      <c r="HW33" s="102">
        <v>3</v>
      </c>
      <c r="HX33" s="103">
        <v>26</v>
      </c>
      <c r="HY33" s="104">
        <v>40</v>
      </c>
      <c r="HZ33" s="101">
        <v>10</v>
      </c>
      <c r="IA33" s="102">
        <v>6</v>
      </c>
      <c r="IB33" s="103">
        <v>16</v>
      </c>
      <c r="IC33" s="413">
        <v>0</v>
      </c>
      <c r="ID33" s="102">
        <v>10</v>
      </c>
      <c r="IE33" s="102">
        <v>12</v>
      </c>
      <c r="IF33" s="102">
        <v>12</v>
      </c>
      <c r="IG33" s="102">
        <v>10</v>
      </c>
      <c r="IH33" s="102">
        <v>4</v>
      </c>
      <c r="II33" s="103">
        <v>48</v>
      </c>
      <c r="IJ33" s="104">
        <v>64</v>
      </c>
      <c r="IK33" s="101">
        <v>21</v>
      </c>
      <c r="IL33" s="102">
        <v>9</v>
      </c>
      <c r="IM33" s="103">
        <v>30</v>
      </c>
      <c r="IN33" s="413">
        <v>0</v>
      </c>
      <c r="IO33" s="102">
        <v>41</v>
      </c>
      <c r="IP33" s="102">
        <v>19</v>
      </c>
      <c r="IQ33" s="102">
        <v>16</v>
      </c>
      <c r="IR33" s="102">
        <v>13</v>
      </c>
      <c r="IS33" s="102">
        <v>10</v>
      </c>
      <c r="IT33" s="103">
        <v>99</v>
      </c>
      <c r="IU33" s="104">
        <v>129</v>
      </c>
      <c r="IV33" s="101">
        <v>11</v>
      </c>
      <c r="IW33" s="102">
        <v>12</v>
      </c>
      <c r="IX33" s="103">
        <v>23</v>
      </c>
      <c r="IY33" s="413">
        <v>0</v>
      </c>
      <c r="IZ33" s="102">
        <v>35</v>
      </c>
      <c r="JA33" s="102">
        <v>24</v>
      </c>
      <c r="JB33" s="102">
        <v>18</v>
      </c>
      <c r="JC33" s="102">
        <v>22</v>
      </c>
      <c r="JD33" s="102">
        <v>10</v>
      </c>
      <c r="JE33" s="103">
        <v>109</v>
      </c>
      <c r="JF33" s="104">
        <v>132</v>
      </c>
      <c r="JG33" s="101">
        <v>9</v>
      </c>
      <c r="JH33" s="102">
        <v>14</v>
      </c>
      <c r="JI33" s="103">
        <v>23</v>
      </c>
      <c r="JJ33" s="413">
        <v>0</v>
      </c>
      <c r="JK33" s="102">
        <v>43</v>
      </c>
      <c r="JL33" s="102">
        <v>27</v>
      </c>
      <c r="JM33" s="102">
        <v>41</v>
      </c>
      <c r="JN33" s="102">
        <v>44</v>
      </c>
      <c r="JO33" s="102">
        <v>22</v>
      </c>
      <c r="JP33" s="103">
        <v>177</v>
      </c>
      <c r="JQ33" s="104">
        <v>200</v>
      </c>
      <c r="JR33" s="101">
        <v>1</v>
      </c>
      <c r="JS33" s="102">
        <v>3</v>
      </c>
      <c r="JT33" s="103">
        <v>4</v>
      </c>
      <c r="JU33" s="413">
        <v>0</v>
      </c>
      <c r="JV33" s="102">
        <v>2</v>
      </c>
      <c r="JW33" s="102">
        <v>4</v>
      </c>
      <c r="JX33" s="102">
        <v>1</v>
      </c>
      <c r="JY33" s="102">
        <v>2</v>
      </c>
      <c r="JZ33" s="102">
        <v>0</v>
      </c>
      <c r="KA33" s="103">
        <v>9</v>
      </c>
      <c r="KB33" s="104">
        <v>13</v>
      </c>
      <c r="KC33" s="101">
        <v>67</v>
      </c>
      <c r="KD33" s="102">
        <v>49</v>
      </c>
      <c r="KE33" s="103">
        <v>116</v>
      </c>
      <c r="KF33" s="413">
        <v>0</v>
      </c>
      <c r="KG33" s="102">
        <v>139</v>
      </c>
      <c r="KH33" s="102">
        <v>96</v>
      </c>
      <c r="KI33" s="102">
        <v>94</v>
      </c>
      <c r="KJ33" s="102">
        <v>100</v>
      </c>
      <c r="KK33" s="102">
        <v>52</v>
      </c>
      <c r="KL33" s="103">
        <v>481</v>
      </c>
      <c r="KM33" s="104">
        <v>597</v>
      </c>
    </row>
    <row r="34" spans="2:299" s="70" customFormat="1" ht="21" customHeight="1" x14ac:dyDescent="0.2">
      <c r="B34" s="106" t="s">
        <v>31</v>
      </c>
      <c r="C34" s="96">
        <v>20</v>
      </c>
      <c r="D34" s="97">
        <v>40</v>
      </c>
      <c r="E34" s="98">
        <v>60</v>
      </c>
      <c r="F34" s="413">
        <v>0</v>
      </c>
      <c r="G34" s="97">
        <v>59</v>
      </c>
      <c r="H34" s="97">
        <v>42</v>
      </c>
      <c r="I34" s="97">
        <v>46</v>
      </c>
      <c r="J34" s="97">
        <v>33</v>
      </c>
      <c r="K34" s="97">
        <v>14</v>
      </c>
      <c r="L34" s="99">
        <v>194</v>
      </c>
      <c r="M34" s="100">
        <v>254</v>
      </c>
      <c r="N34" s="101">
        <v>1</v>
      </c>
      <c r="O34" s="102">
        <v>3</v>
      </c>
      <c r="P34" s="103">
        <v>4</v>
      </c>
      <c r="Q34" s="413">
        <v>0</v>
      </c>
      <c r="R34" s="102">
        <v>0</v>
      </c>
      <c r="S34" s="102">
        <v>3</v>
      </c>
      <c r="T34" s="102">
        <v>4</v>
      </c>
      <c r="U34" s="102">
        <v>2</v>
      </c>
      <c r="V34" s="102">
        <v>1</v>
      </c>
      <c r="W34" s="103">
        <v>10</v>
      </c>
      <c r="X34" s="104">
        <v>14</v>
      </c>
      <c r="Y34" s="101">
        <v>2</v>
      </c>
      <c r="Z34" s="102">
        <v>4</v>
      </c>
      <c r="AA34" s="103">
        <v>6</v>
      </c>
      <c r="AB34" s="413">
        <v>0</v>
      </c>
      <c r="AC34" s="102">
        <v>8</v>
      </c>
      <c r="AD34" s="102">
        <v>4</v>
      </c>
      <c r="AE34" s="102">
        <v>8</v>
      </c>
      <c r="AF34" s="102">
        <v>5</v>
      </c>
      <c r="AG34" s="102">
        <v>2</v>
      </c>
      <c r="AH34" s="103">
        <v>27</v>
      </c>
      <c r="AI34" s="104">
        <v>33</v>
      </c>
      <c r="AJ34" s="101">
        <v>2</v>
      </c>
      <c r="AK34" s="102">
        <v>7</v>
      </c>
      <c r="AL34" s="103">
        <v>9</v>
      </c>
      <c r="AM34" s="413">
        <v>0</v>
      </c>
      <c r="AN34" s="102">
        <v>9</v>
      </c>
      <c r="AO34" s="102">
        <v>12</v>
      </c>
      <c r="AP34" s="102">
        <v>7</v>
      </c>
      <c r="AQ34" s="102">
        <v>5</v>
      </c>
      <c r="AR34" s="102">
        <v>5</v>
      </c>
      <c r="AS34" s="103">
        <v>38</v>
      </c>
      <c r="AT34" s="104">
        <v>47</v>
      </c>
      <c r="AU34" s="101">
        <v>4</v>
      </c>
      <c r="AV34" s="102">
        <v>11</v>
      </c>
      <c r="AW34" s="103">
        <v>15</v>
      </c>
      <c r="AX34" s="413">
        <v>0</v>
      </c>
      <c r="AY34" s="102">
        <v>13</v>
      </c>
      <c r="AZ34" s="102">
        <v>5</v>
      </c>
      <c r="BA34" s="102">
        <v>7</v>
      </c>
      <c r="BB34" s="102">
        <v>4</v>
      </c>
      <c r="BC34" s="102">
        <v>0</v>
      </c>
      <c r="BD34" s="103">
        <v>29</v>
      </c>
      <c r="BE34" s="104">
        <v>44</v>
      </c>
      <c r="BF34" s="101">
        <v>6</v>
      </c>
      <c r="BG34" s="102">
        <v>8</v>
      </c>
      <c r="BH34" s="103">
        <v>14</v>
      </c>
      <c r="BI34" s="413">
        <v>0</v>
      </c>
      <c r="BJ34" s="102">
        <v>18</v>
      </c>
      <c r="BK34" s="102">
        <v>11</v>
      </c>
      <c r="BL34" s="102">
        <v>8</v>
      </c>
      <c r="BM34" s="102">
        <v>9</v>
      </c>
      <c r="BN34" s="102">
        <v>3</v>
      </c>
      <c r="BO34" s="103">
        <v>49</v>
      </c>
      <c r="BP34" s="104">
        <v>63</v>
      </c>
      <c r="BQ34" s="101">
        <v>5</v>
      </c>
      <c r="BR34" s="102">
        <v>7</v>
      </c>
      <c r="BS34" s="103">
        <v>12</v>
      </c>
      <c r="BT34" s="413">
        <v>0</v>
      </c>
      <c r="BU34" s="102">
        <v>11</v>
      </c>
      <c r="BV34" s="102">
        <v>7</v>
      </c>
      <c r="BW34" s="102">
        <v>12</v>
      </c>
      <c r="BX34" s="102">
        <v>8</v>
      </c>
      <c r="BY34" s="102">
        <v>3</v>
      </c>
      <c r="BZ34" s="103">
        <v>41</v>
      </c>
      <c r="CA34" s="104">
        <v>53</v>
      </c>
      <c r="CB34" s="101">
        <v>0</v>
      </c>
      <c r="CC34" s="102">
        <v>3</v>
      </c>
      <c r="CD34" s="103">
        <v>3</v>
      </c>
      <c r="CE34" s="413">
        <v>0</v>
      </c>
      <c r="CF34" s="102">
        <v>1</v>
      </c>
      <c r="CG34" s="102">
        <v>1</v>
      </c>
      <c r="CH34" s="102">
        <v>0</v>
      </c>
      <c r="CI34" s="102">
        <v>1</v>
      </c>
      <c r="CJ34" s="102">
        <v>0</v>
      </c>
      <c r="CK34" s="103">
        <v>3</v>
      </c>
      <c r="CL34" s="104">
        <v>6</v>
      </c>
      <c r="CM34" s="101">
        <v>20</v>
      </c>
      <c r="CN34" s="102">
        <v>43</v>
      </c>
      <c r="CO34" s="103">
        <v>63</v>
      </c>
      <c r="CP34" s="413">
        <v>0</v>
      </c>
      <c r="CQ34" s="102">
        <v>60</v>
      </c>
      <c r="CR34" s="102">
        <v>43</v>
      </c>
      <c r="CS34" s="102">
        <v>46</v>
      </c>
      <c r="CT34" s="102">
        <v>34</v>
      </c>
      <c r="CU34" s="102">
        <v>14</v>
      </c>
      <c r="CV34" s="103">
        <v>197</v>
      </c>
      <c r="CW34" s="104">
        <v>260</v>
      </c>
      <c r="CX34" s="105">
        <v>55</v>
      </c>
      <c r="CY34" s="97">
        <v>88</v>
      </c>
      <c r="CZ34" s="98">
        <v>143</v>
      </c>
      <c r="DA34" s="413">
        <v>0</v>
      </c>
      <c r="DB34" s="97">
        <v>112</v>
      </c>
      <c r="DC34" s="97">
        <v>89</v>
      </c>
      <c r="DD34" s="97">
        <v>78</v>
      </c>
      <c r="DE34" s="97">
        <v>56</v>
      </c>
      <c r="DF34" s="97">
        <v>40</v>
      </c>
      <c r="DG34" s="99">
        <v>375</v>
      </c>
      <c r="DH34" s="100">
        <v>518</v>
      </c>
      <c r="DI34" s="101">
        <v>1</v>
      </c>
      <c r="DJ34" s="102">
        <v>0</v>
      </c>
      <c r="DK34" s="103">
        <v>1</v>
      </c>
      <c r="DL34" s="413">
        <v>0</v>
      </c>
      <c r="DM34" s="102">
        <v>1</v>
      </c>
      <c r="DN34" s="102">
        <v>2</v>
      </c>
      <c r="DO34" s="102">
        <v>0</v>
      </c>
      <c r="DP34" s="102">
        <v>1</v>
      </c>
      <c r="DQ34" s="102">
        <v>2</v>
      </c>
      <c r="DR34" s="103">
        <v>6</v>
      </c>
      <c r="DS34" s="104">
        <v>7</v>
      </c>
      <c r="DT34" s="101">
        <v>2</v>
      </c>
      <c r="DU34" s="102">
        <v>3</v>
      </c>
      <c r="DV34" s="103">
        <v>5</v>
      </c>
      <c r="DW34" s="413">
        <v>0</v>
      </c>
      <c r="DX34" s="102">
        <v>9</v>
      </c>
      <c r="DY34" s="102">
        <v>5</v>
      </c>
      <c r="DZ34" s="102">
        <v>6</v>
      </c>
      <c r="EA34" s="102">
        <v>2</v>
      </c>
      <c r="EB34" s="102">
        <v>4</v>
      </c>
      <c r="EC34" s="103">
        <v>26</v>
      </c>
      <c r="ED34" s="104">
        <v>31</v>
      </c>
      <c r="EE34" s="101">
        <v>7</v>
      </c>
      <c r="EF34" s="102">
        <v>8</v>
      </c>
      <c r="EG34" s="103">
        <v>15</v>
      </c>
      <c r="EH34" s="413">
        <v>0</v>
      </c>
      <c r="EI34" s="102">
        <v>14</v>
      </c>
      <c r="EJ34" s="102">
        <v>8</v>
      </c>
      <c r="EK34" s="102">
        <v>5</v>
      </c>
      <c r="EL34" s="102">
        <v>5</v>
      </c>
      <c r="EM34" s="102">
        <v>2</v>
      </c>
      <c r="EN34" s="103">
        <v>34</v>
      </c>
      <c r="EO34" s="104">
        <v>49</v>
      </c>
      <c r="EP34" s="101">
        <v>15</v>
      </c>
      <c r="EQ34" s="102">
        <v>32</v>
      </c>
      <c r="ER34" s="103">
        <v>47</v>
      </c>
      <c r="ES34" s="413">
        <v>0</v>
      </c>
      <c r="ET34" s="102">
        <v>15</v>
      </c>
      <c r="EU34" s="102">
        <v>15</v>
      </c>
      <c r="EV34" s="102">
        <v>16</v>
      </c>
      <c r="EW34" s="102">
        <v>5</v>
      </c>
      <c r="EX34" s="102">
        <v>3</v>
      </c>
      <c r="EY34" s="103">
        <v>54</v>
      </c>
      <c r="EZ34" s="104">
        <v>101</v>
      </c>
      <c r="FA34" s="101">
        <v>20</v>
      </c>
      <c r="FB34" s="102">
        <v>21</v>
      </c>
      <c r="FC34" s="103">
        <v>41</v>
      </c>
      <c r="FD34" s="413">
        <v>0</v>
      </c>
      <c r="FE34" s="102">
        <v>33</v>
      </c>
      <c r="FF34" s="102">
        <v>24</v>
      </c>
      <c r="FG34" s="102">
        <v>24</v>
      </c>
      <c r="FH34" s="102">
        <v>11</v>
      </c>
      <c r="FI34" s="102">
        <v>11</v>
      </c>
      <c r="FJ34" s="103">
        <v>103</v>
      </c>
      <c r="FK34" s="104">
        <v>144</v>
      </c>
      <c r="FL34" s="101">
        <v>10</v>
      </c>
      <c r="FM34" s="102">
        <v>24</v>
      </c>
      <c r="FN34" s="103">
        <v>34</v>
      </c>
      <c r="FO34" s="413">
        <v>0</v>
      </c>
      <c r="FP34" s="102">
        <v>40</v>
      </c>
      <c r="FQ34" s="102">
        <v>35</v>
      </c>
      <c r="FR34" s="102">
        <v>27</v>
      </c>
      <c r="FS34" s="102">
        <v>32</v>
      </c>
      <c r="FT34" s="102">
        <v>18</v>
      </c>
      <c r="FU34" s="103">
        <v>152</v>
      </c>
      <c r="FV34" s="104">
        <v>186</v>
      </c>
      <c r="FW34" s="101">
        <v>0</v>
      </c>
      <c r="FX34" s="102">
        <v>0</v>
      </c>
      <c r="FY34" s="103">
        <v>0</v>
      </c>
      <c r="FZ34" s="413">
        <v>0</v>
      </c>
      <c r="GA34" s="102">
        <v>1</v>
      </c>
      <c r="GB34" s="102">
        <v>0</v>
      </c>
      <c r="GC34" s="102">
        <v>0</v>
      </c>
      <c r="GD34" s="102">
        <v>1</v>
      </c>
      <c r="GE34" s="102">
        <v>2</v>
      </c>
      <c r="GF34" s="103">
        <v>4</v>
      </c>
      <c r="GG34" s="104">
        <v>4</v>
      </c>
      <c r="GH34" s="101">
        <v>55</v>
      </c>
      <c r="GI34" s="102">
        <v>88</v>
      </c>
      <c r="GJ34" s="103">
        <v>143</v>
      </c>
      <c r="GK34" s="413">
        <v>0</v>
      </c>
      <c r="GL34" s="102">
        <v>113</v>
      </c>
      <c r="GM34" s="102">
        <v>89</v>
      </c>
      <c r="GN34" s="102">
        <v>78</v>
      </c>
      <c r="GO34" s="102">
        <v>57</v>
      </c>
      <c r="GP34" s="102">
        <v>42</v>
      </c>
      <c r="GQ34" s="103">
        <v>379</v>
      </c>
      <c r="GR34" s="104">
        <v>522</v>
      </c>
      <c r="GS34" s="105">
        <v>75</v>
      </c>
      <c r="GT34" s="97">
        <v>128</v>
      </c>
      <c r="GU34" s="98">
        <v>203</v>
      </c>
      <c r="GV34" s="413">
        <v>0</v>
      </c>
      <c r="GW34" s="97">
        <v>171</v>
      </c>
      <c r="GX34" s="97">
        <v>131</v>
      </c>
      <c r="GY34" s="97">
        <v>124</v>
      </c>
      <c r="GZ34" s="97">
        <v>89</v>
      </c>
      <c r="HA34" s="97">
        <v>54</v>
      </c>
      <c r="HB34" s="99">
        <v>569</v>
      </c>
      <c r="HC34" s="100">
        <v>772</v>
      </c>
      <c r="HD34" s="101">
        <v>2</v>
      </c>
      <c r="HE34" s="102">
        <v>3</v>
      </c>
      <c r="HF34" s="103">
        <v>5</v>
      </c>
      <c r="HG34" s="416">
        <v>0</v>
      </c>
      <c r="HH34" s="102">
        <v>1</v>
      </c>
      <c r="HI34" s="102">
        <v>5</v>
      </c>
      <c r="HJ34" s="102">
        <v>4</v>
      </c>
      <c r="HK34" s="102">
        <v>3</v>
      </c>
      <c r="HL34" s="102">
        <v>3</v>
      </c>
      <c r="HM34" s="103">
        <v>16</v>
      </c>
      <c r="HN34" s="104">
        <v>21</v>
      </c>
      <c r="HO34" s="101">
        <v>4</v>
      </c>
      <c r="HP34" s="102">
        <v>7</v>
      </c>
      <c r="HQ34" s="103">
        <v>11</v>
      </c>
      <c r="HR34" s="413">
        <v>0</v>
      </c>
      <c r="HS34" s="102">
        <v>17</v>
      </c>
      <c r="HT34" s="102">
        <v>9</v>
      </c>
      <c r="HU34" s="102">
        <v>14</v>
      </c>
      <c r="HV34" s="102">
        <v>7</v>
      </c>
      <c r="HW34" s="102">
        <v>6</v>
      </c>
      <c r="HX34" s="103">
        <v>53</v>
      </c>
      <c r="HY34" s="104">
        <v>64</v>
      </c>
      <c r="HZ34" s="101">
        <v>9</v>
      </c>
      <c r="IA34" s="102">
        <v>15</v>
      </c>
      <c r="IB34" s="103">
        <v>24</v>
      </c>
      <c r="IC34" s="413">
        <v>0</v>
      </c>
      <c r="ID34" s="102">
        <v>23</v>
      </c>
      <c r="IE34" s="102">
        <v>20</v>
      </c>
      <c r="IF34" s="102">
        <v>12</v>
      </c>
      <c r="IG34" s="102">
        <v>10</v>
      </c>
      <c r="IH34" s="102">
        <v>7</v>
      </c>
      <c r="II34" s="103">
        <v>72</v>
      </c>
      <c r="IJ34" s="104">
        <v>96</v>
      </c>
      <c r="IK34" s="101">
        <v>19</v>
      </c>
      <c r="IL34" s="102">
        <v>43</v>
      </c>
      <c r="IM34" s="103">
        <v>62</v>
      </c>
      <c r="IN34" s="413">
        <v>0</v>
      </c>
      <c r="IO34" s="102">
        <v>28</v>
      </c>
      <c r="IP34" s="102">
        <v>20</v>
      </c>
      <c r="IQ34" s="102">
        <v>23</v>
      </c>
      <c r="IR34" s="102">
        <v>9</v>
      </c>
      <c r="IS34" s="102">
        <v>3</v>
      </c>
      <c r="IT34" s="103">
        <v>83</v>
      </c>
      <c r="IU34" s="104">
        <v>145</v>
      </c>
      <c r="IV34" s="101">
        <v>26</v>
      </c>
      <c r="IW34" s="102">
        <v>29</v>
      </c>
      <c r="IX34" s="103">
        <v>55</v>
      </c>
      <c r="IY34" s="413">
        <v>0</v>
      </c>
      <c r="IZ34" s="102">
        <v>51</v>
      </c>
      <c r="JA34" s="102">
        <v>35</v>
      </c>
      <c r="JB34" s="102">
        <v>32</v>
      </c>
      <c r="JC34" s="102">
        <v>20</v>
      </c>
      <c r="JD34" s="102">
        <v>14</v>
      </c>
      <c r="JE34" s="103">
        <v>152</v>
      </c>
      <c r="JF34" s="104">
        <v>207</v>
      </c>
      <c r="JG34" s="101">
        <v>15</v>
      </c>
      <c r="JH34" s="102">
        <v>31</v>
      </c>
      <c r="JI34" s="103">
        <v>46</v>
      </c>
      <c r="JJ34" s="413">
        <v>0</v>
      </c>
      <c r="JK34" s="102">
        <v>51</v>
      </c>
      <c r="JL34" s="102">
        <v>42</v>
      </c>
      <c r="JM34" s="102">
        <v>39</v>
      </c>
      <c r="JN34" s="102">
        <v>40</v>
      </c>
      <c r="JO34" s="102">
        <v>21</v>
      </c>
      <c r="JP34" s="103">
        <v>193</v>
      </c>
      <c r="JQ34" s="104">
        <v>239</v>
      </c>
      <c r="JR34" s="101">
        <v>0</v>
      </c>
      <c r="JS34" s="102">
        <v>3</v>
      </c>
      <c r="JT34" s="103">
        <v>3</v>
      </c>
      <c r="JU34" s="413">
        <v>0</v>
      </c>
      <c r="JV34" s="102">
        <v>2</v>
      </c>
      <c r="JW34" s="102">
        <v>1</v>
      </c>
      <c r="JX34" s="102">
        <v>0</v>
      </c>
      <c r="JY34" s="102">
        <v>2</v>
      </c>
      <c r="JZ34" s="102">
        <v>2</v>
      </c>
      <c r="KA34" s="103">
        <v>7</v>
      </c>
      <c r="KB34" s="104">
        <v>10</v>
      </c>
      <c r="KC34" s="101">
        <v>75</v>
      </c>
      <c r="KD34" s="102">
        <v>131</v>
      </c>
      <c r="KE34" s="103">
        <v>206</v>
      </c>
      <c r="KF34" s="413">
        <v>0</v>
      </c>
      <c r="KG34" s="102">
        <v>173</v>
      </c>
      <c r="KH34" s="102">
        <v>132</v>
      </c>
      <c r="KI34" s="102">
        <v>124</v>
      </c>
      <c r="KJ34" s="102">
        <v>91</v>
      </c>
      <c r="KK34" s="102">
        <v>56</v>
      </c>
      <c r="KL34" s="103">
        <v>576</v>
      </c>
      <c r="KM34" s="104">
        <v>782</v>
      </c>
    </row>
    <row r="35" spans="2:299" s="70" customFormat="1" ht="21" customHeight="1" x14ac:dyDescent="0.2">
      <c r="B35" s="106" t="s">
        <v>32</v>
      </c>
      <c r="C35" s="96">
        <v>30</v>
      </c>
      <c r="D35" s="97">
        <v>33</v>
      </c>
      <c r="E35" s="98">
        <v>63</v>
      </c>
      <c r="F35" s="413">
        <v>0</v>
      </c>
      <c r="G35" s="97">
        <v>79</v>
      </c>
      <c r="H35" s="97">
        <v>55</v>
      </c>
      <c r="I35" s="97">
        <v>28</v>
      </c>
      <c r="J35" s="97">
        <v>41</v>
      </c>
      <c r="K35" s="97">
        <v>29</v>
      </c>
      <c r="L35" s="99">
        <v>232</v>
      </c>
      <c r="M35" s="100">
        <v>295</v>
      </c>
      <c r="N35" s="101">
        <v>4</v>
      </c>
      <c r="O35" s="102">
        <v>0</v>
      </c>
      <c r="P35" s="103">
        <v>4</v>
      </c>
      <c r="Q35" s="413">
        <v>0</v>
      </c>
      <c r="R35" s="102">
        <v>3</v>
      </c>
      <c r="S35" s="102">
        <v>2</v>
      </c>
      <c r="T35" s="102">
        <v>4</v>
      </c>
      <c r="U35" s="102">
        <v>3</v>
      </c>
      <c r="V35" s="102">
        <v>0</v>
      </c>
      <c r="W35" s="103">
        <v>12</v>
      </c>
      <c r="X35" s="104">
        <v>16</v>
      </c>
      <c r="Y35" s="101">
        <v>2</v>
      </c>
      <c r="Z35" s="102">
        <v>2</v>
      </c>
      <c r="AA35" s="103">
        <v>4</v>
      </c>
      <c r="AB35" s="413">
        <v>0</v>
      </c>
      <c r="AC35" s="102">
        <v>9</v>
      </c>
      <c r="AD35" s="102">
        <v>5</v>
      </c>
      <c r="AE35" s="102">
        <v>3</v>
      </c>
      <c r="AF35" s="102">
        <v>4</v>
      </c>
      <c r="AG35" s="102">
        <v>3</v>
      </c>
      <c r="AH35" s="103">
        <v>24</v>
      </c>
      <c r="AI35" s="104">
        <v>28</v>
      </c>
      <c r="AJ35" s="101">
        <v>4</v>
      </c>
      <c r="AK35" s="102">
        <v>1</v>
      </c>
      <c r="AL35" s="103">
        <v>5</v>
      </c>
      <c r="AM35" s="413">
        <v>0</v>
      </c>
      <c r="AN35" s="102">
        <v>13</v>
      </c>
      <c r="AO35" s="102">
        <v>9</v>
      </c>
      <c r="AP35" s="102">
        <v>2</v>
      </c>
      <c r="AQ35" s="102">
        <v>3</v>
      </c>
      <c r="AR35" s="102">
        <v>5</v>
      </c>
      <c r="AS35" s="103">
        <v>32</v>
      </c>
      <c r="AT35" s="104">
        <v>37</v>
      </c>
      <c r="AU35" s="101">
        <v>11</v>
      </c>
      <c r="AV35" s="102">
        <v>15</v>
      </c>
      <c r="AW35" s="103">
        <v>26</v>
      </c>
      <c r="AX35" s="413">
        <v>0</v>
      </c>
      <c r="AY35" s="102">
        <v>20</v>
      </c>
      <c r="AZ35" s="102">
        <v>16</v>
      </c>
      <c r="BA35" s="102">
        <v>9</v>
      </c>
      <c r="BB35" s="102">
        <v>7</v>
      </c>
      <c r="BC35" s="102">
        <v>10</v>
      </c>
      <c r="BD35" s="103">
        <v>62</v>
      </c>
      <c r="BE35" s="104">
        <v>88</v>
      </c>
      <c r="BF35" s="101">
        <v>2</v>
      </c>
      <c r="BG35" s="102">
        <v>11</v>
      </c>
      <c r="BH35" s="103">
        <v>13</v>
      </c>
      <c r="BI35" s="413">
        <v>0</v>
      </c>
      <c r="BJ35" s="102">
        <v>21</v>
      </c>
      <c r="BK35" s="102">
        <v>12</v>
      </c>
      <c r="BL35" s="102">
        <v>8</v>
      </c>
      <c r="BM35" s="102">
        <v>16</v>
      </c>
      <c r="BN35" s="102">
        <v>6</v>
      </c>
      <c r="BO35" s="103">
        <v>63</v>
      </c>
      <c r="BP35" s="104">
        <v>76</v>
      </c>
      <c r="BQ35" s="101">
        <v>7</v>
      </c>
      <c r="BR35" s="102">
        <v>4</v>
      </c>
      <c r="BS35" s="103">
        <v>11</v>
      </c>
      <c r="BT35" s="413">
        <v>0</v>
      </c>
      <c r="BU35" s="102">
        <v>13</v>
      </c>
      <c r="BV35" s="102">
        <v>11</v>
      </c>
      <c r="BW35" s="102">
        <v>2</v>
      </c>
      <c r="BX35" s="102">
        <v>8</v>
      </c>
      <c r="BY35" s="102">
        <v>5</v>
      </c>
      <c r="BZ35" s="103">
        <v>39</v>
      </c>
      <c r="CA35" s="104">
        <v>50</v>
      </c>
      <c r="CB35" s="101">
        <v>0</v>
      </c>
      <c r="CC35" s="102">
        <v>2</v>
      </c>
      <c r="CD35" s="103">
        <v>2</v>
      </c>
      <c r="CE35" s="413">
        <v>0</v>
      </c>
      <c r="CF35" s="102">
        <v>2</v>
      </c>
      <c r="CG35" s="102">
        <v>4</v>
      </c>
      <c r="CH35" s="102">
        <v>0</v>
      </c>
      <c r="CI35" s="102">
        <v>2</v>
      </c>
      <c r="CJ35" s="102">
        <v>4</v>
      </c>
      <c r="CK35" s="103">
        <v>12</v>
      </c>
      <c r="CL35" s="104">
        <v>14</v>
      </c>
      <c r="CM35" s="101">
        <v>30</v>
      </c>
      <c r="CN35" s="102">
        <v>35</v>
      </c>
      <c r="CO35" s="103">
        <v>65</v>
      </c>
      <c r="CP35" s="413">
        <v>0</v>
      </c>
      <c r="CQ35" s="102">
        <v>81</v>
      </c>
      <c r="CR35" s="102">
        <v>59</v>
      </c>
      <c r="CS35" s="102">
        <v>28</v>
      </c>
      <c r="CT35" s="102">
        <v>43</v>
      </c>
      <c r="CU35" s="102">
        <v>33</v>
      </c>
      <c r="CV35" s="103">
        <v>244</v>
      </c>
      <c r="CW35" s="104">
        <v>309</v>
      </c>
      <c r="CX35" s="105">
        <v>54</v>
      </c>
      <c r="CY35" s="97">
        <v>78</v>
      </c>
      <c r="CZ35" s="98">
        <v>132</v>
      </c>
      <c r="DA35" s="413">
        <v>0</v>
      </c>
      <c r="DB35" s="97">
        <v>135</v>
      </c>
      <c r="DC35" s="97">
        <v>87</v>
      </c>
      <c r="DD35" s="97">
        <v>73</v>
      </c>
      <c r="DE35" s="97">
        <v>81</v>
      </c>
      <c r="DF35" s="97">
        <v>48</v>
      </c>
      <c r="DG35" s="99">
        <v>424</v>
      </c>
      <c r="DH35" s="100">
        <v>556</v>
      </c>
      <c r="DI35" s="101">
        <v>1</v>
      </c>
      <c r="DJ35" s="102">
        <v>3</v>
      </c>
      <c r="DK35" s="103">
        <v>4</v>
      </c>
      <c r="DL35" s="413">
        <v>0</v>
      </c>
      <c r="DM35" s="102">
        <v>1</v>
      </c>
      <c r="DN35" s="102">
        <v>2</v>
      </c>
      <c r="DO35" s="102">
        <v>1</v>
      </c>
      <c r="DP35" s="102">
        <v>0</v>
      </c>
      <c r="DQ35" s="102">
        <v>1</v>
      </c>
      <c r="DR35" s="103">
        <v>5</v>
      </c>
      <c r="DS35" s="104">
        <v>9</v>
      </c>
      <c r="DT35" s="101">
        <v>5</v>
      </c>
      <c r="DU35" s="102">
        <v>3</v>
      </c>
      <c r="DV35" s="103">
        <v>8</v>
      </c>
      <c r="DW35" s="413">
        <v>0</v>
      </c>
      <c r="DX35" s="102">
        <v>4</v>
      </c>
      <c r="DY35" s="102">
        <v>5</v>
      </c>
      <c r="DZ35" s="102">
        <v>2</v>
      </c>
      <c r="EA35" s="102">
        <v>4</v>
      </c>
      <c r="EB35" s="102">
        <v>3</v>
      </c>
      <c r="EC35" s="103">
        <v>18</v>
      </c>
      <c r="ED35" s="104">
        <v>26</v>
      </c>
      <c r="EE35" s="101">
        <v>6</v>
      </c>
      <c r="EF35" s="102">
        <v>7</v>
      </c>
      <c r="EG35" s="103">
        <v>13</v>
      </c>
      <c r="EH35" s="413">
        <v>0</v>
      </c>
      <c r="EI35" s="102">
        <v>22</v>
      </c>
      <c r="EJ35" s="102">
        <v>6</v>
      </c>
      <c r="EK35" s="102">
        <v>6</v>
      </c>
      <c r="EL35" s="102">
        <v>3</v>
      </c>
      <c r="EM35" s="102">
        <v>4</v>
      </c>
      <c r="EN35" s="103">
        <v>41</v>
      </c>
      <c r="EO35" s="104">
        <v>54</v>
      </c>
      <c r="EP35" s="101">
        <v>22</v>
      </c>
      <c r="EQ35" s="102">
        <v>21</v>
      </c>
      <c r="ER35" s="103">
        <v>43</v>
      </c>
      <c r="ES35" s="413">
        <v>0</v>
      </c>
      <c r="ET35" s="102">
        <v>35</v>
      </c>
      <c r="EU35" s="102">
        <v>24</v>
      </c>
      <c r="EV35" s="102">
        <v>15</v>
      </c>
      <c r="EW35" s="102">
        <v>14</v>
      </c>
      <c r="EX35" s="102">
        <v>10</v>
      </c>
      <c r="EY35" s="103">
        <v>98</v>
      </c>
      <c r="EZ35" s="104">
        <v>141</v>
      </c>
      <c r="FA35" s="101">
        <v>12</v>
      </c>
      <c r="FB35" s="102">
        <v>20</v>
      </c>
      <c r="FC35" s="103">
        <v>32</v>
      </c>
      <c r="FD35" s="413">
        <v>0</v>
      </c>
      <c r="FE35" s="102">
        <v>33</v>
      </c>
      <c r="FF35" s="102">
        <v>23</v>
      </c>
      <c r="FG35" s="102">
        <v>21</v>
      </c>
      <c r="FH35" s="102">
        <v>20</v>
      </c>
      <c r="FI35" s="102">
        <v>13</v>
      </c>
      <c r="FJ35" s="103">
        <v>110</v>
      </c>
      <c r="FK35" s="104">
        <v>142</v>
      </c>
      <c r="FL35" s="101">
        <v>8</v>
      </c>
      <c r="FM35" s="102">
        <v>24</v>
      </c>
      <c r="FN35" s="103">
        <v>32</v>
      </c>
      <c r="FO35" s="413">
        <v>0</v>
      </c>
      <c r="FP35" s="102">
        <v>40</v>
      </c>
      <c r="FQ35" s="102">
        <v>27</v>
      </c>
      <c r="FR35" s="102">
        <v>28</v>
      </c>
      <c r="FS35" s="102">
        <v>40</v>
      </c>
      <c r="FT35" s="102">
        <v>17</v>
      </c>
      <c r="FU35" s="103">
        <v>152</v>
      </c>
      <c r="FV35" s="104">
        <v>184</v>
      </c>
      <c r="FW35" s="101">
        <v>0</v>
      </c>
      <c r="FX35" s="102">
        <v>2</v>
      </c>
      <c r="FY35" s="103">
        <v>2</v>
      </c>
      <c r="FZ35" s="413">
        <v>0</v>
      </c>
      <c r="GA35" s="102">
        <v>1</v>
      </c>
      <c r="GB35" s="102">
        <v>4</v>
      </c>
      <c r="GC35" s="102">
        <v>0</v>
      </c>
      <c r="GD35" s="102">
        <v>0</v>
      </c>
      <c r="GE35" s="102">
        <v>0</v>
      </c>
      <c r="GF35" s="103">
        <v>5</v>
      </c>
      <c r="GG35" s="104">
        <v>7</v>
      </c>
      <c r="GH35" s="101">
        <v>54</v>
      </c>
      <c r="GI35" s="102">
        <v>80</v>
      </c>
      <c r="GJ35" s="103">
        <v>134</v>
      </c>
      <c r="GK35" s="413">
        <v>0</v>
      </c>
      <c r="GL35" s="102">
        <v>136</v>
      </c>
      <c r="GM35" s="102">
        <v>91</v>
      </c>
      <c r="GN35" s="102">
        <v>73</v>
      </c>
      <c r="GO35" s="102">
        <v>81</v>
      </c>
      <c r="GP35" s="102">
        <v>48</v>
      </c>
      <c r="GQ35" s="103">
        <v>429</v>
      </c>
      <c r="GR35" s="104">
        <v>563</v>
      </c>
      <c r="GS35" s="105">
        <v>84</v>
      </c>
      <c r="GT35" s="97">
        <v>111</v>
      </c>
      <c r="GU35" s="98">
        <v>195</v>
      </c>
      <c r="GV35" s="413">
        <v>0</v>
      </c>
      <c r="GW35" s="97">
        <v>214</v>
      </c>
      <c r="GX35" s="97">
        <v>142</v>
      </c>
      <c r="GY35" s="97">
        <v>101</v>
      </c>
      <c r="GZ35" s="97">
        <v>122</v>
      </c>
      <c r="HA35" s="97">
        <v>77</v>
      </c>
      <c r="HB35" s="99">
        <v>656</v>
      </c>
      <c r="HC35" s="100">
        <v>851</v>
      </c>
      <c r="HD35" s="101">
        <v>5</v>
      </c>
      <c r="HE35" s="102">
        <v>3</v>
      </c>
      <c r="HF35" s="103">
        <v>8</v>
      </c>
      <c r="HG35" s="416">
        <v>0</v>
      </c>
      <c r="HH35" s="102">
        <v>4</v>
      </c>
      <c r="HI35" s="102">
        <v>4</v>
      </c>
      <c r="HJ35" s="102">
        <v>5</v>
      </c>
      <c r="HK35" s="102">
        <v>3</v>
      </c>
      <c r="HL35" s="102">
        <v>1</v>
      </c>
      <c r="HM35" s="103">
        <v>17</v>
      </c>
      <c r="HN35" s="104">
        <v>25</v>
      </c>
      <c r="HO35" s="101">
        <v>7</v>
      </c>
      <c r="HP35" s="102">
        <v>5</v>
      </c>
      <c r="HQ35" s="103">
        <v>12</v>
      </c>
      <c r="HR35" s="413">
        <v>0</v>
      </c>
      <c r="HS35" s="102">
        <v>13</v>
      </c>
      <c r="HT35" s="102">
        <v>10</v>
      </c>
      <c r="HU35" s="102">
        <v>5</v>
      </c>
      <c r="HV35" s="102">
        <v>8</v>
      </c>
      <c r="HW35" s="102">
        <v>6</v>
      </c>
      <c r="HX35" s="103">
        <v>42</v>
      </c>
      <c r="HY35" s="104">
        <v>54</v>
      </c>
      <c r="HZ35" s="101">
        <v>10</v>
      </c>
      <c r="IA35" s="102">
        <v>8</v>
      </c>
      <c r="IB35" s="103">
        <v>18</v>
      </c>
      <c r="IC35" s="413">
        <v>0</v>
      </c>
      <c r="ID35" s="102">
        <v>35</v>
      </c>
      <c r="IE35" s="102">
        <v>15</v>
      </c>
      <c r="IF35" s="102">
        <v>8</v>
      </c>
      <c r="IG35" s="102">
        <v>6</v>
      </c>
      <c r="IH35" s="102">
        <v>9</v>
      </c>
      <c r="II35" s="103">
        <v>73</v>
      </c>
      <c r="IJ35" s="104">
        <v>91</v>
      </c>
      <c r="IK35" s="101">
        <v>33</v>
      </c>
      <c r="IL35" s="102">
        <v>36</v>
      </c>
      <c r="IM35" s="103">
        <v>69</v>
      </c>
      <c r="IN35" s="413">
        <v>0</v>
      </c>
      <c r="IO35" s="102">
        <v>55</v>
      </c>
      <c r="IP35" s="102">
        <v>40</v>
      </c>
      <c r="IQ35" s="102">
        <v>24</v>
      </c>
      <c r="IR35" s="102">
        <v>21</v>
      </c>
      <c r="IS35" s="102">
        <v>20</v>
      </c>
      <c r="IT35" s="103">
        <v>160</v>
      </c>
      <c r="IU35" s="104">
        <v>229</v>
      </c>
      <c r="IV35" s="101">
        <v>14</v>
      </c>
      <c r="IW35" s="102">
        <v>31</v>
      </c>
      <c r="IX35" s="103">
        <v>45</v>
      </c>
      <c r="IY35" s="413">
        <v>0</v>
      </c>
      <c r="IZ35" s="102">
        <v>54</v>
      </c>
      <c r="JA35" s="102">
        <v>35</v>
      </c>
      <c r="JB35" s="102">
        <v>29</v>
      </c>
      <c r="JC35" s="102">
        <v>36</v>
      </c>
      <c r="JD35" s="102">
        <v>19</v>
      </c>
      <c r="JE35" s="103">
        <v>173</v>
      </c>
      <c r="JF35" s="104">
        <v>218</v>
      </c>
      <c r="JG35" s="101">
        <v>15</v>
      </c>
      <c r="JH35" s="102">
        <v>28</v>
      </c>
      <c r="JI35" s="103">
        <v>43</v>
      </c>
      <c r="JJ35" s="413">
        <v>0</v>
      </c>
      <c r="JK35" s="102">
        <v>53</v>
      </c>
      <c r="JL35" s="102">
        <v>38</v>
      </c>
      <c r="JM35" s="102">
        <v>30</v>
      </c>
      <c r="JN35" s="102">
        <v>48</v>
      </c>
      <c r="JO35" s="102">
        <v>22</v>
      </c>
      <c r="JP35" s="103">
        <v>191</v>
      </c>
      <c r="JQ35" s="104">
        <v>234</v>
      </c>
      <c r="JR35" s="101">
        <v>0</v>
      </c>
      <c r="JS35" s="102">
        <v>4</v>
      </c>
      <c r="JT35" s="103">
        <v>4</v>
      </c>
      <c r="JU35" s="413">
        <v>0</v>
      </c>
      <c r="JV35" s="102">
        <v>3</v>
      </c>
      <c r="JW35" s="102">
        <v>8</v>
      </c>
      <c r="JX35" s="102">
        <v>0</v>
      </c>
      <c r="JY35" s="102">
        <v>2</v>
      </c>
      <c r="JZ35" s="102">
        <v>4</v>
      </c>
      <c r="KA35" s="103">
        <v>17</v>
      </c>
      <c r="KB35" s="104">
        <v>21</v>
      </c>
      <c r="KC35" s="101">
        <v>84</v>
      </c>
      <c r="KD35" s="102">
        <v>115</v>
      </c>
      <c r="KE35" s="103">
        <v>199</v>
      </c>
      <c r="KF35" s="413">
        <v>0</v>
      </c>
      <c r="KG35" s="102">
        <v>217</v>
      </c>
      <c r="KH35" s="102">
        <v>150</v>
      </c>
      <c r="KI35" s="102">
        <v>101</v>
      </c>
      <c r="KJ35" s="102">
        <v>124</v>
      </c>
      <c r="KK35" s="102">
        <v>81</v>
      </c>
      <c r="KL35" s="103">
        <v>673</v>
      </c>
      <c r="KM35" s="104">
        <v>872</v>
      </c>
    </row>
    <row r="36" spans="2:299" s="70" customFormat="1" ht="21" customHeight="1" x14ac:dyDescent="0.2">
      <c r="B36" s="106" t="s">
        <v>33</v>
      </c>
      <c r="C36" s="96">
        <v>28</v>
      </c>
      <c r="D36" s="97">
        <v>34</v>
      </c>
      <c r="E36" s="98">
        <v>62</v>
      </c>
      <c r="F36" s="413">
        <v>0</v>
      </c>
      <c r="G36" s="97">
        <v>62</v>
      </c>
      <c r="H36" s="97">
        <v>41</v>
      </c>
      <c r="I36" s="97">
        <v>46</v>
      </c>
      <c r="J36" s="97">
        <v>25</v>
      </c>
      <c r="K36" s="97">
        <v>20</v>
      </c>
      <c r="L36" s="99">
        <v>194</v>
      </c>
      <c r="M36" s="100">
        <v>256</v>
      </c>
      <c r="N36" s="101">
        <v>2</v>
      </c>
      <c r="O36" s="102">
        <v>0</v>
      </c>
      <c r="P36" s="103">
        <v>2</v>
      </c>
      <c r="Q36" s="413">
        <v>0</v>
      </c>
      <c r="R36" s="102">
        <v>5</v>
      </c>
      <c r="S36" s="102">
        <v>2</v>
      </c>
      <c r="T36" s="102">
        <v>3</v>
      </c>
      <c r="U36" s="102">
        <v>1</v>
      </c>
      <c r="V36" s="102">
        <v>0</v>
      </c>
      <c r="W36" s="103">
        <v>11</v>
      </c>
      <c r="X36" s="104">
        <v>13</v>
      </c>
      <c r="Y36" s="101">
        <v>1</v>
      </c>
      <c r="Z36" s="102">
        <v>4</v>
      </c>
      <c r="AA36" s="103">
        <v>5</v>
      </c>
      <c r="AB36" s="413">
        <v>0</v>
      </c>
      <c r="AC36" s="102">
        <v>7</v>
      </c>
      <c r="AD36" s="102">
        <v>5</v>
      </c>
      <c r="AE36" s="102">
        <v>8</v>
      </c>
      <c r="AF36" s="102">
        <v>5</v>
      </c>
      <c r="AG36" s="102">
        <v>2</v>
      </c>
      <c r="AH36" s="103">
        <v>27</v>
      </c>
      <c r="AI36" s="104">
        <v>32</v>
      </c>
      <c r="AJ36" s="101">
        <v>6</v>
      </c>
      <c r="AK36" s="102">
        <v>6</v>
      </c>
      <c r="AL36" s="103">
        <v>12</v>
      </c>
      <c r="AM36" s="413">
        <v>0</v>
      </c>
      <c r="AN36" s="102">
        <v>10</v>
      </c>
      <c r="AO36" s="102">
        <v>8</v>
      </c>
      <c r="AP36" s="102">
        <v>9</v>
      </c>
      <c r="AQ36" s="102">
        <v>4</v>
      </c>
      <c r="AR36" s="102">
        <v>4</v>
      </c>
      <c r="AS36" s="103">
        <v>35</v>
      </c>
      <c r="AT36" s="104">
        <v>47</v>
      </c>
      <c r="AU36" s="101">
        <v>12</v>
      </c>
      <c r="AV36" s="102">
        <v>11</v>
      </c>
      <c r="AW36" s="103">
        <v>23</v>
      </c>
      <c r="AX36" s="413">
        <v>0</v>
      </c>
      <c r="AY36" s="102">
        <v>19</v>
      </c>
      <c r="AZ36" s="102">
        <v>8</v>
      </c>
      <c r="BA36" s="102">
        <v>11</v>
      </c>
      <c r="BB36" s="102">
        <v>8</v>
      </c>
      <c r="BC36" s="102">
        <v>6</v>
      </c>
      <c r="BD36" s="103">
        <v>52</v>
      </c>
      <c r="BE36" s="104">
        <v>75</v>
      </c>
      <c r="BF36" s="101">
        <v>3</v>
      </c>
      <c r="BG36" s="102">
        <v>9</v>
      </c>
      <c r="BH36" s="103">
        <v>12</v>
      </c>
      <c r="BI36" s="413">
        <v>0</v>
      </c>
      <c r="BJ36" s="102">
        <v>11</v>
      </c>
      <c r="BK36" s="102">
        <v>8</v>
      </c>
      <c r="BL36" s="102">
        <v>8</v>
      </c>
      <c r="BM36" s="102">
        <v>5</v>
      </c>
      <c r="BN36" s="102">
        <v>5</v>
      </c>
      <c r="BO36" s="103">
        <v>37</v>
      </c>
      <c r="BP36" s="104">
        <v>49</v>
      </c>
      <c r="BQ36" s="101">
        <v>4</v>
      </c>
      <c r="BR36" s="102">
        <v>4</v>
      </c>
      <c r="BS36" s="103">
        <v>8</v>
      </c>
      <c r="BT36" s="413">
        <v>0</v>
      </c>
      <c r="BU36" s="102">
        <v>10</v>
      </c>
      <c r="BV36" s="102">
        <v>10</v>
      </c>
      <c r="BW36" s="102">
        <v>7</v>
      </c>
      <c r="BX36" s="102">
        <v>2</v>
      </c>
      <c r="BY36" s="102">
        <v>3</v>
      </c>
      <c r="BZ36" s="103">
        <v>32</v>
      </c>
      <c r="CA36" s="104">
        <v>40</v>
      </c>
      <c r="CB36" s="101">
        <v>1</v>
      </c>
      <c r="CC36" s="102">
        <v>0</v>
      </c>
      <c r="CD36" s="103">
        <v>1</v>
      </c>
      <c r="CE36" s="413">
        <v>0</v>
      </c>
      <c r="CF36" s="102">
        <v>0</v>
      </c>
      <c r="CG36" s="102">
        <v>2</v>
      </c>
      <c r="CH36" s="102">
        <v>0</v>
      </c>
      <c r="CI36" s="102">
        <v>0</v>
      </c>
      <c r="CJ36" s="102">
        <v>0</v>
      </c>
      <c r="CK36" s="103">
        <v>2</v>
      </c>
      <c r="CL36" s="104">
        <v>3</v>
      </c>
      <c r="CM36" s="101">
        <v>29</v>
      </c>
      <c r="CN36" s="102">
        <v>34</v>
      </c>
      <c r="CO36" s="103">
        <v>63</v>
      </c>
      <c r="CP36" s="413">
        <v>0</v>
      </c>
      <c r="CQ36" s="102">
        <v>62</v>
      </c>
      <c r="CR36" s="102">
        <v>43</v>
      </c>
      <c r="CS36" s="102">
        <v>46</v>
      </c>
      <c r="CT36" s="102">
        <v>25</v>
      </c>
      <c r="CU36" s="102">
        <v>20</v>
      </c>
      <c r="CV36" s="103">
        <v>196</v>
      </c>
      <c r="CW36" s="104">
        <v>259</v>
      </c>
      <c r="CX36" s="105">
        <v>40</v>
      </c>
      <c r="CY36" s="97">
        <v>61</v>
      </c>
      <c r="CZ36" s="98">
        <v>101</v>
      </c>
      <c r="DA36" s="413">
        <v>0</v>
      </c>
      <c r="DB36" s="97">
        <v>142</v>
      </c>
      <c r="DC36" s="97">
        <v>76</v>
      </c>
      <c r="DD36" s="97">
        <v>84</v>
      </c>
      <c r="DE36" s="97">
        <v>76</v>
      </c>
      <c r="DF36" s="97">
        <v>60</v>
      </c>
      <c r="DG36" s="99">
        <v>438</v>
      </c>
      <c r="DH36" s="100">
        <v>539</v>
      </c>
      <c r="DI36" s="101">
        <v>0</v>
      </c>
      <c r="DJ36" s="102">
        <v>1</v>
      </c>
      <c r="DK36" s="103">
        <v>1</v>
      </c>
      <c r="DL36" s="413">
        <v>0</v>
      </c>
      <c r="DM36" s="102">
        <v>3</v>
      </c>
      <c r="DN36" s="102">
        <v>0</v>
      </c>
      <c r="DO36" s="102">
        <v>1</v>
      </c>
      <c r="DP36" s="102">
        <v>2</v>
      </c>
      <c r="DQ36" s="102">
        <v>2</v>
      </c>
      <c r="DR36" s="103">
        <v>8</v>
      </c>
      <c r="DS36" s="104">
        <v>9</v>
      </c>
      <c r="DT36" s="101">
        <v>3</v>
      </c>
      <c r="DU36" s="102">
        <v>6</v>
      </c>
      <c r="DV36" s="103">
        <v>9</v>
      </c>
      <c r="DW36" s="413">
        <v>0</v>
      </c>
      <c r="DX36" s="102">
        <v>3</v>
      </c>
      <c r="DY36" s="102">
        <v>3</v>
      </c>
      <c r="DZ36" s="102">
        <v>1</v>
      </c>
      <c r="EA36" s="102">
        <v>3</v>
      </c>
      <c r="EB36" s="102">
        <v>1</v>
      </c>
      <c r="EC36" s="103">
        <v>11</v>
      </c>
      <c r="ED36" s="104">
        <v>20</v>
      </c>
      <c r="EE36" s="101">
        <v>6</v>
      </c>
      <c r="EF36" s="102">
        <v>10</v>
      </c>
      <c r="EG36" s="103">
        <v>16</v>
      </c>
      <c r="EH36" s="413">
        <v>0</v>
      </c>
      <c r="EI36" s="102">
        <v>12</v>
      </c>
      <c r="EJ36" s="102">
        <v>7</v>
      </c>
      <c r="EK36" s="102">
        <v>8</v>
      </c>
      <c r="EL36" s="102">
        <v>9</v>
      </c>
      <c r="EM36" s="102">
        <v>6</v>
      </c>
      <c r="EN36" s="103">
        <v>42</v>
      </c>
      <c r="EO36" s="104">
        <v>58</v>
      </c>
      <c r="EP36" s="101">
        <v>7</v>
      </c>
      <c r="EQ36" s="102">
        <v>16</v>
      </c>
      <c r="ER36" s="103">
        <v>23</v>
      </c>
      <c r="ES36" s="413">
        <v>0</v>
      </c>
      <c r="ET36" s="102">
        <v>31</v>
      </c>
      <c r="EU36" s="102">
        <v>12</v>
      </c>
      <c r="EV36" s="102">
        <v>15</v>
      </c>
      <c r="EW36" s="102">
        <v>13</v>
      </c>
      <c r="EX36" s="102">
        <v>11</v>
      </c>
      <c r="EY36" s="103">
        <v>82</v>
      </c>
      <c r="EZ36" s="104">
        <v>105</v>
      </c>
      <c r="FA36" s="101">
        <v>17</v>
      </c>
      <c r="FB36" s="102">
        <v>14</v>
      </c>
      <c r="FC36" s="103">
        <v>31</v>
      </c>
      <c r="FD36" s="413">
        <v>0</v>
      </c>
      <c r="FE36" s="102">
        <v>47</v>
      </c>
      <c r="FF36" s="102">
        <v>21</v>
      </c>
      <c r="FG36" s="102">
        <v>23</v>
      </c>
      <c r="FH36" s="102">
        <v>16</v>
      </c>
      <c r="FI36" s="102">
        <v>15</v>
      </c>
      <c r="FJ36" s="103">
        <v>122</v>
      </c>
      <c r="FK36" s="104">
        <v>153</v>
      </c>
      <c r="FL36" s="101">
        <v>7</v>
      </c>
      <c r="FM36" s="102">
        <v>14</v>
      </c>
      <c r="FN36" s="103">
        <v>21</v>
      </c>
      <c r="FO36" s="413">
        <v>0</v>
      </c>
      <c r="FP36" s="102">
        <v>46</v>
      </c>
      <c r="FQ36" s="102">
        <v>33</v>
      </c>
      <c r="FR36" s="102">
        <v>36</v>
      </c>
      <c r="FS36" s="102">
        <v>33</v>
      </c>
      <c r="FT36" s="102">
        <v>25</v>
      </c>
      <c r="FU36" s="103">
        <v>173</v>
      </c>
      <c r="FV36" s="104">
        <v>194</v>
      </c>
      <c r="FW36" s="101">
        <v>0</v>
      </c>
      <c r="FX36" s="102">
        <v>0</v>
      </c>
      <c r="FY36" s="103">
        <v>0</v>
      </c>
      <c r="FZ36" s="413">
        <v>0</v>
      </c>
      <c r="GA36" s="102">
        <v>1</v>
      </c>
      <c r="GB36" s="102">
        <v>0</v>
      </c>
      <c r="GC36" s="102">
        <v>0</v>
      </c>
      <c r="GD36" s="102">
        <v>1</v>
      </c>
      <c r="GE36" s="102">
        <v>1</v>
      </c>
      <c r="GF36" s="103">
        <v>3</v>
      </c>
      <c r="GG36" s="104">
        <v>3</v>
      </c>
      <c r="GH36" s="101">
        <v>40</v>
      </c>
      <c r="GI36" s="102">
        <v>61</v>
      </c>
      <c r="GJ36" s="103">
        <v>101</v>
      </c>
      <c r="GK36" s="413">
        <v>0</v>
      </c>
      <c r="GL36" s="102">
        <v>143</v>
      </c>
      <c r="GM36" s="102">
        <v>76</v>
      </c>
      <c r="GN36" s="102">
        <v>84</v>
      </c>
      <c r="GO36" s="102">
        <v>77</v>
      </c>
      <c r="GP36" s="102">
        <v>61</v>
      </c>
      <c r="GQ36" s="103">
        <v>441</v>
      </c>
      <c r="GR36" s="104">
        <v>542</v>
      </c>
      <c r="GS36" s="105">
        <v>68</v>
      </c>
      <c r="GT36" s="97">
        <v>95</v>
      </c>
      <c r="GU36" s="98">
        <v>163</v>
      </c>
      <c r="GV36" s="413">
        <v>0</v>
      </c>
      <c r="GW36" s="97">
        <v>204</v>
      </c>
      <c r="GX36" s="97">
        <v>117</v>
      </c>
      <c r="GY36" s="97">
        <v>130</v>
      </c>
      <c r="GZ36" s="97">
        <v>101</v>
      </c>
      <c r="HA36" s="97">
        <v>80</v>
      </c>
      <c r="HB36" s="99">
        <v>632</v>
      </c>
      <c r="HC36" s="100">
        <v>795</v>
      </c>
      <c r="HD36" s="101">
        <v>2</v>
      </c>
      <c r="HE36" s="102">
        <v>1</v>
      </c>
      <c r="HF36" s="103">
        <v>3</v>
      </c>
      <c r="HG36" s="416">
        <v>0</v>
      </c>
      <c r="HH36" s="102">
        <v>8</v>
      </c>
      <c r="HI36" s="102">
        <v>2</v>
      </c>
      <c r="HJ36" s="102">
        <v>4</v>
      </c>
      <c r="HK36" s="102">
        <v>3</v>
      </c>
      <c r="HL36" s="102">
        <v>2</v>
      </c>
      <c r="HM36" s="103">
        <v>19</v>
      </c>
      <c r="HN36" s="104">
        <v>22</v>
      </c>
      <c r="HO36" s="101">
        <v>4</v>
      </c>
      <c r="HP36" s="102">
        <v>10</v>
      </c>
      <c r="HQ36" s="103">
        <v>14</v>
      </c>
      <c r="HR36" s="413">
        <v>0</v>
      </c>
      <c r="HS36" s="102">
        <v>10</v>
      </c>
      <c r="HT36" s="102">
        <v>8</v>
      </c>
      <c r="HU36" s="102">
        <v>9</v>
      </c>
      <c r="HV36" s="102">
        <v>8</v>
      </c>
      <c r="HW36" s="102">
        <v>3</v>
      </c>
      <c r="HX36" s="103">
        <v>38</v>
      </c>
      <c r="HY36" s="104">
        <v>52</v>
      </c>
      <c r="HZ36" s="101">
        <v>12</v>
      </c>
      <c r="IA36" s="102">
        <v>16</v>
      </c>
      <c r="IB36" s="103">
        <v>28</v>
      </c>
      <c r="IC36" s="413">
        <v>0</v>
      </c>
      <c r="ID36" s="102">
        <v>22</v>
      </c>
      <c r="IE36" s="102">
        <v>15</v>
      </c>
      <c r="IF36" s="102">
        <v>17</v>
      </c>
      <c r="IG36" s="102">
        <v>13</v>
      </c>
      <c r="IH36" s="102">
        <v>10</v>
      </c>
      <c r="II36" s="103">
        <v>77</v>
      </c>
      <c r="IJ36" s="104">
        <v>105</v>
      </c>
      <c r="IK36" s="101">
        <v>19</v>
      </c>
      <c r="IL36" s="102">
        <v>27</v>
      </c>
      <c r="IM36" s="103">
        <v>46</v>
      </c>
      <c r="IN36" s="413">
        <v>0</v>
      </c>
      <c r="IO36" s="102">
        <v>50</v>
      </c>
      <c r="IP36" s="102">
        <v>20</v>
      </c>
      <c r="IQ36" s="102">
        <v>26</v>
      </c>
      <c r="IR36" s="102">
        <v>21</v>
      </c>
      <c r="IS36" s="102">
        <v>17</v>
      </c>
      <c r="IT36" s="103">
        <v>134</v>
      </c>
      <c r="IU36" s="104">
        <v>180</v>
      </c>
      <c r="IV36" s="101">
        <v>20</v>
      </c>
      <c r="IW36" s="102">
        <v>23</v>
      </c>
      <c r="IX36" s="103">
        <v>43</v>
      </c>
      <c r="IY36" s="413">
        <v>0</v>
      </c>
      <c r="IZ36" s="102">
        <v>58</v>
      </c>
      <c r="JA36" s="102">
        <v>29</v>
      </c>
      <c r="JB36" s="102">
        <v>31</v>
      </c>
      <c r="JC36" s="102">
        <v>21</v>
      </c>
      <c r="JD36" s="102">
        <v>20</v>
      </c>
      <c r="JE36" s="103">
        <v>159</v>
      </c>
      <c r="JF36" s="104">
        <v>202</v>
      </c>
      <c r="JG36" s="101">
        <v>11</v>
      </c>
      <c r="JH36" s="102">
        <v>18</v>
      </c>
      <c r="JI36" s="103">
        <v>29</v>
      </c>
      <c r="JJ36" s="413">
        <v>0</v>
      </c>
      <c r="JK36" s="102">
        <v>56</v>
      </c>
      <c r="JL36" s="102">
        <v>43</v>
      </c>
      <c r="JM36" s="102">
        <v>43</v>
      </c>
      <c r="JN36" s="102">
        <v>35</v>
      </c>
      <c r="JO36" s="102">
        <v>28</v>
      </c>
      <c r="JP36" s="103">
        <v>205</v>
      </c>
      <c r="JQ36" s="104">
        <v>234</v>
      </c>
      <c r="JR36" s="101">
        <v>1</v>
      </c>
      <c r="JS36" s="102">
        <v>0</v>
      </c>
      <c r="JT36" s="103">
        <v>1</v>
      </c>
      <c r="JU36" s="413">
        <v>0</v>
      </c>
      <c r="JV36" s="102">
        <v>1</v>
      </c>
      <c r="JW36" s="102">
        <v>2</v>
      </c>
      <c r="JX36" s="102">
        <v>0</v>
      </c>
      <c r="JY36" s="102">
        <v>1</v>
      </c>
      <c r="JZ36" s="102">
        <v>1</v>
      </c>
      <c r="KA36" s="103">
        <v>5</v>
      </c>
      <c r="KB36" s="104">
        <v>6</v>
      </c>
      <c r="KC36" s="101">
        <v>69</v>
      </c>
      <c r="KD36" s="102">
        <v>95</v>
      </c>
      <c r="KE36" s="103">
        <v>164</v>
      </c>
      <c r="KF36" s="413">
        <v>0</v>
      </c>
      <c r="KG36" s="102">
        <v>205</v>
      </c>
      <c r="KH36" s="102">
        <v>119</v>
      </c>
      <c r="KI36" s="102">
        <v>130</v>
      </c>
      <c r="KJ36" s="102">
        <v>102</v>
      </c>
      <c r="KK36" s="102">
        <v>81</v>
      </c>
      <c r="KL36" s="103">
        <v>637</v>
      </c>
      <c r="KM36" s="104">
        <v>801</v>
      </c>
    </row>
    <row r="37" spans="2:299" s="70" customFormat="1" ht="21" customHeight="1" x14ac:dyDescent="0.2">
      <c r="B37" s="106" t="s">
        <v>34</v>
      </c>
      <c r="C37" s="96">
        <v>17</v>
      </c>
      <c r="D37" s="97">
        <v>18</v>
      </c>
      <c r="E37" s="98">
        <v>35</v>
      </c>
      <c r="F37" s="413">
        <v>0</v>
      </c>
      <c r="G37" s="97">
        <v>49</v>
      </c>
      <c r="H37" s="97">
        <v>36</v>
      </c>
      <c r="I37" s="97">
        <v>16</v>
      </c>
      <c r="J37" s="97">
        <v>26</v>
      </c>
      <c r="K37" s="97">
        <v>9</v>
      </c>
      <c r="L37" s="99">
        <v>136</v>
      </c>
      <c r="M37" s="100">
        <v>171</v>
      </c>
      <c r="N37" s="101">
        <v>0</v>
      </c>
      <c r="O37" s="102">
        <v>1</v>
      </c>
      <c r="P37" s="103">
        <v>1</v>
      </c>
      <c r="Q37" s="413">
        <v>0</v>
      </c>
      <c r="R37" s="102">
        <v>4</v>
      </c>
      <c r="S37" s="102">
        <v>0</v>
      </c>
      <c r="T37" s="102">
        <v>2</v>
      </c>
      <c r="U37" s="102">
        <v>1</v>
      </c>
      <c r="V37" s="102">
        <v>1</v>
      </c>
      <c r="W37" s="103">
        <v>8</v>
      </c>
      <c r="X37" s="104">
        <v>9</v>
      </c>
      <c r="Y37" s="101">
        <v>2</v>
      </c>
      <c r="Z37" s="102">
        <v>3</v>
      </c>
      <c r="AA37" s="103">
        <v>5</v>
      </c>
      <c r="AB37" s="413">
        <v>0</v>
      </c>
      <c r="AC37" s="102">
        <v>5</v>
      </c>
      <c r="AD37" s="102">
        <v>2</v>
      </c>
      <c r="AE37" s="102">
        <v>1</v>
      </c>
      <c r="AF37" s="102">
        <v>0</v>
      </c>
      <c r="AG37" s="102">
        <v>0</v>
      </c>
      <c r="AH37" s="103">
        <v>8</v>
      </c>
      <c r="AI37" s="104">
        <v>13</v>
      </c>
      <c r="AJ37" s="101">
        <v>3</v>
      </c>
      <c r="AK37" s="102">
        <v>2</v>
      </c>
      <c r="AL37" s="103">
        <v>5</v>
      </c>
      <c r="AM37" s="413">
        <v>0</v>
      </c>
      <c r="AN37" s="102">
        <v>3</v>
      </c>
      <c r="AO37" s="102">
        <v>4</v>
      </c>
      <c r="AP37" s="102">
        <v>1</v>
      </c>
      <c r="AQ37" s="102">
        <v>8</v>
      </c>
      <c r="AR37" s="102">
        <v>1</v>
      </c>
      <c r="AS37" s="103">
        <v>17</v>
      </c>
      <c r="AT37" s="104">
        <v>22</v>
      </c>
      <c r="AU37" s="101">
        <v>6</v>
      </c>
      <c r="AV37" s="102">
        <v>6</v>
      </c>
      <c r="AW37" s="103">
        <v>12</v>
      </c>
      <c r="AX37" s="413">
        <v>0</v>
      </c>
      <c r="AY37" s="102">
        <v>15</v>
      </c>
      <c r="AZ37" s="102">
        <v>11</v>
      </c>
      <c r="BA37" s="102">
        <v>3</v>
      </c>
      <c r="BB37" s="102">
        <v>6</v>
      </c>
      <c r="BC37" s="102">
        <v>4</v>
      </c>
      <c r="BD37" s="103">
        <v>39</v>
      </c>
      <c r="BE37" s="104">
        <v>51</v>
      </c>
      <c r="BF37" s="101">
        <v>4</v>
      </c>
      <c r="BG37" s="102">
        <v>4</v>
      </c>
      <c r="BH37" s="103">
        <v>8</v>
      </c>
      <c r="BI37" s="413">
        <v>0</v>
      </c>
      <c r="BJ37" s="102">
        <v>10</v>
      </c>
      <c r="BK37" s="102">
        <v>9</v>
      </c>
      <c r="BL37" s="102">
        <v>5</v>
      </c>
      <c r="BM37" s="102">
        <v>8</v>
      </c>
      <c r="BN37" s="102">
        <v>2</v>
      </c>
      <c r="BO37" s="103">
        <v>34</v>
      </c>
      <c r="BP37" s="104">
        <v>42</v>
      </c>
      <c r="BQ37" s="101">
        <v>2</v>
      </c>
      <c r="BR37" s="102">
        <v>2</v>
      </c>
      <c r="BS37" s="103">
        <v>4</v>
      </c>
      <c r="BT37" s="413">
        <v>0</v>
      </c>
      <c r="BU37" s="102">
        <v>12</v>
      </c>
      <c r="BV37" s="102">
        <v>10</v>
      </c>
      <c r="BW37" s="102">
        <v>4</v>
      </c>
      <c r="BX37" s="102">
        <v>3</v>
      </c>
      <c r="BY37" s="102">
        <v>1</v>
      </c>
      <c r="BZ37" s="103">
        <v>30</v>
      </c>
      <c r="CA37" s="104">
        <v>34</v>
      </c>
      <c r="CB37" s="101">
        <v>0</v>
      </c>
      <c r="CC37" s="102">
        <v>0</v>
      </c>
      <c r="CD37" s="103">
        <v>0</v>
      </c>
      <c r="CE37" s="413">
        <v>0</v>
      </c>
      <c r="CF37" s="102">
        <v>1</v>
      </c>
      <c r="CG37" s="102">
        <v>2</v>
      </c>
      <c r="CH37" s="102">
        <v>0</v>
      </c>
      <c r="CI37" s="102">
        <v>1</v>
      </c>
      <c r="CJ37" s="102">
        <v>1</v>
      </c>
      <c r="CK37" s="103">
        <v>5</v>
      </c>
      <c r="CL37" s="104">
        <v>5</v>
      </c>
      <c r="CM37" s="101">
        <v>17</v>
      </c>
      <c r="CN37" s="102">
        <v>18</v>
      </c>
      <c r="CO37" s="103">
        <v>35</v>
      </c>
      <c r="CP37" s="413">
        <v>0</v>
      </c>
      <c r="CQ37" s="102">
        <v>50</v>
      </c>
      <c r="CR37" s="102">
        <v>38</v>
      </c>
      <c r="CS37" s="102">
        <v>16</v>
      </c>
      <c r="CT37" s="102">
        <v>27</v>
      </c>
      <c r="CU37" s="102">
        <v>10</v>
      </c>
      <c r="CV37" s="103">
        <v>141</v>
      </c>
      <c r="CW37" s="104">
        <v>176</v>
      </c>
      <c r="CX37" s="105">
        <v>42</v>
      </c>
      <c r="CY37" s="97">
        <v>42</v>
      </c>
      <c r="CZ37" s="98">
        <v>84</v>
      </c>
      <c r="DA37" s="413">
        <v>0</v>
      </c>
      <c r="DB37" s="97">
        <v>110</v>
      </c>
      <c r="DC37" s="97">
        <v>53</v>
      </c>
      <c r="DD37" s="97">
        <v>41</v>
      </c>
      <c r="DE37" s="97">
        <v>47</v>
      </c>
      <c r="DF37" s="97">
        <v>24</v>
      </c>
      <c r="DG37" s="99">
        <v>275</v>
      </c>
      <c r="DH37" s="100">
        <v>359</v>
      </c>
      <c r="DI37" s="101">
        <v>0</v>
      </c>
      <c r="DJ37" s="102">
        <v>2</v>
      </c>
      <c r="DK37" s="103">
        <v>2</v>
      </c>
      <c r="DL37" s="413">
        <v>0</v>
      </c>
      <c r="DM37" s="102">
        <v>1</v>
      </c>
      <c r="DN37" s="102">
        <v>0</v>
      </c>
      <c r="DO37" s="102">
        <v>1</v>
      </c>
      <c r="DP37" s="102">
        <v>0</v>
      </c>
      <c r="DQ37" s="102">
        <v>1</v>
      </c>
      <c r="DR37" s="103">
        <v>3</v>
      </c>
      <c r="DS37" s="104">
        <v>5</v>
      </c>
      <c r="DT37" s="101">
        <v>1</v>
      </c>
      <c r="DU37" s="102">
        <v>0</v>
      </c>
      <c r="DV37" s="103">
        <v>1</v>
      </c>
      <c r="DW37" s="413">
        <v>0</v>
      </c>
      <c r="DX37" s="102">
        <v>2</v>
      </c>
      <c r="DY37" s="102">
        <v>2</v>
      </c>
      <c r="DZ37" s="102">
        <v>2</v>
      </c>
      <c r="EA37" s="102">
        <v>2</v>
      </c>
      <c r="EB37" s="102">
        <v>2</v>
      </c>
      <c r="EC37" s="103">
        <v>10</v>
      </c>
      <c r="ED37" s="104">
        <v>11</v>
      </c>
      <c r="EE37" s="101">
        <v>7</v>
      </c>
      <c r="EF37" s="102">
        <v>5</v>
      </c>
      <c r="EG37" s="103">
        <v>12</v>
      </c>
      <c r="EH37" s="413">
        <v>0</v>
      </c>
      <c r="EI37" s="102">
        <v>13</v>
      </c>
      <c r="EJ37" s="102">
        <v>2</v>
      </c>
      <c r="EK37" s="102">
        <v>8</v>
      </c>
      <c r="EL37" s="102">
        <v>2</v>
      </c>
      <c r="EM37" s="102">
        <v>1</v>
      </c>
      <c r="EN37" s="103">
        <v>26</v>
      </c>
      <c r="EO37" s="104">
        <v>38</v>
      </c>
      <c r="EP37" s="101">
        <v>6</v>
      </c>
      <c r="EQ37" s="102">
        <v>6</v>
      </c>
      <c r="ER37" s="103">
        <v>12</v>
      </c>
      <c r="ES37" s="413">
        <v>0</v>
      </c>
      <c r="ET37" s="102">
        <v>24</v>
      </c>
      <c r="EU37" s="102">
        <v>11</v>
      </c>
      <c r="EV37" s="102">
        <v>10</v>
      </c>
      <c r="EW37" s="102">
        <v>4</v>
      </c>
      <c r="EX37" s="102">
        <v>5</v>
      </c>
      <c r="EY37" s="103">
        <v>54</v>
      </c>
      <c r="EZ37" s="104">
        <v>66</v>
      </c>
      <c r="FA37" s="101">
        <v>21</v>
      </c>
      <c r="FB37" s="102">
        <v>18</v>
      </c>
      <c r="FC37" s="103">
        <v>39</v>
      </c>
      <c r="FD37" s="413">
        <v>0</v>
      </c>
      <c r="FE37" s="102">
        <v>36</v>
      </c>
      <c r="FF37" s="102">
        <v>16</v>
      </c>
      <c r="FG37" s="102">
        <v>9</v>
      </c>
      <c r="FH37" s="102">
        <v>13</v>
      </c>
      <c r="FI37" s="102">
        <v>2</v>
      </c>
      <c r="FJ37" s="103">
        <v>76</v>
      </c>
      <c r="FK37" s="104">
        <v>115</v>
      </c>
      <c r="FL37" s="101">
        <v>7</v>
      </c>
      <c r="FM37" s="102">
        <v>11</v>
      </c>
      <c r="FN37" s="103">
        <v>18</v>
      </c>
      <c r="FO37" s="413">
        <v>0</v>
      </c>
      <c r="FP37" s="102">
        <v>34</v>
      </c>
      <c r="FQ37" s="102">
        <v>22</v>
      </c>
      <c r="FR37" s="102">
        <v>11</v>
      </c>
      <c r="FS37" s="102">
        <v>26</v>
      </c>
      <c r="FT37" s="102">
        <v>13</v>
      </c>
      <c r="FU37" s="103">
        <v>106</v>
      </c>
      <c r="FV37" s="104">
        <v>124</v>
      </c>
      <c r="FW37" s="101">
        <v>0</v>
      </c>
      <c r="FX37" s="102">
        <v>0</v>
      </c>
      <c r="FY37" s="103">
        <v>0</v>
      </c>
      <c r="FZ37" s="413">
        <v>0</v>
      </c>
      <c r="GA37" s="102">
        <v>1</v>
      </c>
      <c r="GB37" s="102">
        <v>1</v>
      </c>
      <c r="GC37" s="102">
        <v>1</v>
      </c>
      <c r="GD37" s="102">
        <v>0</v>
      </c>
      <c r="GE37" s="102">
        <v>1</v>
      </c>
      <c r="GF37" s="103">
        <v>4</v>
      </c>
      <c r="GG37" s="104">
        <v>4</v>
      </c>
      <c r="GH37" s="101">
        <v>42</v>
      </c>
      <c r="GI37" s="102">
        <v>42</v>
      </c>
      <c r="GJ37" s="103">
        <v>84</v>
      </c>
      <c r="GK37" s="413">
        <v>0</v>
      </c>
      <c r="GL37" s="102">
        <v>111</v>
      </c>
      <c r="GM37" s="102">
        <v>54</v>
      </c>
      <c r="GN37" s="102">
        <v>42</v>
      </c>
      <c r="GO37" s="102">
        <v>47</v>
      </c>
      <c r="GP37" s="102">
        <v>25</v>
      </c>
      <c r="GQ37" s="103">
        <v>279</v>
      </c>
      <c r="GR37" s="104">
        <v>363</v>
      </c>
      <c r="GS37" s="105">
        <v>59</v>
      </c>
      <c r="GT37" s="97">
        <v>60</v>
      </c>
      <c r="GU37" s="98">
        <v>119</v>
      </c>
      <c r="GV37" s="413">
        <v>0</v>
      </c>
      <c r="GW37" s="97">
        <v>159</v>
      </c>
      <c r="GX37" s="97">
        <v>89</v>
      </c>
      <c r="GY37" s="97">
        <v>57</v>
      </c>
      <c r="GZ37" s="97">
        <v>73</v>
      </c>
      <c r="HA37" s="97">
        <v>33</v>
      </c>
      <c r="HB37" s="99">
        <v>411</v>
      </c>
      <c r="HC37" s="100">
        <v>530</v>
      </c>
      <c r="HD37" s="101">
        <v>0</v>
      </c>
      <c r="HE37" s="102">
        <v>3</v>
      </c>
      <c r="HF37" s="103">
        <v>3</v>
      </c>
      <c r="HG37" s="416">
        <v>0</v>
      </c>
      <c r="HH37" s="102">
        <v>5</v>
      </c>
      <c r="HI37" s="102">
        <v>0</v>
      </c>
      <c r="HJ37" s="102">
        <v>3</v>
      </c>
      <c r="HK37" s="102">
        <v>1</v>
      </c>
      <c r="HL37" s="102">
        <v>2</v>
      </c>
      <c r="HM37" s="103">
        <v>11</v>
      </c>
      <c r="HN37" s="104">
        <v>14</v>
      </c>
      <c r="HO37" s="101">
        <v>3</v>
      </c>
      <c r="HP37" s="102">
        <v>3</v>
      </c>
      <c r="HQ37" s="103">
        <v>6</v>
      </c>
      <c r="HR37" s="413">
        <v>0</v>
      </c>
      <c r="HS37" s="102">
        <v>7</v>
      </c>
      <c r="HT37" s="102">
        <v>4</v>
      </c>
      <c r="HU37" s="102">
        <v>3</v>
      </c>
      <c r="HV37" s="102">
        <v>2</v>
      </c>
      <c r="HW37" s="102">
        <v>2</v>
      </c>
      <c r="HX37" s="103">
        <v>18</v>
      </c>
      <c r="HY37" s="104">
        <v>24</v>
      </c>
      <c r="HZ37" s="101">
        <v>10</v>
      </c>
      <c r="IA37" s="102">
        <v>7</v>
      </c>
      <c r="IB37" s="103">
        <v>17</v>
      </c>
      <c r="IC37" s="413">
        <v>0</v>
      </c>
      <c r="ID37" s="102">
        <v>16</v>
      </c>
      <c r="IE37" s="102">
        <v>6</v>
      </c>
      <c r="IF37" s="102">
        <v>9</v>
      </c>
      <c r="IG37" s="102">
        <v>10</v>
      </c>
      <c r="IH37" s="102">
        <v>2</v>
      </c>
      <c r="II37" s="103">
        <v>43</v>
      </c>
      <c r="IJ37" s="104">
        <v>60</v>
      </c>
      <c r="IK37" s="101">
        <v>12</v>
      </c>
      <c r="IL37" s="102">
        <v>12</v>
      </c>
      <c r="IM37" s="103">
        <v>24</v>
      </c>
      <c r="IN37" s="413">
        <v>0</v>
      </c>
      <c r="IO37" s="102">
        <v>39</v>
      </c>
      <c r="IP37" s="102">
        <v>22</v>
      </c>
      <c r="IQ37" s="102">
        <v>13</v>
      </c>
      <c r="IR37" s="102">
        <v>10</v>
      </c>
      <c r="IS37" s="102">
        <v>9</v>
      </c>
      <c r="IT37" s="103">
        <v>93</v>
      </c>
      <c r="IU37" s="104">
        <v>117</v>
      </c>
      <c r="IV37" s="101">
        <v>25</v>
      </c>
      <c r="IW37" s="102">
        <v>22</v>
      </c>
      <c r="IX37" s="103">
        <v>47</v>
      </c>
      <c r="IY37" s="413">
        <v>0</v>
      </c>
      <c r="IZ37" s="102">
        <v>46</v>
      </c>
      <c r="JA37" s="102">
        <v>25</v>
      </c>
      <c r="JB37" s="102">
        <v>14</v>
      </c>
      <c r="JC37" s="102">
        <v>21</v>
      </c>
      <c r="JD37" s="102">
        <v>4</v>
      </c>
      <c r="JE37" s="103">
        <v>110</v>
      </c>
      <c r="JF37" s="104">
        <v>157</v>
      </c>
      <c r="JG37" s="101">
        <v>9</v>
      </c>
      <c r="JH37" s="102">
        <v>13</v>
      </c>
      <c r="JI37" s="103">
        <v>22</v>
      </c>
      <c r="JJ37" s="413">
        <v>0</v>
      </c>
      <c r="JK37" s="102">
        <v>46</v>
      </c>
      <c r="JL37" s="102">
        <v>32</v>
      </c>
      <c r="JM37" s="102">
        <v>15</v>
      </c>
      <c r="JN37" s="102">
        <v>29</v>
      </c>
      <c r="JO37" s="102">
        <v>14</v>
      </c>
      <c r="JP37" s="103">
        <v>136</v>
      </c>
      <c r="JQ37" s="104">
        <v>158</v>
      </c>
      <c r="JR37" s="101">
        <v>0</v>
      </c>
      <c r="JS37" s="102">
        <v>0</v>
      </c>
      <c r="JT37" s="103">
        <v>0</v>
      </c>
      <c r="JU37" s="413">
        <v>0</v>
      </c>
      <c r="JV37" s="102">
        <v>2</v>
      </c>
      <c r="JW37" s="102">
        <v>3</v>
      </c>
      <c r="JX37" s="102">
        <v>1</v>
      </c>
      <c r="JY37" s="102">
        <v>1</v>
      </c>
      <c r="JZ37" s="102">
        <v>2</v>
      </c>
      <c r="KA37" s="103">
        <v>9</v>
      </c>
      <c r="KB37" s="104">
        <v>9</v>
      </c>
      <c r="KC37" s="101">
        <v>59</v>
      </c>
      <c r="KD37" s="102">
        <v>60</v>
      </c>
      <c r="KE37" s="103">
        <v>119</v>
      </c>
      <c r="KF37" s="413">
        <v>0</v>
      </c>
      <c r="KG37" s="102">
        <v>161</v>
      </c>
      <c r="KH37" s="102">
        <v>92</v>
      </c>
      <c r="KI37" s="102">
        <v>58</v>
      </c>
      <c r="KJ37" s="102">
        <v>74</v>
      </c>
      <c r="KK37" s="102">
        <v>35</v>
      </c>
      <c r="KL37" s="103">
        <v>420</v>
      </c>
      <c r="KM37" s="104">
        <v>539</v>
      </c>
    </row>
    <row r="38" spans="2:299" s="70" customFormat="1" ht="21" customHeight="1" x14ac:dyDescent="0.2">
      <c r="B38" s="106" t="s">
        <v>35</v>
      </c>
      <c r="C38" s="96">
        <v>63</v>
      </c>
      <c r="D38" s="97">
        <v>59</v>
      </c>
      <c r="E38" s="98">
        <v>122</v>
      </c>
      <c r="F38" s="413">
        <v>0</v>
      </c>
      <c r="G38" s="97">
        <v>152</v>
      </c>
      <c r="H38" s="97">
        <v>82</v>
      </c>
      <c r="I38" s="97">
        <v>58</v>
      </c>
      <c r="J38" s="97">
        <v>56</v>
      </c>
      <c r="K38" s="97">
        <v>29</v>
      </c>
      <c r="L38" s="99">
        <v>377</v>
      </c>
      <c r="M38" s="100">
        <v>499</v>
      </c>
      <c r="N38" s="101">
        <v>3</v>
      </c>
      <c r="O38" s="102">
        <v>3</v>
      </c>
      <c r="P38" s="103">
        <v>6</v>
      </c>
      <c r="Q38" s="413">
        <v>0</v>
      </c>
      <c r="R38" s="102">
        <v>14</v>
      </c>
      <c r="S38" s="102">
        <v>6</v>
      </c>
      <c r="T38" s="102">
        <v>5</v>
      </c>
      <c r="U38" s="102">
        <v>3</v>
      </c>
      <c r="V38" s="102">
        <v>3</v>
      </c>
      <c r="W38" s="103">
        <v>31</v>
      </c>
      <c r="X38" s="104">
        <v>37</v>
      </c>
      <c r="Y38" s="101">
        <v>3</v>
      </c>
      <c r="Z38" s="102">
        <v>3</v>
      </c>
      <c r="AA38" s="103">
        <v>6</v>
      </c>
      <c r="AB38" s="413">
        <v>0</v>
      </c>
      <c r="AC38" s="102">
        <v>11</v>
      </c>
      <c r="AD38" s="102">
        <v>5</v>
      </c>
      <c r="AE38" s="102">
        <v>7</v>
      </c>
      <c r="AF38" s="102">
        <v>2</v>
      </c>
      <c r="AG38" s="102">
        <v>3</v>
      </c>
      <c r="AH38" s="103">
        <v>28</v>
      </c>
      <c r="AI38" s="104">
        <v>34</v>
      </c>
      <c r="AJ38" s="101">
        <v>11</v>
      </c>
      <c r="AK38" s="102">
        <v>12</v>
      </c>
      <c r="AL38" s="103">
        <v>23</v>
      </c>
      <c r="AM38" s="413">
        <v>0</v>
      </c>
      <c r="AN38" s="102">
        <v>23</v>
      </c>
      <c r="AO38" s="102">
        <v>10</v>
      </c>
      <c r="AP38" s="102">
        <v>11</v>
      </c>
      <c r="AQ38" s="102">
        <v>12</v>
      </c>
      <c r="AR38" s="102">
        <v>6</v>
      </c>
      <c r="AS38" s="103">
        <v>62</v>
      </c>
      <c r="AT38" s="104">
        <v>85</v>
      </c>
      <c r="AU38" s="101">
        <v>20</v>
      </c>
      <c r="AV38" s="102">
        <v>21</v>
      </c>
      <c r="AW38" s="103">
        <v>41</v>
      </c>
      <c r="AX38" s="413">
        <v>0</v>
      </c>
      <c r="AY38" s="102">
        <v>45</v>
      </c>
      <c r="AZ38" s="102">
        <v>21</v>
      </c>
      <c r="BA38" s="102">
        <v>10</v>
      </c>
      <c r="BB38" s="102">
        <v>14</v>
      </c>
      <c r="BC38" s="102">
        <v>5</v>
      </c>
      <c r="BD38" s="103">
        <v>95</v>
      </c>
      <c r="BE38" s="104">
        <v>136</v>
      </c>
      <c r="BF38" s="101">
        <v>13</v>
      </c>
      <c r="BG38" s="102">
        <v>14</v>
      </c>
      <c r="BH38" s="103">
        <v>27</v>
      </c>
      <c r="BI38" s="413">
        <v>0</v>
      </c>
      <c r="BJ38" s="102">
        <v>36</v>
      </c>
      <c r="BK38" s="102">
        <v>22</v>
      </c>
      <c r="BL38" s="102">
        <v>12</v>
      </c>
      <c r="BM38" s="102">
        <v>9</v>
      </c>
      <c r="BN38" s="102">
        <v>6</v>
      </c>
      <c r="BO38" s="103">
        <v>85</v>
      </c>
      <c r="BP38" s="104">
        <v>112</v>
      </c>
      <c r="BQ38" s="101">
        <v>13</v>
      </c>
      <c r="BR38" s="102">
        <v>6</v>
      </c>
      <c r="BS38" s="103">
        <v>19</v>
      </c>
      <c r="BT38" s="413">
        <v>0</v>
      </c>
      <c r="BU38" s="102">
        <v>23</v>
      </c>
      <c r="BV38" s="102">
        <v>18</v>
      </c>
      <c r="BW38" s="102">
        <v>13</v>
      </c>
      <c r="BX38" s="102">
        <v>16</v>
      </c>
      <c r="BY38" s="102">
        <v>6</v>
      </c>
      <c r="BZ38" s="103">
        <v>76</v>
      </c>
      <c r="CA38" s="104">
        <v>95</v>
      </c>
      <c r="CB38" s="101">
        <v>2</v>
      </c>
      <c r="CC38" s="102">
        <v>1</v>
      </c>
      <c r="CD38" s="103">
        <v>3</v>
      </c>
      <c r="CE38" s="413">
        <v>0</v>
      </c>
      <c r="CF38" s="102">
        <v>5</v>
      </c>
      <c r="CG38" s="102">
        <v>2</v>
      </c>
      <c r="CH38" s="102">
        <v>1</v>
      </c>
      <c r="CI38" s="102">
        <v>3</v>
      </c>
      <c r="CJ38" s="102">
        <v>1</v>
      </c>
      <c r="CK38" s="103">
        <v>12</v>
      </c>
      <c r="CL38" s="104">
        <v>15</v>
      </c>
      <c r="CM38" s="101">
        <v>65</v>
      </c>
      <c r="CN38" s="102">
        <v>60</v>
      </c>
      <c r="CO38" s="103">
        <v>125</v>
      </c>
      <c r="CP38" s="413">
        <v>0</v>
      </c>
      <c r="CQ38" s="102">
        <v>157</v>
      </c>
      <c r="CR38" s="102">
        <v>84</v>
      </c>
      <c r="CS38" s="102">
        <v>59</v>
      </c>
      <c r="CT38" s="102">
        <v>59</v>
      </c>
      <c r="CU38" s="102">
        <v>30</v>
      </c>
      <c r="CV38" s="103">
        <v>389</v>
      </c>
      <c r="CW38" s="104">
        <v>514</v>
      </c>
      <c r="CX38" s="105">
        <v>148</v>
      </c>
      <c r="CY38" s="97">
        <v>177</v>
      </c>
      <c r="CZ38" s="98">
        <v>325</v>
      </c>
      <c r="DA38" s="413">
        <v>0</v>
      </c>
      <c r="DB38" s="97">
        <v>311</v>
      </c>
      <c r="DC38" s="97">
        <v>169</v>
      </c>
      <c r="DD38" s="97">
        <v>157</v>
      </c>
      <c r="DE38" s="97">
        <v>152</v>
      </c>
      <c r="DF38" s="97">
        <v>107</v>
      </c>
      <c r="DG38" s="99">
        <v>896</v>
      </c>
      <c r="DH38" s="100">
        <v>1221</v>
      </c>
      <c r="DI38" s="101">
        <v>2</v>
      </c>
      <c r="DJ38" s="102">
        <v>5</v>
      </c>
      <c r="DK38" s="103">
        <v>7</v>
      </c>
      <c r="DL38" s="413">
        <v>0</v>
      </c>
      <c r="DM38" s="102">
        <v>5</v>
      </c>
      <c r="DN38" s="102">
        <v>4</v>
      </c>
      <c r="DO38" s="102">
        <v>3</v>
      </c>
      <c r="DP38" s="102">
        <v>3</v>
      </c>
      <c r="DQ38" s="102">
        <v>2</v>
      </c>
      <c r="DR38" s="103">
        <v>17</v>
      </c>
      <c r="DS38" s="104">
        <v>24</v>
      </c>
      <c r="DT38" s="101">
        <v>15</v>
      </c>
      <c r="DU38" s="102">
        <v>9</v>
      </c>
      <c r="DV38" s="103">
        <v>24</v>
      </c>
      <c r="DW38" s="413">
        <v>0</v>
      </c>
      <c r="DX38" s="102">
        <v>11</v>
      </c>
      <c r="DY38" s="102">
        <v>8</v>
      </c>
      <c r="DZ38" s="102">
        <v>7</v>
      </c>
      <c r="EA38" s="102">
        <v>8</v>
      </c>
      <c r="EB38" s="102">
        <v>4</v>
      </c>
      <c r="EC38" s="103">
        <v>38</v>
      </c>
      <c r="ED38" s="104">
        <v>62</v>
      </c>
      <c r="EE38" s="101">
        <v>23</v>
      </c>
      <c r="EF38" s="102">
        <v>31</v>
      </c>
      <c r="EG38" s="103">
        <v>54</v>
      </c>
      <c r="EH38" s="413">
        <v>0</v>
      </c>
      <c r="EI38" s="102">
        <v>30</v>
      </c>
      <c r="EJ38" s="102">
        <v>14</v>
      </c>
      <c r="EK38" s="102">
        <v>6</v>
      </c>
      <c r="EL38" s="102">
        <v>5</v>
      </c>
      <c r="EM38" s="102">
        <v>11</v>
      </c>
      <c r="EN38" s="103">
        <v>66</v>
      </c>
      <c r="EO38" s="104">
        <v>120</v>
      </c>
      <c r="EP38" s="101">
        <v>46</v>
      </c>
      <c r="EQ38" s="102">
        <v>42</v>
      </c>
      <c r="ER38" s="103">
        <v>88</v>
      </c>
      <c r="ES38" s="413">
        <v>0</v>
      </c>
      <c r="ET38" s="102">
        <v>66</v>
      </c>
      <c r="EU38" s="102">
        <v>37</v>
      </c>
      <c r="EV38" s="102">
        <v>32</v>
      </c>
      <c r="EW38" s="102">
        <v>21</v>
      </c>
      <c r="EX38" s="102">
        <v>19</v>
      </c>
      <c r="EY38" s="103">
        <v>175</v>
      </c>
      <c r="EZ38" s="104">
        <v>263</v>
      </c>
      <c r="FA38" s="101">
        <v>39</v>
      </c>
      <c r="FB38" s="102">
        <v>59</v>
      </c>
      <c r="FC38" s="103">
        <v>98</v>
      </c>
      <c r="FD38" s="413">
        <v>0</v>
      </c>
      <c r="FE38" s="102">
        <v>106</v>
      </c>
      <c r="FF38" s="102">
        <v>37</v>
      </c>
      <c r="FG38" s="102">
        <v>41</v>
      </c>
      <c r="FH38" s="102">
        <v>46</v>
      </c>
      <c r="FI38" s="102">
        <v>28</v>
      </c>
      <c r="FJ38" s="103">
        <v>258</v>
      </c>
      <c r="FK38" s="104">
        <v>356</v>
      </c>
      <c r="FL38" s="101">
        <v>23</v>
      </c>
      <c r="FM38" s="102">
        <v>31</v>
      </c>
      <c r="FN38" s="103">
        <v>54</v>
      </c>
      <c r="FO38" s="413">
        <v>0</v>
      </c>
      <c r="FP38" s="102">
        <v>93</v>
      </c>
      <c r="FQ38" s="102">
        <v>69</v>
      </c>
      <c r="FR38" s="102">
        <v>68</v>
      </c>
      <c r="FS38" s="102">
        <v>69</v>
      </c>
      <c r="FT38" s="102">
        <v>43</v>
      </c>
      <c r="FU38" s="103">
        <v>342</v>
      </c>
      <c r="FV38" s="104">
        <v>396</v>
      </c>
      <c r="FW38" s="101">
        <v>0</v>
      </c>
      <c r="FX38" s="102">
        <v>1</v>
      </c>
      <c r="FY38" s="103">
        <v>1</v>
      </c>
      <c r="FZ38" s="413">
        <v>0</v>
      </c>
      <c r="GA38" s="102">
        <v>2</v>
      </c>
      <c r="GB38" s="102">
        <v>3</v>
      </c>
      <c r="GC38" s="102">
        <v>0</v>
      </c>
      <c r="GD38" s="102">
        <v>1</v>
      </c>
      <c r="GE38" s="102">
        <v>1</v>
      </c>
      <c r="GF38" s="103">
        <v>7</v>
      </c>
      <c r="GG38" s="104">
        <v>8</v>
      </c>
      <c r="GH38" s="101">
        <v>148</v>
      </c>
      <c r="GI38" s="102">
        <v>178</v>
      </c>
      <c r="GJ38" s="103">
        <v>326</v>
      </c>
      <c r="GK38" s="413">
        <v>0</v>
      </c>
      <c r="GL38" s="102">
        <v>313</v>
      </c>
      <c r="GM38" s="102">
        <v>172</v>
      </c>
      <c r="GN38" s="102">
        <v>157</v>
      </c>
      <c r="GO38" s="102">
        <v>153</v>
      </c>
      <c r="GP38" s="102">
        <v>108</v>
      </c>
      <c r="GQ38" s="103">
        <v>903</v>
      </c>
      <c r="GR38" s="104">
        <v>1229</v>
      </c>
      <c r="GS38" s="105">
        <v>211</v>
      </c>
      <c r="GT38" s="97">
        <v>236</v>
      </c>
      <c r="GU38" s="98">
        <v>447</v>
      </c>
      <c r="GV38" s="413">
        <v>0</v>
      </c>
      <c r="GW38" s="97">
        <v>463</v>
      </c>
      <c r="GX38" s="97">
        <v>251</v>
      </c>
      <c r="GY38" s="97">
        <v>215</v>
      </c>
      <c r="GZ38" s="97">
        <v>208</v>
      </c>
      <c r="HA38" s="97">
        <v>136</v>
      </c>
      <c r="HB38" s="99">
        <v>1273</v>
      </c>
      <c r="HC38" s="100">
        <v>1720</v>
      </c>
      <c r="HD38" s="101">
        <v>5</v>
      </c>
      <c r="HE38" s="102">
        <v>8</v>
      </c>
      <c r="HF38" s="103">
        <v>13</v>
      </c>
      <c r="HG38" s="416">
        <v>0</v>
      </c>
      <c r="HH38" s="102">
        <v>19</v>
      </c>
      <c r="HI38" s="102">
        <v>10</v>
      </c>
      <c r="HJ38" s="102">
        <v>8</v>
      </c>
      <c r="HK38" s="102">
        <v>6</v>
      </c>
      <c r="HL38" s="102">
        <v>5</v>
      </c>
      <c r="HM38" s="103">
        <v>48</v>
      </c>
      <c r="HN38" s="104">
        <v>61</v>
      </c>
      <c r="HO38" s="101">
        <v>18</v>
      </c>
      <c r="HP38" s="102">
        <v>12</v>
      </c>
      <c r="HQ38" s="103">
        <v>30</v>
      </c>
      <c r="HR38" s="413">
        <v>0</v>
      </c>
      <c r="HS38" s="102">
        <v>22</v>
      </c>
      <c r="HT38" s="102">
        <v>13</v>
      </c>
      <c r="HU38" s="102">
        <v>14</v>
      </c>
      <c r="HV38" s="102">
        <v>10</v>
      </c>
      <c r="HW38" s="102">
        <v>7</v>
      </c>
      <c r="HX38" s="103">
        <v>66</v>
      </c>
      <c r="HY38" s="104">
        <v>96</v>
      </c>
      <c r="HZ38" s="101">
        <v>34</v>
      </c>
      <c r="IA38" s="102">
        <v>43</v>
      </c>
      <c r="IB38" s="103">
        <v>77</v>
      </c>
      <c r="IC38" s="413">
        <v>0</v>
      </c>
      <c r="ID38" s="102">
        <v>53</v>
      </c>
      <c r="IE38" s="102">
        <v>24</v>
      </c>
      <c r="IF38" s="102">
        <v>17</v>
      </c>
      <c r="IG38" s="102">
        <v>17</v>
      </c>
      <c r="IH38" s="102">
        <v>17</v>
      </c>
      <c r="II38" s="103">
        <v>128</v>
      </c>
      <c r="IJ38" s="104">
        <v>205</v>
      </c>
      <c r="IK38" s="101">
        <v>66</v>
      </c>
      <c r="IL38" s="102">
        <v>63</v>
      </c>
      <c r="IM38" s="103">
        <v>129</v>
      </c>
      <c r="IN38" s="413">
        <v>0</v>
      </c>
      <c r="IO38" s="102">
        <v>111</v>
      </c>
      <c r="IP38" s="102">
        <v>58</v>
      </c>
      <c r="IQ38" s="102">
        <v>42</v>
      </c>
      <c r="IR38" s="102">
        <v>35</v>
      </c>
      <c r="IS38" s="102">
        <v>24</v>
      </c>
      <c r="IT38" s="103">
        <v>270</v>
      </c>
      <c r="IU38" s="104">
        <v>399</v>
      </c>
      <c r="IV38" s="101">
        <v>52</v>
      </c>
      <c r="IW38" s="102">
        <v>73</v>
      </c>
      <c r="IX38" s="103">
        <v>125</v>
      </c>
      <c r="IY38" s="413">
        <v>0</v>
      </c>
      <c r="IZ38" s="102">
        <v>142</v>
      </c>
      <c r="JA38" s="102">
        <v>59</v>
      </c>
      <c r="JB38" s="102">
        <v>53</v>
      </c>
      <c r="JC38" s="102">
        <v>55</v>
      </c>
      <c r="JD38" s="102">
        <v>34</v>
      </c>
      <c r="JE38" s="103">
        <v>343</v>
      </c>
      <c r="JF38" s="104">
        <v>468</v>
      </c>
      <c r="JG38" s="101">
        <v>36</v>
      </c>
      <c r="JH38" s="102">
        <v>37</v>
      </c>
      <c r="JI38" s="103">
        <v>73</v>
      </c>
      <c r="JJ38" s="413">
        <v>0</v>
      </c>
      <c r="JK38" s="102">
        <v>116</v>
      </c>
      <c r="JL38" s="102">
        <v>87</v>
      </c>
      <c r="JM38" s="102">
        <v>81</v>
      </c>
      <c r="JN38" s="102">
        <v>85</v>
      </c>
      <c r="JO38" s="102">
        <v>49</v>
      </c>
      <c r="JP38" s="103">
        <v>418</v>
      </c>
      <c r="JQ38" s="104">
        <v>491</v>
      </c>
      <c r="JR38" s="101">
        <v>2</v>
      </c>
      <c r="JS38" s="102">
        <v>2</v>
      </c>
      <c r="JT38" s="103">
        <v>4</v>
      </c>
      <c r="JU38" s="413">
        <v>0</v>
      </c>
      <c r="JV38" s="102">
        <v>7</v>
      </c>
      <c r="JW38" s="102">
        <v>5</v>
      </c>
      <c r="JX38" s="102">
        <v>1</v>
      </c>
      <c r="JY38" s="102">
        <v>4</v>
      </c>
      <c r="JZ38" s="102">
        <v>2</v>
      </c>
      <c r="KA38" s="103">
        <v>19</v>
      </c>
      <c r="KB38" s="104">
        <v>23</v>
      </c>
      <c r="KC38" s="101">
        <v>213</v>
      </c>
      <c r="KD38" s="102">
        <v>238</v>
      </c>
      <c r="KE38" s="103">
        <v>451</v>
      </c>
      <c r="KF38" s="413">
        <v>0</v>
      </c>
      <c r="KG38" s="102">
        <v>470</v>
      </c>
      <c r="KH38" s="102">
        <v>256</v>
      </c>
      <c r="KI38" s="102">
        <v>216</v>
      </c>
      <c r="KJ38" s="102">
        <v>212</v>
      </c>
      <c r="KK38" s="102">
        <v>138</v>
      </c>
      <c r="KL38" s="103">
        <v>1292</v>
      </c>
      <c r="KM38" s="104">
        <v>1743</v>
      </c>
    </row>
    <row r="39" spans="2:299" s="70" customFormat="1" ht="21" customHeight="1" x14ac:dyDescent="0.2">
      <c r="B39" s="106" t="s">
        <v>36</v>
      </c>
      <c r="C39" s="96">
        <v>63</v>
      </c>
      <c r="D39" s="97">
        <v>83</v>
      </c>
      <c r="E39" s="98">
        <v>146</v>
      </c>
      <c r="F39" s="413">
        <v>0</v>
      </c>
      <c r="G39" s="97">
        <v>171</v>
      </c>
      <c r="H39" s="97">
        <v>146</v>
      </c>
      <c r="I39" s="97">
        <v>116</v>
      </c>
      <c r="J39" s="97">
        <v>89</v>
      </c>
      <c r="K39" s="97">
        <v>51</v>
      </c>
      <c r="L39" s="99">
        <v>573</v>
      </c>
      <c r="M39" s="100">
        <v>719</v>
      </c>
      <c r="N39" s="101">
        <v>2</v>
      </c>
      <c r="O39" s="102">
        <v>5</v>
      </c>
      <c r="P39" s="103">
        <v>7</v>
      </c>
      <c r="Q39" s="413">
        <v>0</v>
      </c>
      <c r="R39" s="102">
        <v>8</v>
      </c>
      <c r="S39" s="102">
        <v>13</v>
      </c>
      <c r="T39" s="102">
        <v>9</v>
      </c>
      <c r="U39" s="102">
        <v>5</v>
      </c>
      <c r="V39" s="102">
        <v>6</v>
      </c>
      <c r="W39" s="103">
        <v>41</v>
      </c>
      <c r="X39" s="104">
        <v>48</v>
      </c>
      <c r="Y39" s="101">
        <v>5</v>
      </c>
      <c r="Z39" s="102">
        <v>11</v>
      </c>
      <c r="AA39" s="103">
        <v>16</v>
      </c>
      <c r="AB39" s="413">
        <v>0</v>
      </c>
      <c r="AC39" s="102">
        <v>14</v>
      </c>
      <c r="AD39" s="102">
        <v>25</v>
      </c>
      <c r="AE39" s="102">
        <v>14</v>
      </c>
      <c r="AF39" s="102">
        <v>10</v>
      </c>
      <c r="AG39" s="102">
        <v>6</v>
      </c>
      <c r="AH39" s="103">
        <v>69</v>
      </c>
      <c r="AI39" s="104">
        <v>85</v>
      </c>
      <c r="AJ39" s="101">
        <v>19</v>
      </c>
      <c r="AK39" s="102">
        <v>10</v>
      </c>
      <c r="AL39" s="103">
        <v>29</v>
      </c>
      <c r="AM39" s="413">
        <v>0</v>
      </c>
      <c r="AN39" s="102">
        <v>36</v>
      </c>
      <c r="AO39" s="102">
        <v>26</v>
      </c>
      <c r="AP39" s="102">
        <v>24</v>
      </c>
      <c r="AQ39" s="102">
        <v>14</v>
      </c>
      <c r="AR39" s="102">
        <v>11</v>
      </c>
      <c r="AS39" s="103">
        <v>111</v>
      </c>
      <c r="AT39" s="104">
        <v>140</v>
      </c>
      <c r="AU39" s="101">
        <v>16</v>
      </c>
      <c r="AV39" s="102">
        <v>27</v>
      </c>
      <c r="AW39" s="103">
        <v>43</v>
      </c>
      <c r="AX39" s="413">
        <v>0</v>
      </c>
      <c r="AY39" s="102">
        <v>47</v>
      </c>
      <c r="AZ39" s="102">
        <v>34</v>
      </c>
      <c r="BA39" s="102">
        <v>32</v>
      </c>
      <c r="BB39" s="102">
        <v>29</v>
      </c>
      <c r="BC39" s="102">
        <v>13</v>
      </c>
      <c r="BD39" s="103">
        <v>155</v>
      </c>
      <c r="BE39" s="104">
        <v>198</v>
      </c>
      <c r="BF39" s="101">
        <v>15</v>
      </c>
      <c r="BG39" s="102">
        <v>18</v>
      </c>
      <c r="BH39" s="103">
        <v>33</v>
      </c>
      <c r="BI39" s="413">
        <v>0</v>
      </c>
      <c r="BJ39" s="102">
        <v>46</v>
      </c>
      <c r="BK39" s="102">
        <v>29</v>
      </c>
      <c r="BL39" s="102">
        <v>19</v>
      </c>
      <c r="BM39" s="102">
        <v>20</v>
      </c>
      <c r="BN39" s="102">
        <v>8</v>
      </c>
      <c r="BO39" s="103">
        <v>122</v>
      </c>
      <c r="BP39" s="104">
        <v>155</v>
      </c>
      <c r="BQ39" s="101">
        <v>6</v>
      </c>
      <c r="BR39" s="102">
        <v>12</v>
      </c>
      <c r="BS39" s="103">
        <v>18</v>
      </c>
      <c r="BT39" s="413">
        <v>0</v>
      </c>
      <c r="BU39" s="102">
        <v>20</v>
      </c>
      <c r="BV39" s="102">
        <v>19</v>
      </c>
      <c r="BW39" s="102">
        <v>18</v>
      </c>
      <c r="BX39" s="102">
        <v>11</v>
      </c>
      <c r="BY39" s="102">
        <v>7</v>
      </c>
      <c r="BZ39" s="103">
        <v>75</v>
      </c>
      <c r="CA39" s="104">
        <v>93</v>
      </c>
      <c r="CB39" s="101">
        <v>2</v>
      </c>
      <c r="CC39" s="102">
        <v>2</v>
      </c>
      <c r="CD39" s="103">
        <v>4</v>
      </c>
      <c r="CE39" s="413">
        <v>0</v>
      </c>
      <c r="CF39" s="102">
        <v>5</v>
      </c>
      <c r="CG39" s="102">
        <v>4</v>
      </c>
      <c r="CH39" s="102">
        <v>6</v>
      </c>
      <c r="CI39" s="102">
        <v>8</v>
      </c>
      <c r="CJ39" s="102">
        <v>2</v>
      </c>
      <c r="CK39" s="103">
        <v>25</v>
      </c>
      <c r="CL39" s="104">
        <v>29</v>
      </c>
      <c r="CM39" s="101">
        <v>65</v>
      </c>
      <c r="CN39" s="102">
        <v>85</v>
      </c>
      <c r="CO39" s="103">
        <v>150</v>
      </c>
      <c r="CP39" s="413">
        <v>0</v>
      </c>
      <c r="CQ39" s="102">
        <v>176</v>
      </c>
      <c r="CR39" s="102">
        <v>150</v>
      </c>
      <c r="CS39" s="102">
        <v>122</v>
      </c>
      <c r="CT39" s="102">
        <v>97</v>
      </c>
      <c r="CU39" s="102">
        <v>53</v>
      </c>
      <c r="CV39" s="103">
        <v>598</v>
      </c>
      <c r="CW39" s="104">
        <v>748</v>
      </c>
      <c r="CX39" s="105">
        <v>98</v>
      </c>
      <c r="CY39" s="97">
        <v>188</v>
      </c>
      <c r="CZ39" s="98">
        <v>286</v>
      </c>
      <c r="DA39" s="413">
        <v>0</v>
      </c>
      <c r="DB39" s="97">
        <v>240</v>
      </c>
      <c r="DC39" s="97">
        <v>228</v>
      </c>
      <c r="DD39" s="97">
        <v>187</v>
      </c>
      <c r="DE39" s="97">
        <v>160</v>
      </c>
      <c r="DF39" s="97">
        <v>136</v>
      </c>
      <c r="DG39" s="99">
        <v>951</v>
      </c>
      <c r="DH39" s="100">
        <v>1237</v>
      </c>
      <c r="DI39" s="101">
        <v>1</v>
      </c>
      <c r="DJ39" s="102">
        <v>3</v>
      </c>
      <c r="DK39" s="103">
        <v>4</v>
      </c>
      <c r="DL39" s="413">
        <v>0</v>
      </c>
      <c r="DM39" s="102">
        <v>6</v>
      </c>
      <c r="DN39" s="102">
        <v>6</v>
      </c>
      <c r="DO39" s="102">
        <v>6</v>
      </c>
      <c r="DP39" s="102">
        <v>3</v>
      </c>
      <c r="DQ39" s="102">
        <v>2</v>
      </c>
      <c r="DR39" s="103">
        <v>23</v>
      </c>
      <c r="DS39" s="104">
        <v>27</v>
      </c>
      <c r="DT39" s="101">
        <v>6</v>
      </c>
      <c r="DU39" s="102">
        <v>23</v>
      </c>
      <c r="DV39" s="103">
        <v>29</v>
      </c>
      <c r="DW39" s="413">
        <v>0</v>
      </c>
      <c r="DX39" s="102">
        <v>17</v>
      </c>
      <c r="DY39" s="102">
        <v>14</v>
      </c>
      <c r="DZ39" s="102">
        <v>9</v>
      </c>
      <c r="EA39" s="102">
        <v>13</v>
      </c>
      <c r="EB39" s="102">
        <v>12</v>
      </c>
      <c r="EC39" s="103">
        <v>65</v>
      </c>
      <c r="ED39" s="104">
        <v>94</v>
      </c>
      <c r="EE39" s="101">
        <v>23</v>
      </c>
      <c r="EF39" s="102">
        <v>27</v>
      </c>
      <c r="EG39" s="103">
        <v>50</v>
      </c>
      <c r="EH39" s="413">
        <v>0</v>
      </c>
      <c r="EI39" s="102">
        <v>34</v>
      </c>
      <c r="EJ39" s="102">
        <v>37</v>
      </c>
      <c r="EK39" s="102">
        <v>20</v>
      </c>
      <c r="EL39" s="102">
        <v>21</v>
      </c>
      <c r="EM39" s="102">
        <v>13</v>
      </c>
      <c r="EN39" s="103">
        <v>125</v>
      </c>
      <c r="EO39" s="104">
        <v>175</v>
      </c>
      <c r="EP39" s="101">
        <v>41</v>
      </c>
      <c r="EQ39" s="102">
        <v>55</v>
      </c>
      <c r="ER39" s="103">
        <v>96</v>
      </c>
      <c r="ES39" s="413">
        <v>0</v>
      </c>
      <c r="ET39" s="102">
        <v>71</v>
      </c>
      <c r="EU39" s="102">
        <v>59</v>
      </c>
      <c r="EV39" s="102">
        <v>33</v>
      </c>
      <c r="EW39" s="102">
        <v>26</v>
      </c>
      <c r="EX39" s="102">
        <v>28</v>
      </c>
      <c r="EY39" s="103">
        <v>217</v>
      </c>
      <c r="EZ39" s="104">
        <v>313</v>
      </c>
      <c r="FA39" s="101">
        <v>18</v>
      </c>
      <c r="FB39" s="102">
        <v>58</v>
      </c>
      <c r="FC39" s="103">
        <v>76</v>
      </c>
      <c r="FD39" s="413">
        <v>0</v>
      </c>
      <c r="FE39" s="102">
        <v>65</v>
      </c>
      <c r="FF39" s="102">
        <v>50</v>
      </c>
      <c r="FG39" s="102">
        <v>52</v>
      </c>
      <c r="FH39" s="102">
        <v>37</v>
      </c>
      <c r="FI39" s="102">
        <v>38</v>
      </c>
      <c r="FJ39" s="103">
        <v>242</v>
      </c>
      <c r="FK39" s="104">
        <v>318</v>
      </c>
      <c r="FL39" s="101">
        <v>9</v>
      </c>
      <c r="FM39" s="102">
        <v>22</v>
      </c>
      <c r="FN39" s="103">
        <v>31</v>
      </c>
      <c r="FO39" s="413">
        <v>0</v>
      </c>
      <c r="FP39" s="102">
        <v>47</v>
      </c>
      <c r="FQ39" s="102">
        <v>62</v>
      </c>
      <c r="FR39" s="102">
        <v>67</v>
      </c>
      <c r="FS39" s="102">
        <v>60</v>
      </c>
      <c r="FT39" s="102">
        <v>43</v>
      </c>
      <c r="FU39" s="103">
        <v>279</v>
      </c>
      <c r="FV39" s="104">
        <v>310</v>
      </c>
      <c r="FW39" s="101">
        <v>1</v>
      </c>
      <c r="FX39" s="102">
        <v>3</v>
      </c>
      <c r="FY39" s="103">
        <v>4</v>
      </c>
      <c r="FZ39" s="413">
        <v>0</v>
      </c>
      <c r="GA39" s="102">
        <v>3</v>
      </c>
      <c r="GB39" s="102">
        <v>3</v>
      </c>
      <c r="GC39" s="102">
        <v>2</v>
      </c>
      <c r="GD39" s="102">
        <v>6</v>
      </c>
      <c r="GE39" s="102">
        <v>4</v>
      </c>
      <c r="GF39" s="103">
        <v>18</v>
      </c>
      <c r="GG39" s="104">
        <v>22</v>
      </c>
      <c r="GH39" s="101">
        <v>99</v>
      </c>
      <c r="GI39" s="102">
        <v>191</v>
      </c>
      <c r="GJ39" s="103">
        <v>290</v>
      </c>
      <c r="GK39" s="413">
        <v>0</v>
      </c>
      <c r="GL39" s="102">
        <v>243</v>
      </c>
      <c r="GM39" s="102">
        <v>231</v>
      </c>
      <c r="GN39" s="102">
        <v>189</v>
      </c>
      <c r="GO39" s="102">
        <v>166</v>
      </c>
      <c r="GP39" s="102">
        <v>140</v>
      </c>
      <c r="GQ39" s="103">
        <v>969</v>
      </c>
      <c r="GR39" s="104">
        <v>1259</v>
      </c>
      <c r="GS39" s="105">
        <v>161</v>
      </c>
      <c r="GT39" s="97">
        <v>271</v>
      </c>
      <c r="GU39" s="98">
        <v>432</v>
      </c>
      <c r="GV39" s="413">
        <v>0</v>
      </c>
      <c r="GW39" s="97">
        <v>411</v>
      </c>
      <c r="GX39" s="97">
        <v>374</v>
      </c>
      <c r="GY39" s="97">
        <v>303</v>
      </c>
      <c r="GZ39" s="97">
        <v>249</v>
      </c>
      <c r="HA39" s="97">
        <v>187</v>
      </c>
      <c r="HB39" s="99">
        <v>1524</v>
      </c>
      <c r="HC39" s="100">
        <v>1956</v>
      </c>
      <c r="HD39" s="101">
        <v>3</v>
      </c>
      <c r="HE39" s="102">
        <v>8</v>
      </c>
      <c r="HF39" s="103">
        <v>11</v>
      </c>
      <c r="HG39" s="416">
        <v>0</v>
      </c>
      <c r="HH39" s="102">
        <v>14</v>
      </c>
      <c r="HI39" s="102">
        <v>19</v>
      </c>
      <c r="HJ39" s="102">
        <v>15</v>
      </c>
      <c r="HK39" s="102">
        <v>8</v>
      </c>
      <c r="HL39" s="102">
        <v>8</v>
      </c>
      <c r="HM39" s="103">
        <v>64</v>
      </c>
      <c r="HN39" s="104">
        <v>75</v>
      </c>
      <c r="HO39" s="101">
        <v>11</v>
      </c>
      <c r="HP39" s="102">
        <v>34</v>
      </c>
      <c r="HQ39" s="103">
        <v>45</v>
      </c>
      <c r="HR39" s="413">
        <v>0</v>
      </c>
      <c r="HS39" s="102">
        <v>31</v>
      </c>
      <c r="HT39" s="102">
        <v>39</v>
      </c>
      <c r="HU39" s="102">
        <v>23</v>
      </c>
      <c r="HV39" s="102">
        <v>23</v>
      </c>
      <c r="HW39" s="102">
        <v>18</v>
      </c>
      <c r="HX39" s="103">
        <v>134</v>
      </c>
      <c r="HY39" s="104">
        <v>179</v>
      </c>
      <c r="HZ39" s="101">
        <v>42</v>
      </c>
      <c r="IA39" s="102">
        <v>37</v>
      </c>
      <c r="IB39" s="103">
        <v>79</v>
      </c>
      <c r="IC39" s="413">
        <v>0</v>
      </c>
      <c r="ID39" s="102">
        <v>70</v>
      </c>
      <c r="IE39" s="102">
        <v>63</v>
      </c>
      <c r="IF39" s="102">
        <v>44</v>
      </c>
      <c r="IG39" s="102">
        <v>35</v>
      </c>
      <c r="IH39" s="102">
        <v>24</v>
      </c>
      <c r="II39" s="103">
        <v>236</v>
      </c>
      <c r="IJ39" s="104">
        <v>315</v>
      </c>
      <c r="IK39" s="101">
        <v>57</v>
      </c>
      <c r="IL39" s="102">
        <v>82</v>
      </c>
      <c r="IM39" s="103">
        <v>139</v>
      </c>
      <c r="IN39" s="413">
        <v>0</v>
      </c>
      <c r="IO39" s="102">
        <v>118</v>
      </c>
      <c r="IP39" s="102">
        <v>93</v>
      </c>
      <c r="IQ39" s="102">
        <v>65</v>
      </c>
      <c r="IR39" s="102">
        <v>55</v>
      </c>
      <c r="IS39" s="102">
        <v>41</v>
      </c>
      <c r="IT39" s="103">
        <v>372</v>
      </c>
      <c r="IU39" s="104">
        <v>511</v>
      </c>
      <c r="IV39" s="101">
        <v>33</v>
      </c>
      <c r="IW39" s="102">
        <v>76</v>
      </c>
      <c r="IX39" s="103">
        <v>109</v>
      </c>
      <c r="IY39" s="413">
        <v>0</v>
      </c>
      <c r="IZ39" s="102">
        <v>111</v>
      </c>
      <c r="JA39" s="102">
        <v>79</v>
      </c>
      <c r="JB39" s="102">
        <v>71</v>
      </c>
      <c r="JC39" s="102">
        <v>57</v>
      </c>
      <c r="JD39" s="102">
        <v>46</v>
      </c>
      <c r="JE39" s="103">
        <v>364</v>
      </c>
      <c r="JF39" s="104">
        <v>473</v>
      </c>
      <c r="JG39" s="101">
        <v>15</v>
      </c>
      <c r="JH39" s="102">
        <v>34</v>
      </c>
      <c r="JI39" s="103">
        <v>49</v>
      </c>
      <c r="JJ39" s="413">
        <v>0</v>
      </c>
      <c r="JK39" s="102">
        <v>67</v>
      </c>
      <c r="JL39" s="102">
        <v>81</v>
      </c>
      <c r="JM39" s="102">
        <v>85</v>
      </c>
      <c r="JN39" s="102">
        <v>71</v>
      </c>
      <c r="JO39" s="102">
        <v>50</v>
      </c>
      <c r="JP39" s="103">
        <v>354</v>
      </c>
      <c r="JQ39" s="104">
        <v>403</v>
      </c>
      <c r="JR39" s="101">
        <v>3</v>
      </c>
      <c r="JS39" s="102">
        <v>5</v>
      </c>
      <c r="JT39" s="103">
        <v>8</v>
      </c>
      <c r="JU39" s="413">
        <v>0</v>
      </c>
      <c r="JV39" s="102">
        <v>8</v>
      </c>
      <c r="JW39" s="102">
        <v>7</v>
      </c>
      <c r="JX39" s="102">
        <v>8</v>
      </c>
      <c r="JY39" s="102">
        <v>14</v>
      </c>
      <c r="JZ39" s="102">
        <v>6</v>
      </c>
      <c r="KA39" s="103">
        <v>43</v>
      </c>
      <c r="KB39" s="104">
        <v>51</v>
      </c>
      <c r="KC39" s="101">
        <v>164</v>
      </c>
      <c r="KD39" s="102">
        <v>276</v>
      </c>
      <c r="KE39" s="103">
        <v>440</v>
      </c>
      <c r="KF39" s="413">
        <v>0</v>
      </c>
      <c r="KG39" s="102">
        <v>419</v>
      </c>
      <c r="KH39" s="102">
        <v>381</v>
      </c>
      <c r="KI39" s="102">
        <v>311</v>
      </c>
      <c r="KJ39" s="102">
        <v>263</v>
      </c>
      <c r="KK39" s="102">
        <v>193</v>
      </c>
      <c r="KL39" s="103">
        <v>1567</v>
      </c>
      <c r="KM39" s="104">
        <v>2007</v>
      </c>
    </row>
    <row r="40" spans="2:299" s="70" customFormat="1" ht="21" customHeight="1" thickBot="1" x14ac:dyDescent="0.25">
      <c r="B40" s="108" t="s">
        <v>37</v>
      </c>
      <c r="C40" s="109">
        <v>3</v>
      </c>
      <c r="D40" s="110">
        <v>1</v>
      </c>
      <c r="E40" s="111">
        <v>4</v>
      </c>
      <c r="F40" s="414">
        <v>0</v>
      </c>
      <c r="G40" s="110">
        <v>9</v>
      </c>
      <c r="H40" s="110">
        <v>7</v>
      </c>
      <c r="I40" s="110">
        <v>9</v>
      </c>
      <c r="J40" s="110">
        <v>5</v>
      </c>
      <c r="K40" s="110">
        <v>4</v>
      </c>
      <c r="L40" s="112">
        <v>34</v>
      </c>
      <c r="M40" s="113">
        <v>38</v>
      </c>
      <c r="N40" s="114">
        <v>1</v>
      </c>
      <c r="O40" s="115">
        <v>1</v>
      </c>
      <c r="P40" s="116">
        <v>2</v>
      </c>
      <c r="Q40" s="414">
        <v>0</v>
      </c>
      <c r="R40" s="115">
        <v>0</v>
      </c>
      <c r="S40" s="115">
        <v>0</v>
      </c>
      <c r="T40" s="115">
        <v>0</v>
      </c>
      <c r="U40" s="115">
        <v>1</v>
      </c>
      <c r="V40" s="115">
        <v>0</v>
      </c>
      <c r="W40" s="116">
        <v>1</v>
      </c>
      <c r="X40" s="117">
        <v>3</v>
      </c>
      <c r="Y40" s="114">
        <v>0</v>
      </c>
      <c r="Z40" s="115">
        <v>0</v>
      </c>
      <c r="AA40" s="116">
        <v>0</v>
      </c>
      <c r="AB40" s="414">
        <v>0</v>
      </c>
      <c r="AC40" s="115">
        <v>0</v>
      </c>
      <c r="AD40" s="115">
        <v>0</v>
      </c>
      <c r="AE40" s="115">
        <v>3</v>
      </c>
      <c r="AF40" s="115">
        <v>1</v>
      </c>
      <c r="AG40" s="115">
        <v>1</v>
      </c>
      <c r="AH40" s="116">
        <v>5</v>
      </c>
      <c r="AI40" s="117">
        <v>5</v>
      </c>
      <c r="AJ40" s="114">
        <v>0</v>
      </c>
      <c r="AK40" s="115">
        <v>0</v>
      </c>
      <c r="AL40" s="116">
        <v>0</v>
      </c>
      <c r="AM40" s="414">
        <v>0</v>
      </c>
      <c r="AN40" s="115">
        <v>2</v>
      </c>
      <c r="AO40" s="115">
        <v>2</v>
      </c>
      <c r="AP40" s="115">
        <v>2</v>
      </c>
      <c r="AQ40" s="115">
        <v>0</v>
      </c>
      <c r="AR40" s="115">
        <v>0</v>
      </c>
      <c r="AS40" s="116">
        <v>6</v>
      </c>
      <c r="AT40" s="117">
        <v>6</v>
      </c>
      <c r="AU40" s="114">
        <v>1</v>
      </c>
      <c r="AV40" s="115">
        <v>0</v>
      </c>
      <c r="AW40" s="116">
        <v>1</v>
      </c>
      <c r="AX40" s="414">
        <v>0</v>
      </c>
      <c r="AY40" s="115">
        <v>4</v>
      </c>
      <c r="AZ40" s="115">
        <v>1</v>
      </c>
      <c r="BA40" s="115">
        <v>2</v>
      </c>
      <c r="BB40" s="115">
        <v>1</v>
      </c>
      <c r="BC40" s="115">
        <v>0</v>
      </c>
      <c r="BD40" s="116">
        <v>8</v>
      </c>
      <c r="BE40" s="117">
        <v>9</v>
      </c>
      <c r="BF40" s="114">
        <v>0</v>
      </c>
      <c r="BG40" s="115">
        <v>0</v>
      </c>
      <c r="BH40" s="116">
        <v>0</v>
      </c>
      <c r="BI40" s="414">
        <v>0</v>
      </c>
      <c r="BJ40" s="115">
        <v>1</v>
      </c>
      <c r="BK40" s="115">
        <v>2</v>
      </c>
      <c r="BL40" s="115">
        <v>2</v>
      </c>
      <c r="BM40" s="115">
        <v>1</v>
      </c>
      <c r="BN40" s="115">
        <v>2</v>
      </c>
      <c r="BO40" s="116">
        <v>8</v>
      </c>
      <c r="BP40" s="117">
        <v>8</v>
      </c>
      <c r="BQ40" s="114">
        <v>1</v>
      </c>
      <c r="BR40" s="115">
        <v>0</v>
      </c>
      <c r="BS40" s="116">
        <v>1</v>
      </c>
      <c r="BT40" s="414">
        <v>0</v>
      </c>
      <c r="BU40" s="115">
        <v>2</v>
      </c>
      <c r="BV40" s="115">
        <v>2</v>
      </c>
      <c r="BW40" s="115">
        <v>0</v>
      </c>
      <c r="BX40" s="115">
        <v>1</v>
      </c>
      <c r="BY40" s="115">
        <v>1</v>
      </c>
      <c r="BZ40" s="116">
        <v>6</v>
      </c>
      <c r="CA40" s="117">
        <v>7</v>
      </c>
      <c r="CB40" s="114">
        <v>0</v>
      </c>
      <c r="CC40" s="115">
        <v>0</v>
      </c>
      <c r="CD40" s="116">
        <v>0</v>
      </c>
      <c r="CE40" s="414">
        <v>0</v>
      </c>
      <c r="CF40" s="115">
        <v>0</v>
      </c>
      <c r="CG40" s="115">
        <v>1</v>
      </c>
      <c r="CH40" s="115">
        <v>0</v>
      </c>
      <c r="CI40" s="115">
        <v>2</v>
      </c>
      <c r="CJ40" s="115">
        <v>0</v>
      </c>
      <c r="CK40" s="116">
        <v>3</v>
      </c>
      <c r="CL40" s="117">
        <v>3</v>
      </c>
      <c r="CM40" s="114">
        <v>3</v>
      </c>
      <c r="CN40" s="115">
        <v>1</v>
      </c>
      <c r="CO40" s="116">
        <v>4</v>
      </c>
      <c r="CP40" s="414">
        <v>0</v>
      </c>
      <c r="CQ40" s="115">
        <v>9</v>
      </c>
      <c r="CR40" s="115">
        <v>8</v>
      </c>
      <c r="CS40" s="115">
        <v>9</v>
      </c>
      <c r="CT40" s="115">
        <v>7</v>
      </c>
      <c r="CU40" s="115">
        <v>4</v>
      </c>
      <c r="CV40" s="116">
        <v>37</v>
      </c>
      <c r="CW40" s="117">
        <v>41</v>
      </c>
      <c r="CX40" s="118">
        <v>18</v>
      </c>
      <c r="CY40" s="110">
        <v>1</v>
      </c>
      <c r="CZ40" s="111">
        <v>19</v>
      </c>
      <c r="DA40" s="414">
        <v>0</v>
      </c>
      <c r="DB40" s="110">
        <v>22</v>
      </c>
      <c r="DC40" s="110">
        <v>19</v>
      </c>
      <c r="DD40" s="110">
        <v>24</v>
      </c>
      <c r="DE40" s="110">
        <v>19</v>
      </c>
      <c r="DF40" s="110">
        <v>16</v>
      </c>
      <c r="DG40" s="112">
        <v>100</v>
      </c>
      <c r="DH40" s="113">
        <v>119</v>
      </c>
      <c r="DI40" s="114">
        <v>0</v>
      </c>
      <c r="DJ40" s="115">
        <v>0</v>
      </c>
      <c r="DK40" s="116">
        <v>0</v>
      </c>
      <c r="DL40" s="414">
        <v>0</v>
      </c>
      <c r="DM40" s="115">
        <v>0</v>
      </c>
      <c r="DN40" s="115">
        <v>0</v>
      </c>
      <c r="DO40" s="115">
        <v>1</v>
      </c>
      <c r="DP40" s="115">
        <v>0</v>
      </c>
      <c r="DQ40" s="115">
        <v>1</v>
      </c>
      <c r="DR40" s="116">
        <v>2</v>
      </c>
      <c r="DS40" s="117">
        <v>2</v>
      </c>
      <c r="DT40" s="114">
        <v>2</v>
      </c>
      <c r="DU40" s="115">
        <v>0</v>
      </c>
      <c r="DV40" s="116">
        <v>2</v>
      </c>
      <c r="DW40" s="414">
        <v>0</v>
      </c>
      <c r="DX40" s="115">
        <v>0</v>
      </c>
      <c r="DY40" s="115">
        <v>0</v>
      </c>
      <c r="DZ40" s="115">
        <v>0</v>
      </c>
      <c r="EA40" s="115">
        <v>1</v>
      </c>
      <c r="EB40" s="115">
        <v>2</v>
      </c>
      <c r="EC40" s="116">
        <v>3</v>
      </c>
      <c r="ED40" s="117">
        <v>5</v>
      </c>
      <c r="EE40" s="114">
        <v>1</v>
      </c>
      <c r="EF40" s="115">
        <v>0</v>
      </c>
      <c r="EG40" s="116">
        <v>1</v>
      </c>
      <c r="EH40" s="414">
        <v>0</v>
      </c>
      <c r="EI40" s="115">
        <v>1</v>
      </c>
      <c r="EJ40" s="115">
        <v>3</v>
      </c>
      <c r="EK40" s="115">
        <v>3</v>
      </c>
      <c r="EL40" s="115">
        <v>1</v>
      </c>
      <c r="EM40" s="115">
        <v>0</v>
      </c>
      <c r="EN40" s="116">
        <v>8</v>
      </c>
      <c r="EO40" s="117">
        <v>9</v>
      </c>
      <c r="EP40" s="114">
        <v>6</v>
      </c>
      <c r="EQ40" s="115">
        <v>1</v>
      </c>
      <c r="ER40" s="116">
        <v>7</v>
      </c>
      <c r="ES40" s="414">
        <v>0</v>
      </c>
      <c r="ET40" s="115">
        <v>5</v>
      </c>
      <c r="EU40" s="115">
        <v>4</v>
      </c>
      <c r="EV40" s="115">
        <v>4</v>
      </c>
      <c r="EW40" s="115">
        <v>4</v>
      </c>
      <c r="EX40" s="115">
        <v>4</v>
      </c>
      <c r="EY40" s="116">
        <v>21</v>
      </c>
      <c r="EZ40" s="117">
        <v>28</v>
      </c>
      <c r="FA40" s="114">
        <v>6</v>
      </c>
      <c r="FB40" s="115">
        <v>0</v>
      </c>
      <c r="FC40" s="116">
        <v>6</v>
      </c>
      <c r="FD40" s="414">
        <v>0</v>
      </c>
      <c r="FE40" s="115">
        <v>8</v>
      </c>
      <c r="FF40" s="115">
        <v>5</v>
      </c>
      <c r="FG40" s="115">
        <v>9</v>
      </c>
      <c r="FH40" s="115">
        <v>4</v>
      </c>
      <c r="FI40" s="115">
        <v>6</v>
      </c>
      <c r="FJ40" s="116">
        <v>32</v>
      </c>
      <c r="FK40" s="117">
        <v>38</v>
      </c>
      <c r="FL40" s="114">
        <v>3</v>
      </c>
      <c r="FM40" s="115">
        <v>0</v>
      </c>
      <c r="FN40" s="116">
        <v>3</v>
      </c>
      <c r="FO40" s="414">
        <v>0</v>
      </c>
      <c r="FP40" s="115">
        <v>8</v>
      </c>
      <c r="FQ40" s="115">
        <v>7</v>
      </c>
      <c r="FR40" s="115">
        <v>7</v>
      </c>
      <c r="FS40" s="115">
        <v>9</v>
      </c>
      <c r="FT40" s="115">
        <v>3</v>
      </c>
      <c r="FU40" s="116">
        <v>34</v>
      </c>
      <c r="FV40" s="117">
        <v>37</v>
      </c>
      <c r="FW40" s="114">
        <v>0</v>
      </c>
      <c r="FX40" s="115">
        <v>0</v>
      </c>
      <c r="FY40" s="116">
        <v>0</v>
      </c>
      <c r="FZ40" s="414">
        <v>0</v>
      </c>
      <c r="GA40" s="115">
        <v>0</v>
      </c>
      <c r="GB40" s="115">
        <v>2</v>
      </c>
      <c r="GC40" s="115">
        <v>0</v>
      </c>
      <c r="GD40" s="115">
        <v>0</v>
      </c>
      <c r="GE40" s="115">
        <v>0</v>
      </c>
      <c r="GF40" s="116">
        <v>2</v>
      </c>
      <c r="GG40" s="117">
        <v>2</v>
      </c>
      <c r="GH40" s="114">
        <v>18</v>
      </c>
      <c r="GI40" s="115">
        <v>1</v>
      </c>
      <c r="GJ40" s="116">
        <v>19</v>
      </c>
      <c r="GK40" s="414">
        <v>0</v>
      </c>
      <c r="GL40" s="115">
        <v>22</v>
      </c>
      <c r="GM40" s="115">
        <v>21</v>
      </c>
      <c r="GN40" s="115">
        <v>24</v>
      </c>
      <c r="GO40" s="115">
        <v>19</v>
      </c>
      <c r="GP40" s="115">
        <v>16</v>
      </c>
      <c r="GQ40" s="116">
        <v>102</v>
      </c>
      <c r="GR40" s="117">
        <v>121</v>
      </c>
      <c r="GS40" s="118">
        <v>21</v>
      </c>
      <c r="GT40" s="110">
        <v>2</v>
      </c>
      <c r="GU40" s="111">
        <v>23</v>
      </c>
      <c r="GV40" s="414">
        <v>0</v>
      </c>
      <c r="GW40" s="110">
        <v>31</v>
      </c>
      <c r="GX40" s="110">
        <v>26</v>
      </c>
      <c r="GY40" s="110">
        <v>33</v>
      </c>
      <c r="GZ40" s="110">
        <v>24</v>
      </c>
      <c r="HA40" s="110">
        <v>20</v>
      </c>
      <c r="HB40" s="112">
        <v>134</v>
      </c>
      <c r="HC40" s="113">
        <v>157</v>
      </c>
      <c r="HD40" s="114">
        <v>1</v>
      </c>
      <c r="HE40" s="115">
        <v>1</v>
      </c>
      <c r="HF40" s="116">
        <v>2</v>
      </c>
      <c r="HG40" s="417">
        <v>0</v>
      </c>
      <c r="HH40" s="115">
        <v>0</v>
      </c>
      <c r="HI40" s="115">
        <v>0</v>
      </c>
      <c r="HJ40" s="115">
        <v>1</v>
      </c>
      <c r="HK40" s="115">
        <v>1</v>
      </c>
      <c r="HL40" s="115">
        <v>1</v>
      </c>
      <c r="HM40" s="116">
        <v>3</v>
      </c>
      <c r="HN40" s="117">
        <v>5</v>
      </c>
      <c r="HO40" s="114">
        <v>2</v>
      </c>
      <c r="HP40" s="115">
        <v>0</v>
      </c>
      <c r="HQ40" s="116">
        <v>2</v>
      </c>
      <c r="HR40" s="414">
        <v>0</v>
      </c>
      <c r="HS40" s="115">
        <v>0</v>
      </c>
      <c r="HT40" s="115">
        <v>0</v>
      </c>
      <c r="HU40" s="115">
        <v>3</v>
      </c>
      <c r="HV40" s="115">
        <v>2</v>
      </c>
      <c r="HW40" s="115">
        <v>3</v>
      </c>
      <c r="HX40" s="116">
        <v>8</v>
      </c>
      <c r="HY40" s="117">
        <v>10</v>
      </c>
      <c r="HZ40" s="114">
        <v>1</v>
      </c>
      <c r="IA40" s="115">
        <v>0</v>
      </c>
      <c r="IB40" s="116">
        <v>1</v>
      </c>
      <c r="IC40" s="414">
        <v>0</v>
      </c>
      <c r="ID40" s="115">
        <v>3</v>
      </c>
      <c r="IE40" s="115">
        <v>5</v>
      </c>
      <c r="IF40" s="115">
        <v>5</v>
      </c>
      <c r="IG40" s="115">
        <v>1</v>
      </c>
      <c r="IH40" s="115">
        <v>0</v>
      </c>
      <c r="II40" s="116">
        <v>14</v>
      </c>
      <c r="IJ40" s="117">
        <v>15</v>
      </c>
      <c r="IK40" s="114">
        <v>7</v>
      </c>
      <c r="IL40" s="115">
        <v>1</v>
      </c>
      <c r="IM40" s="116">
        <v>8</v>
      </c>
      <c r="IN40" s="414">
        <v>0</v>
      </c>
      <c r="IO40" s="115">
        <v>9</v>
      </c>
      <c r="IP40" s="115">
        <v>5</v>
      </c>
      <c r="IQ40" s="115">
        <v>6</v>
      </c>
      <c r="IR40" s="115">
        <v>5</v>
      </c>
      <c r="IS40" s="115">
        <v>4</v>
      </c>
      <c r="IT40" s="116">
        <v>29</v>
      </c>
      <c r="IU40" s="117">
        <v>37</v>
      </c>
      <c r="IV40" s="114">
        <v>6</v>
      </c>
      <c r="IW40" s="115">
        <v>0</v>
      </c>
      <c r="IX40" s="116">
        <v>6</v>
      </c>
      <c r="IY40" s="414">
        <v>0</v>
      </c>
      <c r="IZ40" s="115">
        <v>9</v>
      </c>
      <c r="JA40" s="115">
        <v>7</v>
      </c>
      <c r="JB40" s="115">
        <v>11</v>
      </c>
      <c r="JC40" s="115">
        <v>5</v>
      </c>
      <c r="JD40" s="115">
        <v>8</v>
      </c>
      <c r="JE40" s="116">
        <v>40</v>
      </c>
      <c r="JF40" s="117">
        <v>46</v>
      </c>
      <c r="JG40" s="114">
        <v>4</v>
      </c>
      <c r="JH40" s="115">
        <v>0</v>
      </c>
      <c r="JI40" s="116">
        <v>4</v>
      </c>
      <c r="JJ40" s="414">
        <v>0</v>
      </c>
      <c r="JK40" s="115">
        <v>10</v>
      </c>
      <c r="JL40" s="115">
        <v>9</v>
      </c>
      <c r="JM40" s="115">
        <v>7</v>
      </c>
      <c r="JN40" s="115">
        <v>10</v>
      </c>
      <c r="JO40" s="115">
        <v>4</v>
      </c>
      <c r="JP40" s="116">
        <v>40</v>
      </c>
      <c r="JQ40" s="117">
        <v>44</v>
      </c>
      <c r="JR40" s="114">
        <v>0</v>
      </c>
      <c r="JS40" s="115">
        <v>0</v>
      </c>
      <c r="JT40" s="116">
        <v>0</v>
      </c>
      <c r="JU40" s="414">
        <v>0</v>
      </c>
      <c r="JV40" s="115">
        <v>0</v>
      </c>
      <c r="JW40" s="115">
        <v>3</v>
      </c>
      <c r="JX40" s="115">
        <v>0</v>
      </c>
      <c r="JY40" s="115">
        <v>2</v>
      </c>
      <c r="JZ40" s="115">
        <v>0</v>
      </c>
      <c r="KA40" s="116">
        <v>5</v>
      </c>
      <c r="KB40" s="117">
        <v>5</v>
      </c>
      <c r="KC40" s="114">
        <v>21</v>
      </c>
      <c r="KD40" s="115">
        <v>2</v>
      </c>
      <c r="KE40" s="116">
        <v>23</v>
      </c>
      <c r="KF40" s="414">
        <v>0</v>
      </c>
      <c r="KG40" s="115">
        <v>31</v>
      </c>
      <c r="KH40" s="115">
        <v>29</v>
      </c>
      <c r="KI40" s="115">
        <v>33</v>
      </c>
      <c r="KJ40" s="115">
        <v>26</v>
      </c>
      <c r="KK40" s="115">
        <v>20</v>
      </c>
      <c r="KL40" s="116">
        <v>139</v>
      </c>
      <c r="KM40" s="117">
        <v>162</v>
      </c>
    </row>
    <row r="41" spans="2:299" ht="32.25" customHeight="1" x14ac:dyDescent="0.2"/>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8" width="9.6640625" style="71" bestFit="1" customWidth="1"/>
    <col min="9" max="9" width="9.109375" style="71" bestFit="1" customWidth="1"/>
    <col min="10"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6</v>
      </c>
      <c r="H1" s="445">
        <f>IF(G1&lt;3,G1-2+12,G1-2)</f>
        <v>4</v>
      </c>
      <c r="I1" s="445"/>
    </row>
    <row r="2" spans="2:43" ht="24" customHeight="1" thickBot="1" x14ac:dyDescent="0.25">
      <c r="B2" s="10" t="s">
        <v>155</v>
      </c>
      <c r="F2" s="10" t="s">
        <v>137</v>
      </c>
    </row>
    <row r="3" spans="2:43" ht="21" customHeight="1" x14ac:dyDescent="0.2">
      <c r="B3" s="522"/>
      <c r="C3" s="519" t="s">
        <v>57</v>
      </c>
      <c r="D3" s="520"/>
      <c r="E3" s="520"/>
      <c r="F3" s="520"/>
      <c r="G3" s="520"/>
      <c r="H3" s="520"/>
      <c r="I3" s="520"/>
      <c r="J3" s="520"/>
      <c r="K3" s="520"/>
      <c r="L3" s="520"/>
      <c r="M3" s="519" t="s">
        <v>58</v>
      </c>
      <c r="N3" s="525"/>
      <c r="O3" s="525"/>
      <c r="P3" s="525"/>
      <c r="Q3" s="525"/>
      <c r="R3" s="525"/>
      <c r="S3" s="525"/>
      <c r="T3" s="525"/>
      <c r="U3" s="525"/>
      <c r="V3" s="525"/>
      <c r="W3" s="519" t="s">
        <v>59</v>
      </c>
      <c r="X3" s="520"/>
      <c r="Y3" s="520"/>
      <c r="Z3" s="520"/>
      <c r="AA3" s="520"/>
      <c r="AB3" s="520"/>
      <c r="AC3" s="520"/>
      <c r="AD3" s="520"/>
      <c r="AE3" s="520"/>
      <c r="AF3" s="520"/>
      <c r="AG3" s="519" t="s">
        <v>148</v>
      </c>
      <c r="AH3" s="520"/>
      <c r="AI3" s="520"/>
      <c r="AJ3" s="520"/>
      <c r="AK3" s="520"/>
      <c r="AL3" s="520"/>
      <c r="AM3" s="520"/>
      <c r="AN3" s="520"/>
      <c r="AO3" s="520"/>
      <c r="AP3" s="521"/>
    </row>
    <row r="4" spans="2:43" ht="21" customHeight="1" x14ac:dyDescent="0.2">
      <c r="B4" s="524"/>
      <c r="C4" s="502" t="s">
        <v>61</v>
      </c>
      <c r="D4" s="503"/>
      <c r="E4" s="504"/>
      <c r="F4" s="505" t="s">
        <v>62</v>
      </c>
      <c r="G4" s="506"/>
      <c r="H4" s="506"/>
      <c r="I4" s="506"/>
      <c r="J4" s="506"/>
      <c r="K4" s="507"/>
      <c r="L4" s="516" t="s">
        <v>52</v>
      </c>
      <c r="M4" s="502" t="s">
        <v>61</v>
      </c>
      <c r="N4" s="503"/>
      <c r="O4" s="504"/>
      <c r="P4" s="505" t="s">
        <v>62</v>
      </c>
      <c r="Q4" s="506"/>
      <c r="R4" s="506"/>
      <c r="S4" s="506"/>
      <c r="T4" s="506"/>
      <c r="U4" s="507"/>
      <c r="V4" s="508" t="s">
        <v>52</v>
      </c>
      <c r="W4" s="502" t="s">
        <v>61</v>
      </c>
      <c r="X4" s="503"/>
      <c r="Y4" s="504"/>
      <c r="Z4" s="505" t="s">
        <v>62</v>
      </c>
      <c r="AA4" s="506"/>
      <c r="AB4" s="506"/>
      <c r="AC4" s="506"/>
      <c r="AD4" s="506"/>
      <c r="AE4" s="507"/>
      <c r="AF4" s="516" t="s">
        <v>52</v>
      </c>
      <c r="AG4" s="502" t="s">
        <v>61</v>
      </c>
      <c r="AH4" s="503"/>
      <c r="AI4" s="504"/>
      <c r="AJ4" s="505" t="s">
        <v>62</v>
      </c>
      <c r="AK4" s="506"/>
      <c r="AL4" s="506"/>
      <c r="AM4" s="506"/>
      <c r="AN4" s="506"/>
      <c r="AO4" s="507"/>
      <c r="AP4" s="508"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17"/>
      <c r="M5" s="229" t="s">
        <v>43</v>
      </c>
      <c r="N5" s="230" t="s">
        <v>44</v>
      </c>
      <c r="O5" s="234" t="s">
        <v>45</v>
      </c>
      <c r="P5" s="235" t="s">
        <v>47</v>
      </c>
      <c r="Q5" s="232" t="s">
        <v>48</v>
      </c>
      <c r="R5" s="232" t="s">
        <v>49</v>
      </c>
      <c r="S5" s="233" t="s">
        <v>50</v>
      </c>
      <c r="T5" s="230" t="s">
        <v>51</v>
      </c>
      <c r="U5" s="234" t="s">
        <v>45</v>
      </c>
      <c r="V5" s="509"/>
      <c r="W5" s="229" t="s">
        <v>43</v>
      </c>
      <c r="X5" s="230" t="s">
        <v>44</v>
      </c>
      <c r="Y5" s="230" t="s">
        <v>45</v>
      </c>
      <c r="Z5" s="231" t="s">
        <v>47</v>
      </c>
      <c r="AA5" s="232" t="s">
        <v>48</v>
      </c>
      <c r="AB5" s="232" t="s">
        <v>49</v>
      </c>
      <c r="AC5" s="233" t="s">
        <v>50</v>
      </c>
      <c r="AD5" s="230" t="s">
        <v>51</v>
      </c>
      <c r="AE5" s="234" t="s">
        <v>45</v>
      </c>
      <c r="AF5" s="517"/>
      <c r="AG5" s="229" t="s">
        <v>43</v>
      </c>
      <c r="AH5" s="230" t="s">
        <v>44</v>
      </c>
      <c r="AI5" s="230" t="s">
        <v>45</v>
      </c>
      <c r="AJ5" s="231" t="s">
        <v>47</v>
      </c>
      <c r="AK5" s="232" t="s">
        <v>48</v>
      </c>
      <c r="AL5" s="232" t="s">
        <v>49</v>
      </c>
      <c r="AM5" s="233" t="s">
        <v>50</v>
      </c>
      <c r="AN5" s="230" t="s">
        <v>51</v>
      </c>
      <c r="AO5" s="234" t="s">
        <v>45</v>
      </c>
      <c r="AP5" s="509"/>
    </row>
    <row r="6" spans="2:43" ht="21" customHeight="1" x14ac:dyDescent="0.2">
      <c r="B6" s="84" t="s">
        <v>4</v>
      </c>
      <c r="C6" s="211">
        <v>0</v>
      </c>
      <c r="D6" s="213">
        <v>0</v>
      </c>
      <c r="E6" s="213">
        <v>0</v>
      </c>
      <c r="F6" s="214">
        <v>15</v>
      </c>
      <c r="G6" s="212">
        <v>68</v>
      </c>
      <c r="H6" s="212">
        <v>457</v>
      </c>
      <c r="I6" s="212">
        <v>666</v>
      </c>
      <c r="J6" s="213">
        <v>327</v>
      </c>
      <c r="K6" s="236">
        <v>1533</v>
      </c>
      <c r="L6" s="237">
        <v>1533</v>
      </c>
      <c r="M6" s="211">
        <v>0</v>
      </c>
      <c r="N6" s="213">
        <v>0</v>
      </c>
      <c r="O6" s="236">
        <v>0</v>
      </c>
      <c r="P6" s="216">
        <v>75</v>
      </c>
      <c r="Q6" s="212">
        <v>163</v>
      </c>
      <c r="R6" s="212">
        <v>264</v>
      </c>
      <c r="S6" s="212">
        <v>297</v>
      </c>
      <c r="T6" s="213">
        <v>148</v>
      </c>
      <c r="U6" s="236">
        <v>947</v>
      </c>
      <c r="V6" s="215">
        <v>947</v>
      </c>
      <c r="W6" s="216">
        <v>0</v>
      </c>
      <c r="X6" s="213">
        <v>0</v>
      </c>
      <c r="Y6" s="213">
        <v>0</v>
      </c>
      <c r="Z6" s="214">
        <v>0</v>
      </c>
      <c r="AA6" s="212">
        <v>0</v>
      </c>
      <c r="AB6" s="212">
        <v>0</v>
      </c>
      <c r="AC6" s="212">
        <v>0</v>
      </c>
      <c r="AD6" s="213">
        <v>0</v>
      </c>
      <c r="AE6" s="236">
        <v>0</v>
      </c>
      <c r="AF6" s="237">
        <v>0</v>
      </c>
      <c r="AG6" s="211">
        <v>0</v>
      </c>
      <c r="AH6" s="213">
        <v>0</v>
      </c>
      <c r="AI6" s="213">
        <v>0</v>
      </c>
      <c r="AJ6" s="214">
        <v>0</v>
      </c>
      <c r="AK6" s="212">
        <v>1</v>
      </c>
      <c r="AL6" s="212">
        <v>1</v>
      </c>
      <c r="AM6" s="212">
        <v>14</v>
      </c>
      <c r="AN6" s="213">
        <v>15</v>
      </c>
      <c r="AO6" s="236">
        <v>31</v>
      </c>
      <c r="AP6" s="238">
        <v>31</v>
      </c>
      <c r="AQ6" s="239"/>
    </row>
    <row r="7" spans="2:43" ht="21" customHeight="1" x14ac:dyDescent="0.2">
      <c r="B7" s="95" t="s">
        <v>5</v>
      </c>
      <c r="C7" s="217">
        <v>0</v>
      </c>
      <c r="D7" s="219">
        <v>0</v>
      </c>
      <c r="E7" s="219">
        <v>0</v>
      </c>
      <c r="F7" s="220">
        <v>10</v>
      </c>
      <c r="G7" s="218">
        <v>54</v>
      </c>
      <c r="H7" s="218">
        <v>226</v>
      </c>
      <c r="I7" s="218">
        <v>297</v>
      </c>
      <c r="J7" s="219">
        <v>151</v>
      </c>
      <c r="K7" s="240">
        <v>738</v>
      </c>
      <c r="L7" s="241">
        <v>738</v>
      </c>
      <c r="M7" s="217">
        <v>0</v>
      </c>
      <c r="N7" s="219">
        <v>0</v>
      </c>
      <c r="O7" s="240">
        <v>0</v>
      </c>
      <c r="P7" s="222">
        <v>35</v>
      </c>
      <c r="Q7" s="218">
        <v>86</v>
      </c>
      <c r="R7" s="218">
        <v>121</v>
      </c>
      <c r="S7" s="218">
        <v>150</v>
      </c>
      <c r="T7" s="219">
        <v>69</v>
      </c>
      <c r="U7" s="240">
        <v>461</v>
      </c>
      <c r="V7" s="221">
        <v>461</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0</v>
      </c>
      <c r="AM7" s="218">
        <v>3</v>
      </c>
      <c r="AN7" s="219">
        <v>3</v>
      </c>
      <c r="AO7" s="240">
        <v>6</v>
      </c>
      <c r="AP7" s="242">
        <v>6</v>
      </c>
      <c r="AQ7" s="239"/>
    </row>
    <row r="8" spans="2:43" ht="21" customHeight="1" x14ac:dyDescent="0.2">
      <c r="B8" s="106" t="s">
        <v>6</v>
      </c>
      <c r="C8" s="217">
        <v>0</v>
      </c>
      <c r="D8" s="219">
        <v>0</v>
      </c>
      <c r="E8" s="219">
        <v>0</v>
      </c>
      <c r="F8" s="220">
        <v>1</v>
      </c>
      <c r="G8" s="218">
        <v>6</v>
      </c>
      <c r="H8" s="218">
        <v>46</v>
      </c>
      <c r="I8" s="218">
        <v>80</v>
      </c>
      <c r="J8" s="219">
        <v>38</v>
      </c>
      <c r="K8" s="240">
        <v>171</v>
      </c>
      <c r="L8" s="241">
        <v>171</v>
      </c>
      <c r="M8" s="217">
        <v>0</v>
      </c>
      <c r="N8" s="219">
        <v>0</v>
      </c>
      <c r="O8" s="240">
        <v>0</v>
      </c>
      <c r="P8" s="222">
        <v>6</v>
      </c>
      <c r="Q8" s="218">
        <v>16</v>
      </c>
      <c r="R8" s="218">
        <v>34</v>
      </c>
      <c r="S8" s="218">
        <v>31</v>
      </c>
      <c r="T8" s="219">
        <v>22</v>
      </c>
      <c r="U8" s="240">
        <v>109</v>
      </c>
      <c r="V8" s="221">
        <v>109</v>
      </c>
      <c r="W8" s="222">
        <v>0</v>
      </c>
      <c r="X8" s="219">
        <v>0</v>
      </c>
      <c r="Y8" s="219">
        <v>0</v>
      </c>
      <c r="Z8" s="220">
        <v>0</v>
      </c>
      <c r="AA8" s="218">
        <v>0</v>
      </c>
      <c r="AB8" s="218">
        <v>0</v>
      </c>
      <c r="AC8" s="218">
        <v>0</v>
      </c>
      <c r="AD8" s="219">
        <v>0</v>
      </c>
      <c r="AE8" s="240">
        <v>0</v>
      </c>
      <c r="AF8" s="241">
        <v>0</v>
      </c>
      <c r="AG8" s="217">
        <v>0</v>
      </c>
      <c r="AH8" s="219">
        <v>0</v>
      </c>
      <c r="AI8" s="219">
        <v>0</v>
      </c>
      <c r="AJ8" s="220">
        <v>0</v>
      </c>
      <c r="AK8" s="218">
        <v>0</v>
      </c>
      <c r="AL8" s="218">
        <v>0</v>
      </c>
      <c r="AM8" s="218">
        <v>0</v>
      </c>
      <c r="AN8" s="219">
        <v>1</v>
      </c>
      <c r="AO8" s="240">
        <v>1</v>
      </c>
      <c r="AP8" s="242">
        <v>1</v>
      </c>
      <c r="AQ8" s="239"/>
    </row>
    <row r="9" spans="2:43" ht="21" customHeight="1" x14ac:dyDescent="0.2">
      <c r="B9" s="106" t="s">
        <v>14</v>
      </c>
      <c r="C9" s="217">
        <v>0</v>
      </c>
      <c r="D9" s="219">
        <v>0</v>
      </c>
      <c r="E9" s="219">
        <v>0</v>
      </c>
      <c r="F9" s="220">
        <v>0</v>
      </c>
      <c r="G9" s="218">
        <v>0</v>
      </c>
      <c r="H9" s="218">
        <v>32</v>
      </c>
      <c r="I9" s="218">
        <v>45</v>
      </c>
      <c r="J9" s="219">
        <v>23</v>
      </c>
      <c r="K9" s="240">
        <v>100</v>
      </c>
      <c r="L9" s="241">
        <v>100</v>
      </c>
      <c r="M9" s="217">
        <v>0</v>
      </c>
      <c r="N9" s="219">
        <v>0</v>
      </c>
      <c r="O9" s="240">
        <v>0</v>
      </c>
      <c r="P9" s="222">
        <v>0</v>
      </c>
      <c r="Q9" s="218">
        <v>10</v>
      </c>
      <c r="R9" s="218">
        <v>14</v>
      </c>
      <c r="S9" s="218">
        <v>14</v>
      </c>
      <c r="T9" s="219">
        <v>9</v>
      </c>
      <c r="U9" s="240">
        <v>47</v>
      </c>
      <c r="V9" s="221">
        <v>47</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0</v>
      </c>
      <c r="AM9" s="218">
        <v>3</v>
      </c>
      <c r="AN9" s="219">
        <v>6</v>
      </c>
      <c r="AO9" s="240">
        <v>9</v>
      </c>
      <c r="AP9" s="242">
        <v>9</v>
      </c>
      <c r="AQ9" s="239"/>
    </row>
    <row r="10" spans="2:43" ht="21" customHeight="1" x14ac:dyDescent="0.2">
      <c r="B10" s="106" t="s">
        <v>7</v>
      </c>
      <c r="C10" s="217">
        <v>0</v>
      </c>
      <c r="D10" s="219">
        <v>0</v>
      </c>
      <c r="E10" s="219">
        <v>0</v>
      </c>
      <c r="F10" s="220">
        <v>1</v>
      </c>
      <c r="G10" s="218">
        <v>1</v>
      </c>
      <c r="H10" s="218">
        <v>25</v>
      </c>
      <c r="I10" s="218">
        <v>44</v>
      </c>
      <c r="J10" s="219">
        <v>22</v>
      </c>
      <c r="K10" s="240">
        <v>93</v>
      </c>
      <c r="L10" s="241">
        <v>93</v>
      </c>
      <c r="M10" s="217">
        <v>0</v>
      </c>
      <c r="N10" s="219">
        <v>0</v>
      </c>
      <c r="O10" s="240">
        <v>0</v>
      </c>
      <c r="P10" s="222">
        <v>11</v>
      </c>
      <c r="Q10" s="218">
        <v>6</v>
      </c>
      <c r="R10" s="218">
        <v>11</v>
      </c>
      <c r="S10" s="218">
        <v>18</v>
      </c>
      <c r="T10" s="219">
        <v>3</v>
      </c>
      <c r="U10" s="240">
        <v>49</v>
      </c>
      <c r="V10" s="221">
        <v>49</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1</v>
      </c>
      <c r="AM10" s="218">
        <v>1</v>
      </c>
      <c r="AN10" s="219">
        <v>0</v>
      </c>
      <c r="AO10" s="240">
        <v>2</v>
      </c>
      <c r="AP10" s="242">
        <v>2</v>
      </c>
      <c r="AQ10" s="239"/>
    </row>
    <row r="11" spans="2:43" ht="21" customHeight="1" x14ac:dyDescent="0.2">
      <c r="B11" s="106" t="s">
        <v>8</v>
      </c>
      <c r="C11" s="217">
        <v>0</v>
      </c>
      <c r="D11" s="219">
        <v>0</v>
      </c>
      <c r="E11" s="219">
        <v>0</v>
      </c>
      <c r="F11" s="220">
        <v>1</v>
      </c>
      <c r="G11" s="218">
        <v>2</v>
      </c>
      <c r="H11" s="218">
        <v>11</v>
      </c>
      <c r="I11" s="218">
        <v>9</v>
      </c>
      <c r="J11" s="219">
        <v>7</v>
      </c>
      <c r="K11" s="240">
        <v>30</v>
      </c>
      <c r="L11" s="241">
        <v>30</v>
      </c>
      <c r="M11" s="217">
        <v>0</v>
      </c>
      <c r="N11" s="219">
        <v>0</v>
      </c>
      <c r="O11" s="240">
        <v>0</v>
      </c>
      <c r="P11" s="222">
        <v>2</v>
      </c>
      <c r="Q11" s="218">
        <v>4</v>
      </c>
      <c r="R11" s="218">
        <v>8</v>
      </c>
      <c r="S11" s="218">
        <v>5</v>
      </c>
      <c r="T11" s="219">
        <v>3</v>
      </c>
      <c r="U11" s="240">
        <v>22</v>
      </c>
      <c r="V11" s="221">
        <v>22</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1</v>
      </c>
      <c r="AN11" s="219">
        <v>0</v>
      </c>
      <c r="AO11" s="240">
        <v>1</v>
      </c>
      <c r="AP11" s="242">
        <v>1</v>
      </c>
      <c r="AQ11" s="239"/>
    </row>
    <row r="12" spans="2:43" ht="21" customHeight="1" x14ac:dyDescent="0.2">
      <c r="B12" s="106" t="s">
        <v>9</v>
      </c>
      <c r="C12" s="217">
        <v>0</v>
      </c>
      <c r="D12" s="219">
        <v>0</v>
      </c>
      <c r="E12" s="219">
        <v>0</v>
      </c>
      <c r="F12" s="220">
        <v>0</v>
      </c>
      <c r="G12" s="218">
        <v>0</v>
      </c>
      <c r="H12" s="218">
        <v>13</v>
      </c>
      <c r="I12" s="218">
        <v>24</v>
      </c>
      <c r="J12" s="219">
        <v>8</v>
      </c>
      <c r="K12" s="240">
        <v>45</v>
      </c>
      <c r="L12" s="241">
        <v>45</v>
      </c>
      <c r="M12" s="217">
        <v>0</v>
      </c>
      <c r="N12" s="219">
        <v>0</v>
      </c>
      <c r="O12" s="240">
        <v>0</v>
      </c>
      <c r="P12" s="222">
        <v>1</v>
      </c>
      <c r="Q12" s="218">
        <v>3</v>
      </c>
      <c r="R12" s="218">
        <v>13</v>
      </c>
      <c r="S12" s="218">
        <v>8</v>
      </c>
      <c r="T12" s="219">
        <v>1</v>
      </c>
      <c r="U12" s="240">
        <v>26</v>
      </c>
      <c r="V12" s="221">
        <v>26</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1</v>
      </c>
      <c r="G13" s="218">
        <v>1</v>
      </c>
      <c r="H13" s="218">
        <v>20</v>
      </c>
      <c r="I13" s="218">
        <v>33</v>
      </c>
      <c r="J13" s="219">
        <v>12</v>
      </c>
      <c r="K13" s="240">
        <v>67</v>
      </c>
      <c r="L13" s="241">
        <v>67</v>
      </c>
      <c r="M13" s="217">
        <v>0</v>
      </c>
      <c r="N13" s="219">
        <v>0</v>
      </c>
      <c r="O13" s="240">
        <v>0</v>
      </c>
      <c r="P13" s="222">
        <v>5</v>
      </c>
      <c r="Q13" s="218">
        <v>6</v>
      </c>
      <c r="R13" s="218">
        <v>6</v>
      </c>
      <c r="S13" s="218">
        <v>11</v>
      </c>
      <c r="T13" s="219">
        <v>6</v>
      </c>
      <c r="U13" s="240">
        <v>34</v>
      </c>
      <c r="V13" s="221">
        <v>34</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0</v>
      </c>
      <c r="AM13" s="218">
        <v>0</v>
      </c>
      <c r="AN13" s="219">
        <v>1</v>
      </c>
      <c r="AO13" s="240">
        <v>1</v>
      </c>
      <c r="AP13" s="242">
        <v>1</v>
      </c>
      <c r="AQ13" s="239"/>
    </row>
    <row r="14" spans="2:43" ht="21" customHeight="1" x14ac:dyDescent="0.2">
      <c r="B14" s="106" t="s">
        <v>11</v>
      </c>
      <c r="C14" s="217">
        <v>0</v>
      </c>
      <c r="D14" s="219">
        <v>0</v>
      </c>
      <c r="E14" s="219">
        <v>0</v>
      </c>
      <c r="F14" s="220">
        <v>0</v>
      </c>
      <c r="G14" s="218">
        <v>0</v>
      </c>
      <c r="H14" s="218">
        <v>4</v>
      </c>
      <c r="I14" s="218">
        <v>17</v>
      </c>
      <c r="J14" s="219">
        <v>3</v>
      </c>
      <c r="K14" s="240">
        <v>24</v>
      </c>
      <c r="L14" s="241">
        <v>24</v>
      </c>
      <c r="M14" s="217">
        <v>0</v>
      </c>
      <c r="N14" s="219">
        <v>0</v>
      </c>
      <c r="O14" s="240">
        <v>0</v>
      </c>
      <c r="P14" s="222">
        <v>1</v>
      </c>
      <c r="Q14" s="218">
        <v>3</v>
      </c>
      <c r="R14" s="218">
        <v>4</v>
      </c>
      <c r="S14" s="218">
        <v>7</v>
      </c>
      <c r="T14" s="219">
        <v>5</v>
      </c>
      <c r="U14" s="240">
        <v>20</v>
      </c>
      <c r="V14" s="221">
        <v>20</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1</v>
      </c>
      <c r="AN14" s="219">
        <v>0</v>
      </c>
      <c r="AO14" s="240">
        <v>1</v>
      </c>
      <c r="AP14" s="242">
        <v>1</v>
      </c>
      <c r="AQ14" s="239"/>
    </row>
    <row r="15" spans="2:43" ht="21" customHeight="1" x14ac:dyDescent="0.2">
      <c r="B15" s="106" t="s">
        <v>12</v>
      </c>
      <c r="C15" s="217">
        <v>0</v>
      </c>
      <c r="D15" s="219">
        <v>0</v>
      </c>
      <c r="E15" s="219">
        <v>0</v>
      </c>
      <c r="F15" s="220">
        <v>0</v>
      </c>
      <c r="G15" s="218">
        <v>0</v>
      </c>
      <c r="H15" s="218">
        <v>10</v>
      </c>
      <c r="I15" s="218">
        <v>9</v>
      </c>
      <c r="J15" s="219">
        <v>5</v>
      </c>
      <c r="K15" s="240">
        <v>24</v>
      </c>
      <c r="L15" s="241">
        <v>24</v>
      </c>
      <c r="M15" s="217">
        <v>0</v>
      </c>
      <c r="N15" s="219">
        <v>0</v>
      </c>
      <c r="O15" s="240">
        <v>0</v>
      </c>
      <c r="P15" s="222">
        <v>1</v>
      </c>
      <c r="Q15" s="218">
        <v>3</v>
      </c>
      <c r="R15" s="218">
        <v>9</v>
      </c>
      <c r="S15" s="218">
        <v>11</v>
      </c>
      <c r="T15" s="219">
        <v>5</v>
      </c>
      <c r="U15" s="240">
        <v>29</v>
      </c>
      <c r="V15" s="221">
        <v>29</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0</v>
      </c>
      <c r="AN15" s="219">
        <v>0</v>
      </c>
      <c r="AO15" s="240">
        <v>0</v>
      </c>
      <c r="AP15" s="242">
        <v>0</v>
      </c>
      <c r="AQ15" s="239"/>
    </row>
    <row r="16" spans="2:43" ht="21" customHeight="1" x14ac:dyDescent="0.2">
      <c r="B16" s="106" t="s">
        <v>13</v>
      </c>
      <c r="C16" s="217">
        <v>0</v>
      </c>
      <c r="D16" s="219">
        <v>0</v>
      </c>
      <c r="E16" s="219">
        <v>0</v>
      </c>
      <c r="F16" s="220">
        <v>0</v>
      </c>
      <c r="G16" s="218">
        <v>0</v>
      </c>
      <c r="H16" s="218">
        <v>6</v>
      </c>
      <c r="I16" s="218">
        <v>11</v>
      </c>
      <c r="J16" s="219">
        <v>4</v>
      </c>
      <c r="K16" s="240">
        <v>21</v>
      </c>
      <c r="L16" s="241">
        <v>21</v>
      </c>
      <c r="M16" s="217">
        <v>0</v>
      </c>
      <c r="N16" s="219">
        <v>0</v>
      </c>
      <c r="O16" s="240">
        <v>0</v>
      </c>
      <c r="P16" s="222">
        <v>0</v>
      </c>
      <c r="Q16" s="218">
        <v>1</v>
      </c>
      <c r="R16" s="218">
        <v>5</v>
      </c>
      <c r="S16" s="218">
        <v>1</v>
      </c>
      <c r="T16" s="219">
        <v>1</v>
      </c>
      <c r="U16" s="240">
        <v>8</v>
      </c>
      <c r="V16" s="221">
        <v>8</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3</v>
      </c>
      <c r="I17" s="218">
        <v>13</v>
      </c>
      <c r="J17" s="219">
        <v>0</v>
      </c>
      <c r="K17" s="240">
        <v>16</v>
      </c>
      <c r="L17" s="241">
        <v>16</v>
      </c>
      <c r="M17" s="217">
        <v>0</v>
      </c>
      <c r="N17" s="219">
        <v>0</v>
      </c>
      <c r="O17" s="240">
        <v>0</v>
      </c>
      <c r="P17" s="222">
        <v>1</v>
      </c>
      <c r="Q17" s="218">
        <v>2</v>
      </c>
      <c r="R17" s="218">
        <v>1</v>
      </c>
      <c r="S17" s="218">
        <v>4</v>
      </c>
      <c r="T17" s="219">
        <v>1</v>
      </c>
      <c r="U17" s="240">
        <v>9</v>
      </c>
      <c r="V17" s="221">
        <v>9</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1</v>
      </c>
      <c r="H18" s="218">
        <v>6</v>
      </c>
      <c r="I18" s="218">
        <v>7</v>
      </c>
      <c r="J18" s="219">
        <v>6</v>
      </c>
      <c r="K18" s="240">
        <v>20</v>
      </c>
      <c r="L18" s="241">
        <v>20</v>
      </c>
      <c r="M18" s="217">
        <v>0</v>
      </c>
      <c r="N18" s="219">
        <v>0</v>
      </c>
      <c r="O18" s="240">
        <v>0</v>
      </c>
      <c r="P18" s="222">
        <v>2</v>
      </c>
      <c r="Q18" s="218">
        <v>3</v>
      </c>
      <c r="R18" s="218">
        <v>3</v>
      </c>
      <c r="S18" s="218">
        <v>7</v>
      </c>
      <c r="T18" s="219">
        <v>0</v>
      </c>
      <c r="U18" s="240">
        <v>15</v>
      </c>
      <c r="V18" s="221">
        <v>15</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1</v>
      </c>
      <c r="AO18" s="240">
        <v>1</v>
      </c>
      <c r="AP18" s="242">
        <v>1</v>
      </c>
      <c r="AQ18" s="239"/>
    </row>
    <row r="19" spans="2:43" ht="21" customHeight="1" x14ac:dyDescent="0.2">
      <c r="B19" s="106" t="s">
        <v>17</v>
      </c>
      <c r="C19" s="217">
        <v>0</v>
      </c>
      <c r="D19" s="219">
        <v>0</v>
      </c>
      <c r="E19" s="219">
        <v>0</v>
      </c>
      <c r="F19" s="220">
        <v>0</v>
      </c>
      <c r="G19" s="218">
        <v>0</v>
      </c>
      <c r="H19" s="218">
        <v>11</v>
      </c>
      <c r="I19" s="218">
        <v>10</v>
      </c>
      <c r="J19" s="219">
        <v>8</v>
      </c>
      <c r="K19" s="240">
        <v>29</v>
      </c>
      <c r="L19" s="241">
        <v>29</v>
      </c>
      <c r="M19" s="217">
        <v>0</v>
      </c>
      <c r="N19" s="219">
        <v>0</v>
      </c>
      <c r="O19" s="240">
        <v>0</v>
      </c>
      <c r="P19" s="222">
        <v>1</v>
      </c>
      <c r="Q19" s="218">
        <v>2</v>
      </c>
      <c r="R19" s="218">
        <v>4</v>
      </c>
      <c r="S19" s="218">
        <v>4</v>
      </c>
      <c r="T19" s="219">
        <v>5</v>
      </c>
      <c r="U19" s="240">
        <v>16</v>
      </c>
      <c r="V19" s="221">
        <v>16</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1</v>
      </c>
      <c r="AN19" s="219">
        <v>0</v>
      </c>
      <c r="AO19" s="240">
        <v>1</v>
      </c>
      <c r="AP19" s="242">
        <v>1</v>
      </c>
      <c r="AQ19" s="239"/>
    </row>
    <row r="20" spans="2:43" ht="21" customHeight="1" x14ac:dyDescent="0.2">
      <c r="B20" s="106" t="s">
        <v>18</v>
      </c>
      <c r="C20" s="217">
        <v>0</v>
      </c>
      <c r="D20" s="219">
        <v>0</v>
      </c>
      <c r="E20" s="219">
        <v>0</v>
      </c>
      <c r="F20" s="220">
        <v>0</v>
      </c>
      <c r="G20" s="218">
        <v>0</v>
      </c>
      <c r="H20" s="218">
        <v>7</v>
      </c>
      <c r="I20" s="218">
        <v>18</v>
      </c>
      <c r="J20" s="219">
        <v>5</v>
      </c>
      <c r="K20" s="240">
        <v>30</v>
      </c>
      <c r="L20" s="241">
        <v>30</v>
      </c>
      <c r="M20" s="217">
        <v>0</v>
      </c>
      <c r="N20" s="219">
        <v>0</v>
      </c>
      <c r="O20" s="240">
        <v>0</v>
      </c>
      <c r="P20" s="222">
        <v>1</v>
      </c>
      <c r="Q20" s="218">
        <v>7</v>
      </c>
      <c r="R20" s="218">
        <v>10</v>
      </c>
      <c r="S20" s="218">
        <v>8</v>
      </c>
      <c r="T20" s="219">
        <v>1</v>
      </c>
      <c r="U20" s="240">
        <v>27</v>
      </c>
      <c r="V20" s="221">
        <v>27</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2</v>
      </c>
      <c r="AN20" s="219">
        <v>1</v>
      </c>
      <c r="AO20" s="240">
        <v>3</v>
      </c>
      <c r="AP20" s="242">
        <v>3</v>
      </c>
      <c r="AQ20" s="239"/>
    </row>
    <row r="21" spans="2:43" ht="21" customHeight="1" x14ac:dyDescent="0.2">
      <c r="B21" s="106" t="s">
        <v>19</v>
      </c>
      <c r="C21" s="217">
        <v>0</v>
      </c>
      <c r="D21" s="219">
        <v>0</v>
      </c>
      <c r="E21" s="219">
        <v>0</v>
      </c>
      <c r="F21" s="220">
        <v>0</v>
      </c>
      <c r="G21" s="218">
        <v>0</v>
      </c>
      <c r="H21" s="218">
        <v>7</v>
      </c>
      <c r="I21" s="218">
        <v>5</v>
      </c>
      <c r="J21" s="219">
        <v>5</v>
      </c>
      <c r="K21" s="240">
        <v>17</v>
      </c>
      <c r="L21" s="241">
        <v>17</v>
      </c>
      <c r="M21" s="217">
        <v>0</v>
      </c>
      <c r="N21" s="219">
        <v>0</v>
      </c>
      <c r="O21" s="240">
        <v>0</v>
      </c>
      <c r="P21" s="222">
        <v>2</v>
      </c>
      <c r="Q21" s="218">
        <v>1</v>
      </c>
      <c r="R21" s="218">
        <v>4</v>
      </c>
      <c r="S21" s="218">
        <v>3</v>
      </c>
      <c r="T21" s="219">
        <v>3</v>
      </c>
      <c r="U21" s="240">
        <v>13</v>
      </c>
      <c r="V21" s="221">
        <v>13</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0</v>
      </c>
      <c r="AO21" s="240">
        <v>0</v>
      </c>
      <c r="AP21" s="242">
        <v>0</v>
      </c>
      <c r="AQ21" s="239"/>
    </row>
    <row r="22" spans="2:43" ht="21" customHeight="1" x14ac:dyDescent="0.2">
      <c r="B22" s="106" t="s">
        <v>20</v>
      </c>
      <c r="C22" s="217">
        <v>0</v>
      </c>
      <c r="D22" s="219">
        <v>0</v>
      </c>
      <c r="E22" s="219">
        <v>0</v>
      </c>
      <c r="F22" s="220">
        <v>0</v>
      </c>
      <c r="G22" s="218">
        <v>2</v>
      </c>
      <c r="H22" s="218">
        <v>4</v>
      </c>
      <c r="I22" s="218">
        <v>11</v>
      </c>
      <c r="J22" s="219">
        <v>6</v>
      </c>
      <c r="K22" s="240">
        <v>23</v>
      </c>
      <c r="L22" s="241">
        <v>23</v>
      </c>
      <c r="M22" s="217">
        <v>0</v>
      </c>
      <c r="N22" s="219">
        <v>0</v>
      </c>
      <c r="O22" s="240">
        <v>0</v>
      </c>
      <c r="P22" s="222">
        <v>1</v>
      </c>
      <c r="Q22" s="218">
        <v>0</v>
      </c>
      <c r="R22" s="218">
        <v>0</v>
      </c>
      <c r="S22" s="218">
        <v>1</v>
      </c>
      <c r="T22" s="219">
        <v>0</v>
      </c>
      <c r="U22" s="240">
        <v>2</v>
      </c>
      <c r="V22" s="221">
        <v>2</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0</v>
      </c>
      <c r="AO22" s="240">
        <v>0</v>
      </c>
      <c r="AP22" s="242">
        <v>0</v>
      </c>
      <c r="AQ22" s="239"/>
    </row>
    <row r="23" spans="2:43" ht="21" customHeight="1" x14ac:dyDescent="0.2">
      <c r="B23" s="106" t="s">
        <v>21</v>
      </c>
      <c r="C23" s="217">
        <v>0</v>
      </c>
      <c r="D23" s="219">
        <v>0</v>
      </c>
      <c r="E23" s="219">
        <v>0</v>
      </c>
      <c r="F23" s="220">
        <v>0</v>
      </c>
      <c r="G23" s="218">
        <v>0</v>
      </c>
      <c r="H23" s="218">
        <v>5</v>
      </c>
      <c r="I23" s="218">
        <v>7</v>
      </c>
      <c r="J23" s="219">
        <v>8</v>
      </c>
      <c r="K23" s="240">
        <v>20</v>
      </c>
      <c r="L23" s="241">
        <v>20</v>
      </c>
      <c r="M23" s="217">
        <v>0</v>
      </c>
      <c r="N23" s="219">
        <v>0</v>
      </c>
      <c r="O23" s="240">
        <v>0</v>
      </c>
      <c r="P23" s="222">
        <v>0</v>
      </c>
      <c r="Q23" s="218">
        <v>1</v>
      </c>
      <c r="R23" s="218">
        <v>3</v>
      </c>
      <c r="S23" s="218">
        <v>0</v>
      </c>
      <c r="T23" s="219">
        <v>1</v>
      </c>
      <c r="U23" s="240">
        <v>5</v>
      </c>
      <c r="V23" s="221">
        <v>5</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0</v>
      </c>
      <c r="AN23" s="219">
        <v>0</v>
      </c>
      <c r="AO23" s="240">
        <v>0</v>
      </c>
      <c r="AP23" s="242">
        <v>0</v>
      </c>
      <c r="AQ23" s="239"/>
    </row>
    <row r="24" spans="2:43" ht="21" customHeight="1" x14ac:dyDescent="0.2">
      <c r="B24" s="106" t="s">
        <v>22</v>
      </c>
      <c r="C24" s="217">
        <v>0</v>
      </c>
      <c r="D24" s="219">
        <v>0</v>
      </c>
      <c r="E24" s="219">
        <v>0</v>
      </c>
      <c r="F24" s="220">
        <v>0</v>
      </c>
      <c r="G24" s="218">
        <v>0</v>
      </c>
      <c r="H24" s="218">
        <v>4</v>
      </c>
      <c r="I24" s="218">
        <v>2</v>
      </c>
      <c r="J24" s="219">
        <v>1</v>
      </c>
      <c r="K24" s="240">
        <v>7</v>
      </c>
      <c r="L24" s="241">
        <v>7</v>
      </c>
      <c r="M24" s="217">
        <v>0</v>
      </c>
      <c r="N24" s="219">
        <v>0</v>
      </c>
      <c r="O24" s="240">
        <v>0</v>
      </c>
      <c r="P24" s="222">
        <v>1</v>
      </c>
      <c r="Q24" s="218">
        <v>2</v>
      </c>
      <c r="R24" s="218">
        <v>1</v>
      </c>
      <c r="S24" s="218">
        <v>0</v>
      </c>
      <c r="T24" s="219">
        <v>3</v>
      </c>
      <c r="U24" s="240">
        <v>7</v>
      </c>
      <c r="V24" s="221">
        <v>7</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1</v>
      </c>
      <c r="AN24" s="219">
        <v>0</v>
      </c>
      <c r="AO24" s="240">
        <v>1</v>
      </c>
      <c r="AP24" s="242">
        <v>1</v>
      </c>
      <c r="AQ24" s="239"/>
    </row>
    <row r="25" spans="2:43" ht="21" customHeight="1" x14ac:dyDescent="0.2">
      <c r="B25" s="106" t="s">
        <v>23</v>
      </c>
      <c r="C25" s="217">
        <v>0</v>
      </c>
      <c r="D25" s="219">
        <v>0</v>
      </c>
      <c r="E25" s="219">
        <v>0</v>
      </c>
      <c r="F25" s="220">
        <v>0</v>
      </c>
      <c r="G25" s="218">
        <v>0</v>
      </c>
      <c r="H25" s="218">
        <v>7</v>
      </c>
      <c r="I25" s="218">
        <v>5</v>
      </c>
      <c r="J25" s="219">
        <v>0</v>
      </c>
      <c r="K25" s="240">
        <v>12</v>
      </c>
      <c r="L25" s="241">
        <v>12</v>
      </c>
      <c r="M25" s="217">
        <v>0</v>
      </c>
      <c r="N25" s="219">
        <v>0</v>
      </c>
      <c r="O25" s="240">
        <v>0</v>
      </c>
      <c r="P25" s="222">
        <v>0</v>
      </c>
      <c r="Q25" s="218">
        <v>0</v>
      </c>
      <c r="R25" s="218">
        <v>2</v>
      </c>
      <c r="S25" s="218">
        <v>2</v>
      </c>
      <c r="T25" s="219">
        <v>2</v>
      </c>
      <c r="U25" s="240">
        <v>6</v>
      </c>
      <c r="V25" s="221">
        <v>6</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0</v>
      </c>
      <c r="AO25" s="240">
        <v>0</v>
      </c>
      <c r="AP25" s="242">
        <v>0</v>
      </c>
      <c r="AQ25" s="239"/>
    </row>
    <row r="26" spans="2:43" ht="21" customHeight="1" x14ac:dyDescent="0.2">
      <c r="B26" s="106" t="s">
        <v>24</v>
      </c>
      <c r="C26" s="217">
        <v>0</v>
      </c>
      <c r="D26" s="219">
        <v>0</v>
      </c>
      <c r="E26" s="219">
        <v>0</v>
      </c>
      <c r="F26" s="220">
        <v>0</v>
      </c>
      <c r="G26" s="218">
        <v>0</v>
      </c>
      <c r="H26" s="218">
        <v>1</v>
      </c>
      <c r="I26" s="218">
        <v>6</v>
      </c>
      <c r="J26" s="219">
        <v>3</v>
      </c>
      <c r="K26" s="240">
        <v>10</v>
      </c>
      <c r="L26" s="241">
        <v>10</v>
      </c>
      <c r="M26" s="217">
        <v>0</v>
      </c>
      <c r="N26" s="219">
        <v>0</v>
      </c>
      <c r="O26" s="240">
        <v>0</v>
      </c>
      <c r="P26" s="222">
        <v>1</v>
      </c>
      <c r="Q26" s="218">
        <v>1</v>
      </c>
      <c r="R26" s="218">
        <v>5</v>
      </c>
      <c r="S26" s="218">
        <v>2</v>
      </c>
      <c r="T26" s="219">
        <v>0</v>
      </c>
      <c r="U26" s="240">
        <v>9</v>
      </c>
      <c r="V26" s="221">
        <v>9</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1</v>
      </c>
      <c r="G27" s="218">
        <v>0</v>
      </c>
      <c r="H27" s="218">
        <v>2</v>
      </c>
      <c r="I27" s="218">
        <v>1</v>
      </c>
      <c r="J27" s="219">
        <v>2</v>
      </c>
      <c r="K27" s="240">
        <v>6</v>
      </c>
      <c r="L27" s="241">
        <v>6</v>
      </c>
      <c r="M27" s="217">
        <v>0</v>
      </c>
      <c r="N27" s="219">
        <v>0</v>
      </c>
      <c r="O27" s="240">
        <v>0</v>
      </c>
      <c r="P27" s="222">
        <v>1</v>
      </c>
      <c r="Q27" s="218">
        <v>2</v>
      </c>
      <c r="R27" s="218">
        <v>0</v>
      </c>
      <c r="S27" s="218">
        <v>1</v>
      </c>
      <c r="T27" s="219">
        <v>2</v>
      </c>
      <c r="U27" s="240">
        <v>6</v>
      </c>
      <c r="V27" s="221">
        <v>6</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2</v>
      </c>
      <c r="I28" s="218">
        <v>1</v>
      </c>
      <c r="J28" s="219">
        <v>2</v>
      </c>
      <c r="K28" s="240">
        <v>5</v>
      </c>
      <c r="L28" s="241">
        <v>5</v>
      </c>
      <c r="M28" s="217">
        <v>0</v>
      </c>
      <c r="N28" s="219">
        <v>0</v>
      </c>
      <c r="O28" s="240">
        <v>0</v>
      </c>
      <c r="P28" s="222">
        <v>0</v>
      </c>
      <c r="Q28" s="218">
        <v>0</v>
      </c>
      <c r="R28" s="218">
        <v>3</v>
      </c>
      <c r="S28" s="218">
        <v>0</v>
      </c>
      <c r="T28" s="219">
        <v>1</v>
      </c>
      <c r="U28" s="240">
        <v>4</v>
      </c>
      <c r="V28" s="221">
        <v>4</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1</v>
      </c>
      <c r="H29" s="218">
        <v>1</v>
      </c>
      <c r="I29" s="218">
        <v>2</v>
      </c>
      <c r="J29" s="219">
        <v>1</v>
      </c>
      <c r="K29" s="240">
        <v>5</v>
      </c>
      <c r="L29" s="241">
        <v>5</v>
      </c>
      <c r="M29" s="217">
        <v>0</v>
      </c>
      <c r="N29" s="219">
        <v>0</v>
      </c>
      <c r="O29" s="240">
        <v>0</v>
      </c>
      <c r="P29" s="222">
        <v>0</v>
      </c>
      <c r="Q29" s="218">
        <v>3</v>
      </c>
      <c r="R29" s="218">
        <v>1</v>
      </c>
      <c r="S29" s="218">
        <v>4</v>
      </c>
      <c r="T29" s="219">
        <v>1</v>
      </c>
      <c r="U29" s="240">
        <v>9</v>
      </c>
      <c r="V29" s="221">
        <v>9</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1</v>
      </c>
      <c r="AO29" s="240">
        <v>1</v>
      </c>
      <c r="AP29" s="242">
        <v>1</v>
      </c>
      <c r="AQ29" s="239"/>
    </row>
    <row r="30" spans="2:43" ht="21" customHeight="1" x14ac:dyDescent="0.2">
      <c r="B30" s="106" t="s">
        <v>28</v>
      </c>
      <c r="C30" s="217">
        <v>0</v>
      </c>
      <c r="D30" s="219">
        <v>0</v>
      </c>
      <c r="E30" s="219">
        <v>0</v>
      </c>
      <c r="F30" s="220">
        <v>0</v>
      </c>
      <c r="G30" s="218">
        <v>0</v>
      </c>
      <c r="H30" s="218">
        <v>0</v>
      </c>
      <c r="I30" s="218">
        <v>1</v>
      </c>
      <c r="J30" s="219">
        <v>1</v>
      </c>
      <c r="K30" s="240">
        <v>2</v>
      </c>
      <c r="L30" s="241">
        <v>2</v>
      </c>
      <c r="M30" s="217">
        <v>0</v>
      </c>
      <c r="N30" s="219">
        <v>0</v>
      </c>
      <c r="O30" s="240">
        <v>0</v>
      </c>
      <c r="P30" s="222">
        <v>0</v>
      </c>
      <c r="Q30" s="218">
        <v>0</v>
      </c>
      <c r="R30" s="218">
        <v>0</v>
      </c>
      <c r="S30" s="218">
        <v>0</v>
      </c>
      <c r="T30" s="219">
        <v>0</v>
      </c>
      <c r="U30" s="240">
        <v>0</v>
      </c>
      <c r="V30" s="221">
        <v>0</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0</v>
      </c>
      <c r="J31" s="219">
        <v>2</v>
      </c>
      <c r="K31" s="240">
        <v>2</v>
      </c>
      <c r="L31" s="241">
        <v>2</v>
      </c>
      <c r="M31" s="217">
        <v>0</v>
      </c>
      <c r="N31" s="219">
        <v>0</v>
      </c>
      <c r="O31" s="240">
        <v>0</v>
      </c>
      <c r="P31" s="222">
        <v>0</v>
      </c>
      <c r="Q31" s="218">
        <v>0</v>
      </c>
      <c r="R31" s="218">
        <v>0</v>
      </c>
      <c r="S31" s="218">
        <v>1</v>
      </c>
      <c r="T31" s="219">
        <v>1</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1</v>
      </c>
      <c r="J32" s="219">
        <v>1</v>
      </c>
      <c r="K32" s="240">
        <v>3</v>
      </c>
      <c r="L32" s="241">
        <v>3</v>
      </c>
      <c r="M32" s="217">
        <v>0</v>
      </c>
      <c r="N32" s="219">
        <v>0</v>
      </c>
      <c r="O32" s="240">
        <v>0</v>
      </c>
      <c r="P32" s="222">
        <v>1</v>
      </c>
      <c r="Q32" s="218">
        <v>1</v>
      </c>
      <c r="R32" s="218">
        <v>0</v>
      </c>
      <c r="S32" s="218">
        <v>2</v>
      </c>
      <c r="T32" s="219">
        <v>0</v>
      </c>
      <c r="U32" s="240">
        <v>4</v>
      </c>
      <c r="V32" s="221">
        <v>4</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1</v>
      </c>
      <c r="AN32" s="219">
        <v>0</v>
      </c>
      <c r="AO32" s="240">
        <v>1</v>
      </c>
      <c r="AP32" s="242">
        <v>1</v>
      </c>
      <c r="AQ32" s="239"/>
    </row>
    <row r="33" spans="2:43" ht="21" customHeight="1" x14ac:dyDescent="0.2">
      <c r="B33" s="106" t="s">
        <v>31</v>
      </c>
      <c r="C33" s="217">
        <v>0</v>
      </c>
      <c r="D33" s="219">
        <v>0</v>
      </c>
      <c r="E33" s="219">
        <v>0</v>
      </c>
      <c r="F33" s="220">
        <v>0</v>
      </c>
      <c r="G33" s="218">
        <v>0</v>
      </c>
      <c r="H33" s="218">
        <v>2</v>
      </c>
      <c r="I33" s="218">
        <v>1</v>
      </c>
      <c r="J33" s="219">
        <v>0</v>
      </c>
      <c r="K33" s="240">
        <v>3</v>
      </c>
      <c r="L33" s="241">
        <v>3</v>
      </c>
      <c r="M33" s="217">
        <v>0</v>
      </c>
      <c r="N33" s="219">
        <v>0</v>
      </c>
      <c r="O33" s="240">
        <v>0</v>
      </c>
      <c r="P33" s="222">
        <v>1</v>
      </c>
      <c r="Q33" s="218">
        <v>0</v>
      </c>
      <c r="R33" s="218">
        <v>0</v>
      </c>
      <c r="S33" s="218">
        <v>0</v>
      </c>
      <c r="T33" s="219">
        <v>0</v>
      </c>
      <c r="U33" s="240">
        <v>1</v>
      </c>
      <c r="V33" s="221">
        <v>1</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3</v>
      </c>
      <c r="J34" s="219">
        <v>1</v>
      </c>
      <c r="K34" s="240">
        <v>4</v>
      </c>
      <c r="L34" s="241">
        <v>4</v>
      </c>
      <c r="M34" s="217">
        <v>0</v>
      </c>
      <c r="N34" s="219">
        <v>0</v>
      </c>
      <c r="O34" s="240">
        <v>0</v>
      </c>
      <c r="P34" s="222">
        <v>0</v>
      </c>
      <c r="Q34" s="218">
        <v>0</v>
      </c>
      <c r="R34" s="218">
        <v>0</v>
      </c>
      <c r="S34" s="218">
        <v>1</v>
      </c>
      <c r="T34" s="219">
        <v>1</v>
      </c>
      <c r="U34" s="240">
        <v>2</v>
      </c>
      <c r="V34" s="221">
        <v>2</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0</v>
      </c>
      <c r="U35" s="240">
        <v>0</v>
      </c>
      <c r="V35" s="221">
        <v>0</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1</v>
      </c>
      <c r="AL35" s="218">
        <v>0</v>
      </c>
      <c r="AM35" s="218">
        <v>0</v>
      </c>
      <c r="AN35" s="219">
        <v>0</v>
      </c>
      <c r="AO35" s="240">
        <v>1</v>
      </c>
      <c r="AP35" s="242">
        <v>1</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1</v>
      </c>
      <c r="S36" s="218">
        <v>0</v>
      </c>
      <c r="T36" s="219">
        <v>0</v>
      </c>
      <c r="U36" s="240">
        <v>1</v>
      </c>
      <c r="V36" s="221">
        <v>1</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2</v>
      </c>
      <c r="K37" s="240">
        <v>3</v>
      </c>
      <c r="L37" s="241">
        <v>3</v>
      </c>
      <c r="M37" s="217">
        <v>0</v>
      </c>
      <c r="N37" s="219">
        <v>0</v>
      </c>
      <c r="O37" s="240">
        <v>0</v>
      </c>
      <c r="P37" s="222">
        <v>0</v>
      </c>
      <c r="Q37" s="218">
        <v>0</v>
      </c>
      <c r="R37" s="218">
        <v>1</v>
      </c>
      <c r="S37" s="218">
        <v>0</v>
      </c>
      <c r="T37" s="219">
        <v>0</v>
      </c>
      <c r="U37" s="240">
        <v>1</v>
      </c>
      <c r="V37" s="221">
        <v>1</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0</v>
      </c>
      <c r="I38" s="218">
        <v>1</v>
      </c>
      <c r="J38" s="219">
        <v>0</v>
      </c>
      <c r="K38" s="240">
        <v>1</v>
      </c>
      <c r="L38" s="241">
        <v>1</v>
      </c>
      <c r="M38" s="217">
        <v>0</v>
      </c>
      <c r="N38" s="219">
        <v>0</v>
      </c>
      <c r="O38" s="240">
        <v>0</v>
      </c>
      <c r="P38" s="222">
        <v>0</v>
      </c>
      <c r="Q38" s="218">
        <v>0</v>
      </c>
      <c r="R38" s="218">
        <v>0</v>
      </c>
      <c r="S38" s="218">
        <v>1</v>
      </c>
      <c r="T38" s="219">
        <v>2</v>
      </c>
      <c r="U38" s="240">
        <v>3</v>
      </c>
      <c r="V38" s="221">
        <v>3</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1</v>
      </c>
      <c r="AO38" s="240">
        <v>1</v>
      </c>
      <c r="AP38" s="242">
        <v>1</v>
      </c>
      <c r="AQ38" s="239"/>
    </row>
    <row r="39" spans="2:43" ht="21" customHeight="1" thickBot="1" x14ac:dyDescent="0.25">
      <c r="B39" s="108" t="s">
        <v>37</v>
      </c>
      <c r="C39" s="223">
        <v>0</v>
      </c>
      <c r="D39" s="225">
        <v>0</v>
      </c>
      <c r="E39" s="225">
        <v>0</v>
      </c>
      <c r="F39" s="226">
        <v>0</v>
      </c>
      <c r="G39" s="224">
        <v>0</v>
      </c>
      <c r="H39" s="224">
        <v>1</v>
      </c>
      <c r="I39" s="224">
        <v>0</v>
      </c>
      <c r="J39" s="225">
        <v>0</v>
      </c>
      <c r="K39" s="243">
        <v>1</v>
      </c>
      <c r="L39" s="244">
        <v>1</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B3:B4"/>
    <mergeCell ref="C3:L3"/>
    <mergeCell ref="M3:V3"/>
    <mergeCell ref="C4:E4"/>
    <mergeCell ref="F4:K4"/>
    <mergeCell ref="L4:L5"/>
    <mergeCell ref="H1:I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6</v>
      </c>
      <c r="H1" s="528">
        <f>IF(G1&lt;3,G1-2+12,G1-2)</f>
        <v>4</v>
      </c>
      <c r="I1" s="528"/>
    </row>
    <row r="2" spans="2:43" ht="24" customHeight="1" thickBot="1" x14ac:dyDescent="0.25">
      <c r="B2" s="10" t="s">
        <v>156</v>
      </c>
      <c r="F2" s="10" t="s">
        <v>137</v>
      </c>
    </row>
    <row r="3" spans="2:43" ht="21" customHeight="1" x14ac:dyDescent="0.2">
      <c r="B3" s="522"/>
      <c r="C3" s="519" t="s">
        <v>57</v>
      </c>
      <c r="D3" s="520"/>
      <c r="E3" s="520"/>
      <c r="F3" s="520"/>
      <c r="G3" s="520"/>
      <c r="H3" s="520"/>
      <c r="I3" s="520"/>
      <c r="J3" s="520"/>
      <c r="K3" s="520"/>
      <c r="L3" s="520"/>
      <c r="M3" s="519" t="s">
        <v>58</v>
      </c>
      <c r="N3" s="525"/>
      <c r="O3" s="525"/>
      <c r="P3" s="525"/>
      <c r="Q3" s="525"/>
      <c r="R3" s="525"/>
      <c r="S3" s="525"/>
      <c r="T3" s="525"/>
      <c r="U3" s="525"/>
      <c r="V3" s="525"/>
      <c r="W3" s="519" t="s">
        <v>59</v>
      </c>
      <c r="X3" s="520"/>
      <c r="Y3" s="520"/>
      <c r="Z3" s="520"/>
      <c r="AA3" s="520"/>
      <c r="AB3" s="520"/>
      <c r="AC3" s="520"/>
      <c r="AD3" s="520"/>
      <c r="AE3" s="520"/>
      <c r="AF3" s="520"/>
      <c r="AG3" s="519" t="s">
        <v>148</v>
      </c>
      <c r="AH3" s="520"/>
      <c r="AI3" s="520"/>
      <c r="AJ3" s="520"/>
      <c r="AK3" s="520"/>
      <c r="AL3" s="520"/>
      <c r="AM3" s="520"/>
      <c r="AN3" s="520"/>
      <c r="AO3" s="520"/>
      <c r="AP3" s="521"/>
    </row>
    <row r="4" spans="2:43" ht="21" customHeight="1" x14ac:dyDescent="0.2">
      <c r="B4" s="524"/>
      <c r="C4" s="502" t="s">
        <v>61</v>
      </c>
      <c r="D4" s="503"/>
      <c r="E4" s="504"/>
      <c r="F4" s="505" t="s">
        <v>62</v>
      </c>
      <c r="G4" s="506"/>
      <c r="H4" s="506"/>
      <c r="I4" s="506"/>
      <c r="J4" s="506"/>
      <c r="K4" s="507"/>
      <c r="L4" s="516" t="s">
        <v>52</v>
      </c>
      <c r="M4" s="502" t="s">
        <v>61</v>
      </c>
      <c r="N4" s="503"/>
      <c r="O4" s="504"/>
      <c r="P4" s="505" t="s">
        <v>62</v>
      </c>
      <c r="Q4" s="506"/>
      <c r="R4" s="506"/>
      <c r="S4" s="506"/>
      <c r="T4" s="506"/>
      <c r="U4" s="507"/>
      <c r="V4" s="508" t="s">
        <v>52</v>
      </c>
      <c r="W4" s="502" t="s">
        <v>61</v>
      </c>
      <c r="X4" s="503"/>
      <c r="Y4" s="504"/>
      <c r="Z4" s="505" t="s">
        <v>62</v>
      </c>
      <c r="AA4" s="506"/>
      <c r="AB4" s="506"/>
      <c r="AC4" s="506"/>
      <c r="AD4" s="506"/>
      <c r="AE4" s="507"/>
      <c r="AF4" s="516" t="s">
        <v>52</v>
      </c>
      <c r="AG4" s="502" t="s">
        <v>61</v>
      </c>
      <c r="AH4" s="503"/>
      <c r="AI4" s="504"/>
      <c r="AJ4" s="505" t="s">
        <v>62</v>
      </c>
      <c r="AK4" s="506"/>
      <c r="AL4" s="506"/>
      <c r="AM4" s="506"/>
      <c r="AN4" s="506"/>
      <c r="AO4" s="507"/>
      <c r="AP4" s="508"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17"/>
      <c r="M5" s="229" t="s">
        <v>43</v>
      </c>
      <c r="N5" s="230" t="s">
        <v>44</v>
      </c>
      <c r="O5" s="234" t="s">
        <v>45</v>
      </c>
      <c r="P5" s="235" t="s">
        <v>47</v>
      </c>
      <c r="Q5" s="232" t="s">
        <v>48</v>
      </c>
      <c r="R5" s="232" t="s">
        <v>49</v>
      </c>
      <c r="S5" s="233" t="s">
        <v>50</v>
      </c>
      <c r="T5" s="230" t="s">
        <v>51</v>
      </c>
      <c r="U5" s="234" t="s">
        <v>45</v>
      </c>
      <c r="V5" s="509"/>
      <c r="W5" s="229" t="s">
        <v>43</v>
      </c>
      <c r="X5" s="230" t="s">
        <v>44</v>
      </c>
      <c r="Y5" s="230" t="s">
        <v>45</v>
      </c>
      <c r="Z5" s="231" t="s">
        <v>47</v>
      </c>
      <c r="AA5" s="232" t="s">
        <v>48</v>
      </c>
      <c r="AB5" s="232" t="s">
        <v>49</v>
      </c>
      <c r="AC5" s="233" t="s">
        <v>50</v>
      </c>
      <c r="AD5" s="230" t="s">
        <v>51</v>
      </c>
      <c r="AE5" s="234" t="s">
        <v>45</v>
      </c>
      <c r="AF5" s="517"/>
      <c r="AG5" s="229" t="s">
        <v>43</v>
      </c>
      <c r="AH5" s="230" t="s">
        <v>44</v>
      </c>
      <c r="AI5" s="230" t="s">
        <v>45</v>
      </c>
      <c r="AJ5" s="231" t="s">
        <v>47</v>
      </c>
      <c r="AK5" s="232" t="s">
        <v>48</v>
      </c>
      <c r="AL5" s="232" t="s">
        <v>49</v>
      </c>
      <c r="AM5" s="233" t="s">
        <v>50</v>
      </c>
      <c r="AN5" s="230" t="s">
        <v>51</v>
      </c>
      <c r="AO5" s="234" t="s">
        <v>45</v>
      </c>
      <c r="AP5" s="509"/>
    </row>
    <row r="6" spans="2:43" ht="21" customHeight="1" x14ac:dyDescent="0.2">
      <c r="B6" s="84" t="s">
        <v>4</v>
      </c>
      <c r="C6" s="211">
        <v>0</v>
      </c>
      <c r="D6" s="213">
        <v>0</v>
      </c>
      <c r="E6" s="213">
        <v>0</v>
      </c>
      <c r="F6" s="214">
        <v>11</v>
      </c>
      <c r="G6" s="212">
        <v>45</v>
      </c>
      <c r="H6" s="212">
        <v>293</v>
      </c>
      <c r="I6" s="212">
        <v>407</v>
      </c>
      <c r="J6" s="213">
        <v>278</v>
      </c>
      <c r="K6" s="236">
        <v>1034</v>
      </c>
      <c r="L6" s="237">
        <v>1034</v>
      </c>
      <c r="M6" s="211">
        <v>0</v>
      </c>
      <c r="N6" s="213">
        <v>0</v>
      </c>
      <c r="O6" s="236">
        <v>0</v>
      </c>
      <c r="P6" s="216">
        <v>63</v>
      </c>
      <c r="Q6" s="212">
        <v>126</v>
      </c>
      <c r="R6" s="212">
        <v>195</v>
      </c>
      <c r="S6" s="212">
        <v>273</v>
      </c>
      <c r="T6" s="213">
        <v>117</v>
      </c>
      <c r="U6" s="236">
        <v>774</v>
      </c>
      <c r="V6" s="215">
        <v>774</v>
      </c>
      <c r="W6" s="216">
        <v>0</v>
      </c>
      <c r="X6" s="213">
        <v>0</v>
      </c>
      <c r="Y6" s="213">
        <v>0</v>
      </c>
      <c r="Z6" s="214">
        <v>0</v>
      </c>
      <c r="AA6" s="212">
        <v>0</v>
      </c>
      <c r="AB6" s="212">
        <v>0</v>
      </c>
      <c r="AC6" s="212">
        <v>0</v>
      </c>
      <c r="AD6" s="213">
        <v>0</v>
      </c>
      <c r="AE6" s="236">
        <v>0</v>
      </c>
      <c r="AF6" s="237">
        <v>0</v>
      </c>
      <c r="AG6" s="211">
        <v>0</v>
      </c>
      <c r="AH6" s="213">
        <v>0</v>
      </c>
      <c r="AI6" s="213">
        <v>0</v>
      </c>
      <c r="AJ6" s="214">
        <v>2</v>
      </c>
      <c r="AK6" s="212">
        <v>2</v>
      </c>
      <c r="AL6" s="212">
        <v>2</v>
      </c>
      <c r="AM6" s="212">
        <v>9</v>
      </c>
      <c r="AN6" s="213">
        <v>20</v>
      </c>
      <c r="AO6" s="236">
        <v>35</v>
      </c>
      <c r="AP6" s="238">
        <v>35</v>
      </c>
      <c r="AQ6" s="239"/>
    </row>
    <row r="7" spans="2:43" ht="21" customHeight="1" x14ac:dyDescent="0.2">
      <c r="B7" s="95" t="s">
        <v>5</v>
      </c>
      <c r="C7" s="217">
        <v>0</v>
      </c>
      <c r="D7" s="219">
        <v>0</v>
      </c>
      <c r="E7" s="219">
        <v>0</v>
      </c>
      <c r="F7" s="220">
        <v>9</v>
      </c>
      <c r="G7" s="218">
        <v>33</v>
      </c>
      <c r="H7" s="218">
        <v>154</v>
      </c>
      <c r="I7" s="218">
        <v>179</v>
      </c>
      <c r="J7" s="219">
        <v>115</v>
      </c>
      <c r="K7" s="240">
        <v>490</v>
      </c>
      <c r="L7" s="241">
        <v>490</v>
      </c>
      <c r="M7" s="217">
        <v>0</v>
      </c>
      <c r="N7" s="219">
        <v>0</v>
      </c>
      <c r="O7" s="240">
        <v>0</v>
      </c>
      <c r="P7" s="222">
        <v>31</v>
      </c>
      <c r="Q7" s="218">
        <v>62</v>
      </c>
      <c r="R7" s="218">
        <v>93</v>
      </c>
      <c r="S7" s="218">
        <v>138</v>
      </c>
      <c r="T7" s="219">
        <v>65</v>
      </c>
      <c r="U7" s="240">
        <v>389</v>
      </c>
      <c r="V7" s="221">
        <v>389</v>
      </c>
      <c r="W7" s="222">
        <v>0</v>
      </c>
      <c r="X7" s="219">
        <v>0</v>
      </c>
      <c r="Y7" s="219">
        <v>0</v>
      </c>
      <c r="Z7" s="220">
        <v>0</v>
      </c>
      <c r="AA7" s="218">
        <v>0</v>
      </c>
      <c r="AB7" s="218">
        <v>0</v>
      </c>
      <c r="AC7" s="218">
        <v>0</v>
      </c>
      <c r="AD7" s="219">
        <v>0</v>
      </c>
      <c r="AE7" s="240">
        <v>0</v>
      </c>
      <c r="AF7" s="241">
        <v>0</v>
      </c>
      <c r="AG7" s="217">
        <v>0</v>
      </c>
      <c r="AH7" s="219">
        <v>0</v>
      </c>
      <c r="AI7" s="219">
        <v>0</v>
      </c>
      <c r="AJ7" s="220">
        <v>1</v>
      </c>
      <c r="AK7" s="218">
        <v>1</v>
      </c>
      <c r="AL7" s="218">
        <v>0</v>
      </c>
      <c r="AM7" s="218">
        <v>3</v>
      </c>
      <c r="AN7" s="219">
        <v>6</v>
      </c>
      <c r="AO7" s="240">
        <v>11</v>
      </c>
      <c r="AP7" s="242">
        <v>11</v>
      </c>
      <c r="AQ7" s="239"/>
    </row>
    <row r="8" spans="2:43" ht="21" customHeight="1" x14ac:dyDescent="0.2">
      <c r="B8" s="106" t="s">
        <v>6</v>
      </c>
      <c r="C8" s="217">
        <v>0</v>
      </c>
      <c r="D8" s="219">
        <v>0</v>
      </c>
      <c r="E8" s="219">
        <v>0</v>
      </c>
      <c r="F8" s="220">
        <v>1</v>
      </c>
      <c r="G8" s="218">
        <v>5</v>
      </c>
      <c r="H8" s="218">
        <v>33</v>
      </c>
      <c r="I8" s="218">
        <v>54</v>
      </c>
      <c r="J8" s="219">
        <v>35</v>
      </c>
      <c r="K8" s="240">
        <v>128</v>
      </c>
      <c r="L8" s="241">
        <v>128</v>
      </c>
      <c r="M8" s="217">
        <v>0</v>
      </c>
      <c r="N8" s="219">
        <v>0</v>
      </c>
      <c r="O8" s="240">
        <v>0</v>
      </c>
      <c r="P8" s="222">
        <v>9</v>
      </c>
      <c r="Q8" s="218">
        <v>13</v>
      </c>
      <c r="R8" s="218">
        <v>20</v>
      </c>
      <c r="S8" s="218">
        <v>45</v>
      </c>
      <c r="T8" s="219">
        <v>17</v>
      </c>
      <c r="U8" s="240">
        <v>104</v>
      </c>
      <c r="V8" s="221">
        <v>104</v>
      </c>
      <c r="W8" s="222">
        <v>0</v>
      </c>
      <c r="X8" s="219">
        <v>0</v>
      </c>
      <c r="Y8" s="219">
        <v>0</v>
      </c>
      <c r="Z8" s="220">
        <v>0</v>
      </c>
      <c r="AA8" s="218">
        <v>0</v>
      </c>
      <c r="AB8" s="218">
        <v>0</v>
      </c>
      <c r="AC8" s="218">
        <v>0</v>
      </c>
      <c r="AD8" s="219">
        <v>0</v>
      </c>
      <c r="AE8" s="240">
        <v>0</v>
      </c>
      <c r="AF8" s="241">
        <v>0</v>
      </c>
      <c r="AG8" s="217">
        <v>0</v>
      </c>
      <c r="AH8" s="219">
        <v>0</v>
      </c>
      <c r="AI8" s="219">
        <v>0</v>
      </c>
      <c r="AJ8" s="220">
        <v>0</v>
      </c>
      <c r="AK8" s="218">
        <v>1</v>
      </c>
      <c r="AL8" s="218">
        <v>0</v>
      </c>
      <c r="AM8" s="218">
        <v>0</v>
      </c>
      <c r="AN8" s="219">
        <v>2</v>
      </c>
      <c r="AO8" s="240">
        <v>3</v>
      </c>
      <c r="AP8" s="242">
        <v>3</v>
      </c>
      <c r="AQ8" s="239"/>
    </row>
    <row r="9" spans="2:43" ht="21" customHeight="1" x14ac:dyDescent="0.2">
      <c r="B9" s="106" t="s">
        <v>14</v>
      </c>
      <c r="C9" s="217">
        <v>0</v>
      </c>
      <c r="D9" s="219">
        <v>0</v>
      </c>
      <c r="E9" s="219">
        <v>0</v>
      </c>
      <c r="F9" s="220">
        <v>0</v>
      </c>
      <c r="G9" s="218">
        <v>0</v>
      </c>
      <c r="H9" s="218">
        <v>23</v>
      </c>
      <c r="I9" s="218">
        <v>37</v>
      </c>
      <c r="J9" s="219">
        <v>20</v>
      </c>
      <c r="K9" s="240">
        <v>80</v>
      </c>
      <c r="L9" s="241">
        <v>80</v>
      </c>
      <c r="M9" s="217">
        <v>0</v>
      </c>
      <c r="N9" s="219">
        <v>0</v>
      </c>
      <c r="O9" s="240">
        <v>0</v>
      </c>
      <c r="P9" s="222">
        <v>1</v>
      </c>
      <c r="Q9" s="218">
        <v>7</v>
      </c>
      <c r="R9" s="218">
        <v>9</v>
      </c>
      <c r="S9" s="218">
        <v>16</v>
      </c>
      <c r="T9" s="219">
        <v>4</v>
      </c>
      <c r="U9" s="240">
        <v>37</v>
      </c>
      <c r="V9" s="221">
        <v>37</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1</v>
      </c>
      <c r="AM9" s="218">
        <v>1</v>
      </c>
      <c r="AN9" s="219">
        <v>4</v>
      </c>
      <c r="AO9" s="240">
        <v>6</v>
      </c>
      <c r="AP9" s="242">
        <v>6</v>
      </c>
      <c r="AQ9" s="239"/>
    </row>
    <row r="10" spans="2:43" ht="21" customHeight="1" x14ac:dyDescent="0.2">
      <c r="B10" s="106" t="s">
        <v>7</v>
      </c>
      <c r="C10" s="217">
        <v>0</v>
      </c>
      <c r="D10" s="219">
        <v>0</v>
      </c>
      <c r="E10" s="219">
        <v>0</v>
      </c>
      <c r="F10" s="220">
        <v>0</v>
      </c>
      <c r="G10" s="218">
        <v>1</v>
      </c>
      <c r="H10" s="218">
        <v>8</v>
      </c>
      <c r="I10" s="218">
        <v>12</v>
      </c>
      <c r="J10" s="219">
        <v>9</v>
      </c>
      <c r="K10" s="240">
        <v>30</v>
      </c>
      <c r="L10" s="241">
        <v>30</v>
      </c>
      <c r="M10" s="217">
        <v>0</v>
      </c>
      <c r="N10" s="219">
        <v>0</v>
      </c>
      <c r="O10" s="240">
        <v>0</v>
      </c>
      <c r="P10" s="222">
        <v>3</v>
      </c>
      <c r="Q10" s="218">
        <v>5</v>
      </c>
      <c r="R10" s="218">
        <v>6</v>
      </c>
      <c r="S10" s="218">
        <v>7</v>
      </c>
      <c r="T10" s="219">
        <v>1</v>
      </c>
      <c r="U10" s="240">
        <v>22</v>
      </c>
      <c r="V10" s="221">
        <v>22</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0</v>
      </c>
      <c r="AN10" s="219">
        <v>0</v>
      </c>
      <c r="AO10" s="240">
        <v>0</v>
      </c>
      <c r="AP10" s="242">
        <v>0</v>
      </c>
      <c r="AQ10" s="239"/>
    </row>
    <row r="11" spans="2:43" ht="21" customHeight="1" x14ac:dyDescent="0.2">
      <c r="B11" s="106" t="s">
        <v>8</v>
      </c>
      <c r="C11" s="217">
        <v>0</v>
      </c>
      <c r="D11" s="219">
        <v>0</v>
      </c>
      <c r="E11" s="219">
        <v>0</v>
      </c>
      <c r="F11" s="220">
        <v>0</v>
      </c>
      <c r="G11" s="218">
        <v>1</v>
      </c>
      <c r="H11" s="218">
        <v>6</v>
      </c>
      <c r="I11" s="218">
        <v>10</v>
      </c>
      <c r="J11" s="219">
        <v>6</v>
      </c>
      <c r="K11" s="240">
        <v>23</v>
      </c>
      <c r="L11" s="241">
        <v>23</v>
      </c>
      <c r="M11" s="217">
        <v>0</v>
      </c>
      <c r="N11" s="219">
        <v>0</v>
      </c>
      <c r="O11" s="240">
        <v>0</v>
      </c>
      <c r="P11" s="222">
        <v>2</v>
      </c>
      <c r="Q11" s="218">
        <v>3</v>
      </c>
      <c r="R11" s="218">
        <v>6</v>
      </c>
      <c r="S11" s="218">
        <v>5</v>
      </c>
      <c r="T11" s="219">
        <v>2</v>
      </c>
      <c r="U11" s="240">
        <v>18</v>
      </c>
      <c r="V11" s="221">
        <v>18</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0</v>
      </c>
      <c r="AN11" s="219">
        <v>0</v>
      </c>
      <c r="AO11" s="240">
        <v>0</v>
      </c>
      <c r="AP11" s="242">
        <v>0</v>
      </c>
      <c r="AQ11" s="239"/>
    </row>
    <row r="12" spans="2:43" ht="21" customHeight="1" x14ac:dyDescent="0.2">
      <c r="B12" s="106" t="s">
        <v>9</v>
      </c>
      <c r="C12" s="217">
        <v>0</v>
      </c>
      <c r="D12" s="219">
        <v>0</v>
      </c>
      <c r="E12" s="219">
        <v>0</v>
      </c>
      <c r="F12" s="220">
        <v>1</v>
      </c>
      <c r="G12" s="218">
        <v>0</v>
      </c>
      <c r="H12" s="218">
        <v>6</v>
      </c>
      <c r="I12" s="218">
        <v>20</v>
      </c>
      <c r="J12" s="219">
        <v>13</v>
      </c>
      <c r="K12" s="240">
        <v>40</v>
      </c>
      <c r="L12" s="241">
        <v>40</v>
      </c>
      <c r="M12" s="217">
        <v>0</v>
      </c>
      <c r="N12" s="219">
        <v>0</v>
      </c>
      <c r="O12" s="240">
        <v>0</v>
      </c>
      <c r="P12" s="222">
        <v>0</v>
      </c>
      <c r="Q12" s="218">
        <v>5</v>
      </c>
      <c r="R12" s="218">
        <v>9</v>
      </c>
      <c r="S12" s="218">
        <v>7</v>
      </c>
      <c r="T12" s="219">
        <v>8</v>
      </c>
      <c r="U12" s="240">
        <v>29</v>
      </c>
      <c r="V12" s="221">
        <v>29</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0</v>
      </c>
      <c r="G13" s="218">
        <v>1</v>
      </c>
      <c r="H13" s="218">
        <v>17</v>
      </c>
      <c r="I13" s="218">
        <v>17</v>
      </c>
      <c r="J13" s="219">
        <v>16</v>
      </c>
      <c r="K13" s="240">
        <v>51</v>
      </c>
      <c r="L13" s="241">
        <v>51</v>
      </c>
      <c r="M13" s="217">
        <v>0</v>
      </c>
      <c r="N13" s="219">
        <v>0</v>
      </c>
      <c r="O13" s="240">
        <v>0</v>
      </c>
      <c r="P13" s="222">
        <v>3</v>
      </c>
      <c r="Q13" s="218">
        <v>3</v>
      </c>
      <c r="R13" s="218">
        <v>7</v>
      </c>
      <c r="S13" s="218">
        <v>10</v>
      </c>
      <c r="T13" s="219">
        <v>3</v>
      </c>
      <c r="U13" s="240">
        <v>26</v>
      </c>
      <c r="V13" s="221">
        <v>26</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1</v>
      </c>
      <c r="AM13" s="218">
        <v>0</v>
      </c>
      <c r="AN13" s="219">
        <v>1</v>
      </c>
      <c r="AO13" s="240">
        <v>2</v>
      </c>
      <c r="AP13" s="242">
        <v>2</v>
      </c>
      <c r="AQ13" s="239"/>
    </row>
    <row r="14" spans="2:43" ht="21" customHeight="1" x14ac:dyDescent="0.2">
      <c r="B14" s="106" t="s">
        <v>11</v>
      </c>
      <c r="C14" s="217">
        <v>0</v>
      </c>
      <c r="D14" s="219">
        <v>0</v>
      </c>
      <c r="E14" s="219">
        <v>0</v>
      </c>
      <c r="F14" s="220">
        <v>0</v>
      </c>
      <c r="G14" s="218">
        <v>0</v>
      </c>
      <c r="H14" s="218">
        <v>7</v>
      </c>
      <c r="I14" s="218">
        <v>8</v>
      </c>
      <c r="J14" s="219">
        <v>6</v>
      </c>
      <c r="K14" s="240">
        <v>21</v>
      </c>
      <c r="L14" s="241">
        <v>21</v>
      </c>
      <c r="M14" s="217">
        <v>0</v>
      </c>
      <c r="N14" s="219">
        <v>0</v>
      </c>
      <c r="O14" s="240">
        <v>0</v>
      </c>
      <c r="P14" s="222">
        <v>1</v>
      </c>
      <c r="Q14" s="218">
        <v>2</v>
      </c>
      <c r="R14" s="218">
        <v>6</v>
      </c>
      <c r="S14" s="218">
        <v>2</v>
      </c>
      <c r="T14" s="219">
        <v>1</v>
      </c>
      <c r="U14" s="240">
        <v>12</v>
      </c>
      <c r="V14" s="221">
        <v>12</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0</v>
      </c>
      <c r="AN14" s="219">
        <v>1</v>
      </c>
      <c r="AO14" s="240">
        <v>1</v>
      </c>
      <c r="AP14" s="242">
        <v>1</v>
      </c>
      <c r="AQ14" s="239"/>
    </row>
    <row r="15" spans="2:43" ht="21" customHeight="1" x14ac:dyDescent="0.2">
      <c r="B15" s="106" t="s">
        <v>12</v>
      </c>
      <c r="C15" s="217">
        <v>0</v>
      </c>
      <c r="D15" s="219">
        <v>0</v>
      </c>
      <c r="E15" s="219">
        <v>0</v>
      </c>
      <c r="F15" s="220">
        <v>0</v>
      </c>
      <c r="G15" s="218">
        <v>1</v>
      </c>
      <c r="H15" s="218">
        <v>1</v>
      </c>
      <c r="I15" s="218">
        <v>12</v>
      </c>
      <c r="J15" s="219">
        <v>7</v>
      </c>
      <c r="K15" s="240">
        <v>21</v>
      </c>
      <c r="L15" s="241">
        <v>21</v>
      </c>
      <c r="M15" s="217">
        <v>0</v>
      </c>
      <c r="N15" s="219">
        <v>0</v>
      </c>
      <c r="O15" s="240">
        <v>0</v>
      </c>
      <c r="P15" s="222">
        <v>1</v>
      </c>
      <c r="Q15" s="218">
        <v>3</v>
      </c>
      <c r="R15" s="218">
        <v>4</v>
      </c>
      <c r="S15" s="218">
        <v>7</v>
      </c>
      <c r="T15" s="219">
        <v>1</v>
      </c>
      <c r="U15" s="240">
        <v>16</v>
      </c>
      <c r="V15" s="221">
        <v>16</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3</v>
      </c>
      <c r="AN15" s="219">
        <v>0</v>
      </c>
      <c r="AO15" s="240">
        <v>3</v>
      </c>
      <c r="AP15" s="242">
        <v>3</v>
      </c>
      <c r="AQ15" s="239"/>
    </row>
    <row r="16" spans="2:43" ht="21" customHeight="1" x14ac:dyDescent="0.2">
      <c r="B16" s="106" t="s">
        <v>13</v>
      </c>
      <c r="C16" s="217">
        <v>0</v>
      </c>
      <c r="D16" s="219">
        <v>0</v>
      </c>
      <c r="E16" s="219">
        <v>0</v>
      </c>
      <c r="F16" s="220">
        <v>0</v>
      </c>
      <c r="G16" s="218">
        <v>0</v>
      </c>
      <c r="H16" s="218">
        <v>1</v>
      </c>
      <c r="I16" s="218">
        <v>6</v>
      </c>
      <c r="J16" s="219">
        <v>6</v>
      </c>
      <c r="K16" s="240">
        <v>13</v>
      </c>
      <c r="L16" s="241">
        <v>13</v>
      </c>
      <c r="M16" s="217">
        <v>0</v>
      </c>
      <c r="N16" s="219">
        <v>0</v>
      </c>
      <c r="O16" s="240">
        <v>0</v>
      </c>
      <c r="P16" s="222">
        <v>0</v>
      </c>
      <c r="Q16" s="218">
        <v>0</v>
      </c>
      <c r="R16" s="218">
        <v>1</v>
      </c>
      <c r="S16" s="218">
        <v>3</v>
      </c>
      <c r="T16" s="219">
        <v>1</v>
      </c>
      <c r="U16" s="240">
        <v>5</v>
      </c>
      <c r="V16" s="221">
        <v>5</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0</v>
      </c>
      <c r="I17" s="218">
        <v>0</v>
      </c>
      <c r="J17" s="219">
        <v>1</v>
      </c>
      <c r="K17" s="240">
        <v>1</v>
      </c>
      <c r="L17" s="241">
        <v>1</v>
      </c>
      <c r="M17" s="217">
        <v>0</v>
      </c>
      <c r="N17" s="219">
        <v>0</v>
      </c>
      <c r="O17" s="240">
        <v>0</v>
      </c>
      <c r="P17" s="222">
        <v>0</v>
      </c>
      <c r="Q17" s="218">
        <v>0</v>
      </c>
      <c r="R17" s="218">
        <v>2</v>
      </c>
      <c r="S17" s="218">
        <v>2</v>
      </c>
      <c r="T17" s="219">
        <v>0</v>
      </c>
      <c r="U17" s="240">
        <v>4</v>
      </c>
      <c r="V17" s="221">
        <v>4</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0</v>
      </c>
      <c r="H18" s="218">
        <v>6</v>
      </c>
      <c r="I18" s="218">
        <v>9</v>
      </c>
      <c r="J18" s="219">
        <v>3</v>
      </c>
      <c r="K18" s="240">
        <v>18</v>
      </c>
      <c r="L18" s="241">
        <v>18</v>
      </c>
      <c r="M18" s="217">
        <v>0</v>
      </c>
      <c r="N18" s="219">
        <v>0</v>
      </c>
      <c r="O18" s="240">
        <v>0</v>
      </c>
      <c r="P18" s="222">
        <v>1</v>
      </c>
      <c r="Q18" s="218">
        <v>3</v>
      </c>
      <c r="R18" s="218">
        <v>4</v>
      </c>
      <c r="S18" s="218">
        <v>5</v>
      </c>
      <c r="T18" s="219">
        <v>0</v>
      </c>
      <c r="U18" s="240">
        <v>13</v>
      </c>
      <c r="V18" s="221">
        <v>13</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0</v>
      </c>
      <c r="AO18" s="240">
        <v>0</v>
      </c>
      <c r="AP18" s="242">
        <v>0</v>
      </c>
      <c r="AQ18" s="239"/>
    </row>
    <row r="19" spans="2:43" ht="21" customHeight="1" x14ac:dyDescent="0.2">
      <c r="B19" s="106" t="s">
        <v>17</v>
      </c>
      <c r="C19" s="217">
        <v>0</v>
      </c>
      <c r="D19" s="219">
        <v>0</v>
      </c>
      <c r="E19" s="219">
        <v>0</v>
      </c>
      <c r="F19" s="220">
        <v>0</v>
      </c>
      <c r="G19" s="218">
        <v>1</v>
      </c>
      <c r="H19" s="218">
        <v>5</v>
      </c>
      <c r="I19" s="218">
        <v>4</v>
      </c>
      <c r="J19" s="219">
        <v>8</v>
      </c>
      <c r="K19" s="240">
        <v>18</v>
      </c>
      <c r="L19" s="241">
        <v>18</v>
      </c>
      <c r="M19" s="217">
        <v>0</v>
      </c>
      <c r="N19" s="219">
        <v>0</v>
      </c>
      <c r="O19" s="240">
        <v>0</v>
      </c>
      <c r="P19" s="222">
        <v>2</v>
      </c>
      <c r="Q19" s="218">
        <v>5</v>
      </c>
      <c r="R19" s="218">
        <v>5</v>
      </c>
      <c r="S19" s="218">
        <v>3</v>
      </c>
      <c r="T19" s="219">
        <v>6</v>
      </c>
      <c r="U19" s="240">
        <v>21</v>
      </c>
      <c r="V19" s="221">
        <v>21</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1</v>
      </c>
      <c r="AO19" s="240">
        <v>1</v>
      </c>
      <c r="AP19" s="242">
        <v>1</v>
      </c>
      <c r="AQ19" s="239"/>
    </row>
    <row r="20" spans="2:43" ht="21" customHeight="1" x14ac:dyDescent="0.2">
      <c r="B20" s="106" t="s">
        <v>18</v>
      </c>
      <c r="C20" s="217">
        <v>0</v>
      </c>
      <c r="D20" s="219">
        <v>0</v>
      </c>
      <c r="E20" s="219">
        <v>0</v>
      </c>
      <c r="F20" s="220">
        <v>0</v>
      </c>
      <c r="G20" s="218">
        <v>1</v>
      </c>
      <c r="H20" s="218">
        <v>7</v>
      </c>
      <c r="I20" s="218">
        <v>7</v>
      </c>
      <c r="J20" s="219">
        <v>10</v>
      </c>
      <c r="K20" s="240">
        <v>25</v>
      </c>
      <c r="L20" s="241">
        <v>25</v>
      </c>
      <c r="M20" s="217">
        <v>0</v>
      </c>
      <c r="N20" s="219">
        <v>0</v>
      </c>
      <c r="O20" s="240">
        <v>0</v>
      </c>
      <c r="P20" s="222">
        <v>2</v>
      </c>
      <c r="Q20" s="218">
        <v>2</v>
      </c>
      <c r="R20" s="218">
        <v>4</v>
      </c>
      <c r="S20" s="218">
        <v>6</v>
      </c>
      <c r="T20" s="219">
        <v>1</v>
      </c>
      <c r="U20" s="240">
        <v>15</v>
      </c>
      <c r="V20" s="221">
        <v>15</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1</v>
      </c>
      <c r="AN20" s="219">
        <v>0</v>
      </c>
      <c r="AO20" s="240">
        <v>1</v>
      </c>
      <c r="AP20" s="242">
        <v>1</v>
      </c>
      <c r="AQ20" s="239"/>
    </row>
    <row r="21" spans="2:43" ht="21" customHeight="1" x14ac:dyDescent="0.2">
      <c r="B21" s="106" t="s">
        <v>19</v>
      </c>
      <c r="C21" s="217">
        <v>0</v>
      </c>
      <c r="D21" s="219">
        <v>0</v>
      </c>
      <c r="E21" s="219">
        <v>0</v>
      </c>
      <c r="F21" s="220">
        <v>0</v>
      </c>
      <c r="G21" s="218">
        <v>0</v>
      </c>
      <c r="H21" s="218">
        <v>3</v>
      </c>
      <c r="I21" s="218">
        <v>1</v>
      </c>
      <c r="J21" s="219">
        <v>1</v>
      </c>
      <c r="K21" s="240">
        <v>5</v>
      </c>
      <c r="L21" s="241">
        <v>5</v>
      </c>
      <c r="M21" s="217">
        <v>0</v>
      </c>
      <c r="N21" s="219">
        <v>0</v>
      </c>
      <c r="O21" s="240">
        <v>0</v>
      </c>
      <c r="P21" s="222">
        <v>1</v>
      </c>
      <c r="Q21" s="218">
        <v>2</v>
      </c>
      <c r="R21" s="218">
        <v>5</v>
      </c>
      <c r="S21" s="218">
        <v>1</v>
      </c>
      <c r="T21" s="219">
        <v>2</v>
      </c>
      <c r="U21" s="240">
        <v>11</v>
      </c>
      <c r="V21" s="221">
        <v>11</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1</v>
      </c>
      <c r="AO21" s="240">
        <v>1</v>
      </c>
      <c r="AP21" s="242">
        <v>1</v>
      </c>
      <c r="AQ21" s="239"/>
    </row>
    <row r="22" spans="2:43" ht="21" customHeight="1" x14ac:dyDescent="0.2">
      <c r="B22" s="106" t="s">
        <v>20</v>
      </c>
      <c r="C22" s="217">
        <v>0</v>
      </c>
      <c r="D22" s="219">
        <v>0</v>
      </c>
      <c r="E22" s="219">
        <v>0</v>
      </c>
      <c r="F22" s="220">
        <v>0</v>
      </c>
      <c r="G22" s="218">
        <v>0</v>
      </c>
      <c r="H22" s="218">
        <v>2</v>
      </c>
      <c r="I22" s="218">
        <v>9</v>
      </c>
      <c r="J22" s="219">
        <v>4</v>
      </c>
      <c r="K22" s="240">
        <v>15</v>
      </c>
      <c r="L22" s="241">
        <v>15</v>
      </c>
      <c r="M22" s="217">
        <v>0</v>
      </c>
      <c r="N22" s="219">
        <v>0</v>
      </c>
      <c r="O22" s="240">
        <v>0</v>
      </c>
      <c r="P22" s="222">
        <v>3</v>
      </c>
      <c r="Q22" s="218">
        <v>2</v>
      </c>
      <c r="R22" s="218">
        <v>2</v>
      </c>
      <c r="S22" s="218">
        <v>7</v>
      </c>
      <c r="T22" s="219">
        <v>0</v>
      </c>
      <c r="U22" s="240">
        <v>14</v>
      </c>
      <c r="V22" s="221">
        <v>14</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0</v>
      </c>
      <c r="AO22" s="240">
        <v>0</v>
      </c>
      <c r="AP22" s="242">
        <v>0</v>
      </c>
      <c r="AQ22" s="239"/>
    </row>
    <row r="23" spans="2:43" ht="21" customHeight="1" x14ac:dyDescent="0.2">
      <c r="B23" s="106" t="s">
        <v>21</v>
      </c>
      <c r="C23" s="217">
        <v>0</v>
      </c>
      <c r="D23" s="219">
        <v>0</v>
      </c>
      <c r="E23" s="219">
        <v>0</v>
      </c>
      <c r="F23" s="220">
        <v>0</v>
      </c>
      <c r="G23" s="218">
        <v>0</v>
      </c>
      <c r="H23" s="218">
        <v>1</v>
      </c>
      <c r="I23" s="218">
        <v>7</v>
      </c>
      <c r="J23" s="219">
        <v>5</v>
      </c>
      <c r="K23" s="240">
        <v>13</v>
      </c>
      <c r="L23" s="241">
        <v>13</v>
      </c>
      <c r="M23" s="217">
        <v>0</v>
      </c>
      <c r="N23" s="219">
        <v>0</v>
      </c>
      <c r="O23" s="240">
        <v>0</v>
      </c>
      <c r="P23" s="222">
        <v>0</v>
      </c>
      <c r="Q23" s="218">
        <v>3</v>
      </c>
      <c r="R23" s="218">
        <v>2</v>
      </c>
      <c r="S23" s="218">
        <v>3</v>
      </c>
      <c r="T23" s="219">
        <v>0</v>
      </c>
      <c r="U23" s="240">
        <v>8</v>
      </c>
      <c r="V23" s="221">
        <v>8</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1</v>
      </c>
      <c r="AN23" s="219">
        <v>0</v>
      </c>
      <c r="AO23" s="240">
        <v>1</v>
      </c>
      <c r="AP23" s="242">
        <v>1</v>
      </c>
      <c r="AQ23" s="239"/>
    </row>
    <row r="24" spans="2:43" ht="21" customHeight="1" x14ac:dyDescent="0.2">
      <c r="B24" s="106" t="s">
        <v>22</v>
      </c>
      <c r="C24" s="217">
        <v>0</v>
      </c>
      <c r="D24" s="219">
        <v>0</v>
      </c>
      <c r="E24" s="219">
        <v>0</v>
      </c>
      <c r="F24" s="220">
        <v>0</v>
      </c>
      <c r="G24" s="218">
        <v>1</v>
      </c>
      <c r="H24" s="218">
        <v>2</v>
      </c>
      <c r="I24" s="218">
        <v>1</v>
      </c>
      <c r="J24" s="219">
        <v>0</v>
      </c>
      <c r="K24" s="240">
        <v>4</v>
      </c>
      <c r="L24" s="241">
        <v>4</v>
      </c>
      <c r="M24" s="217">
        <v>0</v>
      </c>
      <c r="N24" s="219">
        <v>0</v>
      </c>
      <c r="O24" s="240">
        <v>0</v>
      </c>
      <c r="P24" s="222">
        <v>0</v>
      </c>
      <c r="Q24" s="218">
        <v>1</v>
      </c>
      <c r="R24" s="218">
        <v>0</v>
      </c>
      <c r="S24" s="218">
        <v>1</v>
      </c>
      <c r="T24" s="219">
        <v>0</v>
      </c>
      <c r="U24" s="240">
        <v>2</v>
      </c>
      <c r="V24" s="221">
        <v>2</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0</v>
      </c>
      <c r="AN24" s="219">
        <v>0</v>
      </c>
      <c r="AO24" s="240">
        <v>0</v>
      </c>
      <c r="AP24" s="242">
        <v>0</v>
      </c>
      <c r="AQ24" s="239"/>
    </row>
    <row r="25" spans="2:43" ht="21" customHeight="1" x14ac:dyDescent="0.2">
      <c r="B25" s="106" t="s">
        <v>23</v>
      </c>
      <c r="C25" s="217">
        <v>0</v>
      </c>
      <c r="D25" s="219">
        <v>0</v>
      </c>
      <c r="E25" s="219">
        <v>0</v>
      </c>
      <c r="F25" s="220">
        <v>0</v>
      </c>
      <c r="G25" s="218">
        <v>0</v>
      </c>
      <c r="H25" s="218">
        <v>3</v>
      </c>
      <c r="I25" s="218">
        <v>3</v>
      </c>
      <c r="J25" s="219">
        <v>3</v>
      </c>
      <c r="K25" s="240">
        <v>9</v>
      </c>
      <c r="L25" s="241">
        <v>9</v>
      </c>
      <c r="M25" s="217">
        <v>0</v>
      </c>
      <c r="N25" s="219">
        <v>0</v>
      </c>
      <c r="O25" s="240">
        <v>0</v>
      </c>
      <c r="P25" s="222">
        <v>0</v>
      </c>
      <c r="Q25" s="218">
        <v>0</v>
      </c>
      <c r="R25" s="218">
        <v>0</v>
      </c>
      <c r="S25" s="218">
        <v>0</v>
      </c>
      <c r="T25" s="219">
        <v>1</v>
      </c>
      <c r="U25" s="240">
        <v>1</v>
      </c>
      <c r="V25" s="221">
        <v>1</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1</v>
      </c>
      <c r="AO25" s="240">
        <v>1</v>
      </c>
      <c r="AP25" s="242">
        <v>1</v>
      </c>
      <c r="AQ25" s="239"/>
    </row>
    <row r="26" spans="2:43" ht="21" customHeight="1" x14ac:dyDescent="0.2">
      <c r="B26" s="106" t="s">
        <v>24</v>
      </c>
      <c r="C26" s="217">
        <v>0</v>
      </c>
      <c r="D26" s="219">
        <v>0</v>
      </c>
      <c r="E26" s="219">
        <v>0</v>
      </c>
      <c r="F26" s="220">
        <v>0</v>
      </c>
      <c r="G26" s="218">
        <v>0</v>
      </c>
      <c r="H26" s="218">
        <v>1</v>
      </c>
      <c r="I26" s="218">
        <v>3</v>
      </c>
      <c r="J26" s="219">
        <v>1</v>
      </c>
      <c r="K26" s="240">
        <v>5</v>
      </c>
      <c r="L26" s="241">
        <v>5</v>
      </c>
      <c r="M26" s="217">
        <v>0</v>
      </c>
      <c r="N26" s="219">
        <v>0</v>
      </c>
      <c r="O26" s="240">
        <v>0</v>
      </c>
      <c r="P26" s="222">
        <v>1</v>
      </c>
      <c r="Q26" s="218">
        <v>0</v>
      </c>
      <c r="R26" s="218">
        <v>2</v>
      </c>
      <c r="S26" s="218">
        <v>0</v>
      </c>
      <c r="T26" s="219">
        <v>0</v>
      </c>
      <c r="U26" s="240">
        <v>3</v>
      </c>
      <c r="V26" s="221">
        <v>3</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0</v>
      </c>
      <c r="G27" s="218">
        <v>0</v>
      </c>
      <c r="H27" s="218">
        <v>3</v>
      </c>
      <c r="I27" s="218">
        <v>2</v>
      </c>
      <c r="J27" s="219">
        <v>3</v>
      </c>
      <c r="K27" s="240">
        <v>8</v>
      </c>
      <c r="L27" s="241">
        <v>8</v>
      </c>
      <c r="M27" s="217">
        <v>0</v>
      </c>
      <c r="N27" s="219">
        <v>0</v>
      </c>
      <c r="O27" s="240">
        <v>0</v>
      </c>
      <c r="P27" s="222">
        <v>1</v>
      </c>
      <c r="Q27" s="218">
        <v>2</v>
      </c>
      <c r="R27" s="218">
        <v>1</v>
      </c>
      <c r="S27" s="218">
        <v>2</v>
      </c>
      <c r="T27" s="219">
        <v>0</v>
      </c>
      <c r="U27" s="240">
        <v>6</v>
      </c>
      <c r="V27" s="221">
        <v>6</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1</v>
      </c>
      <c r="I28" s="218">
        <v>1</v>
      </c>
      <c r="J28" s="219">
        <v>1</v>
      </c>
      <c r="K28" s="240">
        <v>3</v>
      </c>
      <c r="L28" s="241">
        <v>3</v>
      </c>
      <c r="M28" s="217">
        <v>0</v>
      </c>
      <c r="N28" s="219">
        <v>0</v>
      </c>
      <c r="O28" s="240">
        <v>0</v>
      </c>
      <c r="P28" s="222">
        <v>0</v>
      </c>
      <c r="Q28" s="218">
        <v>3</v>
      </c>
      <c r="R28" s="218">
        <v>2</v>
      </c>
      <c r="S28" s="218">
        <v>1</v>
      </c>
      <c r="T28" s="219">
        <v>0</v>
      </c>
      <c r="U28" s="240">
        <v>6</v>
      </c>
      <c r="V28" s="221">
        <v>6</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0</v>
      </c>
      <c r="H29" s="218">
        <v>1</v>
      </c>
      <c r="I29" s="218">
        <v>1</v>
      </c>
      <c r="J29" s="219">
        <v>1</v>
      </c>
      <c r="K29" s="240">
        <v>3</v>
      </c>
      <c r="L29" s="241">
        <v>3</v>
      </c>
      <c r="M29" s="217">
        <v>0</v>
      </c>
      <c r="N29" s="219">
        <v>0</v>
      </c>
      <c r="O29" s="240">
        <v>0</v>
      </c>
      <c r="P29" s="222">
        <v>1</v>
      </c>
      <c r="Q29" s="218">
        <v>0</v>
      </c>
      <c r="R29" s="218">
        <v>0</v>
      </c>
      <c r="S29" s="218">
        <v>0</v>
      </c>
      <c r="T29" s="219">
        <v>1</v>
      </c>
      <c r="U29" s="240">
        <v>2</v>
      </c>
      <c r="V29" s="221">
        <v>2</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0</v>
      </c>
      <c r="AO29" s="240">
        <v>0</v>
      </c>
      <c r="AP29" s="242">
        <v>0</v>
      </c>
      <c r="AQ29" s="239"/>
    </row>
    <row r="30" spans="2:43" ht="21" customHeight="1" x14ac:dyDescent="0.2">
      <c r="B30" s="106" t="s">
        <v>28</v>
      </c>
      <c r="C30" s="217">
        <v>0</v>
      </c>
      <c r="D30" s="219">
        <v>0</v>
      </c>
      <c r="E30" s="219">
        <v>0</v>
      </c>
      <c r="F30" s="220">
        <v>0</v>
      </c>
      <c r="G30" s="218">
        <v>0</v>
      </c>
      <c r="H30" s="218">
        <v>0</v>
      </c>
      <c r="I30" s="218">
        <v>0</v>
      </c>
      <c r="J30" s="219">
        <v>0</v>
      </c>
      <c r="K30" s="240">
        <v>0</v>
      </c>
      <c r="L30" s="241">
        <v>0</v>
      </c>
      <c r="M30" s="217">
        <v>0</v>
      </c>
      <c r="N30" s="219">
        <v>0</v>
      </c>
      <c r="O30" s="240">
        <v>0</v>
      </c>
      <c r="P30" s="222">
        <v>0</v>
      </c>
      <c r="Q30" s="218">
        <v>0</v>
      </c>
      <c r="R30" s="218">
        <v>1</v>
      </c>
      <c r="S30" s="218">
        <v>0</v>
      </c>
      <c r="T30" s="219">
        <v>0</v>
      </c>
      <c r="U30" s="240">
        <v>1</v>
      </c>
      <c r="V30" s="221">
        <v>1</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1</v>
      </c>
      <c r="J31" s="219">
        <v>0</v>
      </c>
      <c r="K31" s="240">
        <v>1</v>
      </c>
      <c r="L31" s="241">
        <v>1</v>
      </c>
      <c r="M31" s="217">
        <v>0</v>
      </c>
      <c r="N31" s="219">
        <v>0</v>
      </c>
      <c r="O31" s="240">
        <v>0</v>
      </c>
      <c r="P31" s="222">
        <v>0</v>
      </c>
      <c r="Q31" s="218">
        <v>0</v>
      </c>
      <c r="R31" s="218">
        <v>0</v>
      </c>
      <c r="S31" s="218">
        <v>0</v>
      </c>
      <c r="T31" s="219">
        <v>2</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0</v>
      </c>
      <c r="J32" s="219">
        <v>1</v>
      </c>
      <c r="K32" s="240">
        <v>2</v>
      </c>
      <c r="L32" s="241">
        <v>2</v>
      </c>
      <c r="M32" s="217">
        <v>0</v>
      </c>
      <c r="N32" s="219">
        <v>0</v>
      </c>
      <c r="O32" s="240">
        <v>0</v>
      </c>
      <c r="P32" s="222">
        <v>0</v>
      </c>
      <c r="Q32" s="218">
        <v>0</v>
      </c>
      <c r="R32" s="218">
        <v>0</v>
      </c>
      <c r="S32" s="218">
        <v>0</v>
      </c>
      <c r="T32" s="219">
        <v>0</v>
      </c>
      <c r="U32" s="240">
        <v>0</v>
      </c>
      <c r="V32" s="221">
        <v>0</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0</v>
      </c>
      <c r="AN32" s="219">
        <v>0</v>
      </c>
      <c r="AO32" s="240">
        <v>0</v>
      </c>
      <c r="AP32" s="242">
        <v>0</v>
      </c>
      <c r="AQ32" s="239"/>
    </row>
    <row r="33" spans="2:43" ht="21" customHeight="1" x14ac:dyDescent="0.2">
      <c r="B33" s="106" t="s">
        <v>31</v>
      </c>
      <c r="C33" s="217">
        <v>0</v>
      </c>
      <c r="D33" s="219">
        <v>0</v>
      </c>
      <c r="E33" s="219">
        <v>0</v>
      </c>
      <c r="F33" s="220">
        <v>0</v>
      </c>
      <c r="G33" s="218">
        <v>0</v>
      </c>
      <c r="H33" s="218">
        <v>1</v>
      </c>
      <c r="I33" s="218">
        <v>0</v>
      </c>
      <c r="J33" s="219">
        <v>1</v>
      </c>
      <c r="K33" s="240">
        <v>2</v>
      </c>
      <c r="L33" s="241">
        <v>2</v>
      </c>
      <c r="M33" s="217">
        <v>0</v>
      </c>
      <c r="N33" s="219">
        <v>0</v>
      </c>
      <c r="O33" s="240">
        <v>0</v>
      </c>
      <c r="P33" s="222">
        <v>0</v>
      </c>
      <c r="Q33" s="218">
        <v>0</v>
      </c>
      <c r="R33" s="218">
        <v>3</v>
      </c>
      <c r="S33" s="218">
        <v>0</v>
      </c>
      <c r="T33" s="219">
        <v>0</v>
      </c>
      <c r="U33" s="240">
        <v>3</v>
      </c>
      <c r="V33" s="221">
        <v>3</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1</v>
      </c>
      <c r="J34" s="219">
        <v>1</v>
      </c>
      <c r="K34" s="240">
        <v>2</v>
      </c>
      <c r="L34" s="241">
        <v>2</v>
      </c>
      <c r="M34" s="217">
        <v>0</v>
      </c>
      <c r="N34" s="219">
        <v>0</v>
      </c>
      <c r="O34" s="240">
        <v>0</v>
      </c>
      <c r="P34" s="222">
        <v>0</v>
      </c>
      <c r="Q34" s="218">
        <v>0</v>
      </c>
      <c r="R34" s="218">
        <v>0</v>
      </c>
      <c r="S34" s="218">
        <v>1</v>
      </c>
      <c r="T34" s="219">
        <v>0</v>
      </c>
      <c r="U34" s="240">
        <v>1</v>
      </c>
      <c r="V34" s="221">
        <v>1</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1</v>
      </c>
      <c r="U35" s="240">
        <v>1</v>
      </c>
      <c r="V35" s="221">
        <v>1</v>
      </c>
      <c r="W35" s="222">
        <v>0</v>
      </c>
      <c r="X35" s="219">
        <v>0</v>
      </c>
      <c r="Y35" s="219">
        <v>0</v>
      </c>
      <c r="Z35" s="220">
        <v>0</v>
      </c>
      <c r="AA35" s="218">
        <v>0</v>
      </c>
      <c r="AB35" s="218">
        <v>0</v>
      </c>
      <c r="AC35" s="218">
        <v>0</v>
      </c>
      <c r="AD35" s="219">
        <v>0</v>
      </c>
      <c r="AE35" s="240">
        <v>0</v>
      </c>
      <c r="AF35" s="241">
        <v>0</v>
      </c>
      <c r="AG35" s="217">
        <v>0</v>
      </c>
      <c r="AH35" s="219">
        <v>0</v>
      </c>
      <c r="AI35" s="219">
        <v>0</v>
      </c>
      <c r="AJ35" s="220">
        <v>1</v>
      </c>
      <c r="AK35" s="218">
        <v>0</v>
      </c>
      <c r="AL35" s="218">
        <v>0</v>
      </c>
      <c r="AM35" s="218">
        <v>0</v>
      </c>
      <c r="AN35" s="219">
        <v>3</v>
      </c>
      <c r="AO35" s="240">
        <v>4</v>
      </c>
      <c r="AP35" s="242">
        <v>4</v>
      </c>
      <c r="AQ35" s="239"/>
    </row>
    <row r="36" spans="2:43" ht="21" customHeight="1" x14ac:dyDescent="0.2">
      <c r="B36" s="106" t="s">
        <v>34</v>
      </c>
      <c r="C36" s="217">
        <v>0</v>
      </c>
      <c r="D36" s="219">
        <v>0</v>
      </c>
      <c r="E36" s="219">
        <v>0</v>
      </c>
      <c r="F36" s="220">
        <v>0</v>
      </c>
      <c r="G36" s="218">
        <v>0</v>
      </c>
      <c r="H36" s="218">
        <v>0</v>
      </c>
      <c r="I36" s="218">
        <v>0</v>
      </c>
      <c r="J36" s="219">
        <v>0</v>
      </c>
      <c r="K36" s="240">
        <v>0</v>
      </c>
      <c r="L36" s="241">
        <v>0</v>
      </c>
      <c r="M36" s="217">
        <v>0</v>
      </c>
      <c r="N36" s="219">
        <v>0</v>
      </c>
      <c r="O36" s="240">
        <v>0</v>
      </c>
      <c r="P36" s="222">
        <v>0</v>
      </c>
      <c r="Q36" s="218">
        <v>0</v>
      </c>
      <c r="R36" s="218">
        <v>0</v>
      </c>
      <c r="S36" s="218">
        <v>1</v>
      </c>
      <c r="T36" s="219">
        <v>0</v>
      </c>
      <c r="U36" s="240">
        <v>1</v>
      </c>
      <c r="V36" s="221">
        <v>1</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0</v>
      </c>
      <c r="K37" s="240">
        <v>1</v>
      </c>
      <c r="L37" s="241">
        <v>1</v>
      </c>
      <c r="M37" s="217">
        <v>0</v>
      </c>
      <c r="N37" s="219">
        <v>0</v>
      </c>
      <c r="O37" s="240">
        <v>0</v>
      </c>
      <c r="P37" s="222">
        <v>0</v>
      </c>
      <c r="Q37" s="218">
        <v>0</v>
      </c>
      <c r="R37" s="218">
        <v>0</v>
      </c>
      <c r="S37" s="218">
        <v>0</v>
      </c>
      <c r="T37" s="219">
        <v>0</v>
      </c>
      <c r="U37" s="240">
        <v>0</v>
      </c>
      <c r="V37" s="221">
        <v>0</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0</v>
      </c>
      <c r="I38" s="218">
        <v>1</v>
      </c>
      <c r="J38" s="219">
        <v>1</v>
      </c>
      <c r="K38" s="240">
        <v>2</v>
      </c>
      <c r="L38" s="241">
        <v>2</v>
      </c>
      <c r="M38" s="217">
        <v>0</v>
      </c>
      <c r="N38" s="219">
        <v>0</v>
      </c>
      <c r="O38" s="240">
        <v>0</v>
      </c>
      <c r="P38" s="222">
        <v>0</v>
      </c>
      <c r="Q38" s="218">
        <v>0</v>
      </c>
      <c r="R38" s="218">
        <v>1</v>
      </c>
      <c r="S38" s="218">
        <v>0</v>
      </c>
      <c r="T38" s="219">
        <v>0</v>
      </c>
      <c r="U38" s="240">
        <v>1</v>
      </c>
      <c r="V38" s="221">
        <v>1</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0</v>
      </c>
      <c r="I39" s="224">
        <v>0</v>
      </c>
      <c r="J39" s="225">
        <v>0</v>
      </c>
      <c r="K39" s="243">
        <v>0</v>
      </c>
      <c r="L39" s="244">
        <v>0</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 style="71" customWidth="1"/>
    <col min="7" max="13" width="10.33203125" style="71" customWidth="1"/>
    <col min="14" max="16" width="8.88671875" style="71" customWidth="1"/>
    <col min="17" max="17" width="7.6640625" style="71" customWidth="1"/>
    <col min="18" max="24" width="10.6640625" style="71" customWidth="1"/>
    <col min="25" max="27" width="8.88671875" style="71" customWidth="1"/>
    <col min="28" max="28" width="7.6640625" style="71" customWidth="1"/>
    <col min="29" max="29" width="8.88671875" style="71" customWidth="1"/>
    <col min="30" max="30" width="10.44140625" style="71" customWidth="1"/>
    <col min="31" max="33" width="8.88671875" style="71" customWidth="1"/>
    <col min="34" max="35" width="10" style="71" customWidth="1"/>
    <col min="36" max="38" width="8.88671875" style="71" customWidth="1"/>
    <col min="39" max="39" width="7.77734375" style="71" customWidth="1"/>
    <col min="40" max="49" width="8.88671875" style="71" customWidth="1"/>
    <col min="50" max="50" width="7.77734375" style="71" customWidth="1"/>
    <col min="51" max="55" width="8.88671875" style="71" customWidth="1"/>
    <col min="56" max="57" width="10.33203125" style="71" customWidth="1"/>
    <col min="58" max="60" width="8.88671875" style="71" customWidth="1"/>
    <col min="61" max="61" width="8" style="71" customWidth="1"/>
    <col min="62" max="71" width="8.88671875" style="71" customWidth="1"/>
    <col min="72" max="72" width="7.44140625" style="71" customWidth="1"/>
    <col min="73" max="77" width="8.88671875" style="71" customWidth="1"/>
    <col min="78" max="78" width="11.77734375" style="71" customWidth="1"/>
    <col min="79" max="79" width="12" style="71" customWidth="1"/>
    <col min="80" max="82" width="8.88671875" style="247" customWidth="1"/>
    <col min="83" max="83" width="7.77734375" style="247" customWidth="1"/>
    <col min="84" max="90" width="9" style="247" customWidth="1"/>
    <col min="91" max="93" width="8.88671875" style="71" customWidth="1"/>
    <col min="94" max="94" width="7.44140625" style="71" customWidth="1"/>
    <col min="95" max="97" width="10.109375" style="71" customWidth="1"/>
    <col min="98" max="99" width="8.88671875" style="71" customWidth="1"/>
    <col min="100" max="101" width="10.21875" style="71" customWidth="1"/>
    <col min="102" max="104" width="8.88671875" style="71" customWidth="1"/>
    <col min="105" max="105" width="7.33203125" style="71" customWidth="1"/>
    <col min="106" max="110" width="8.88671875" style="71" customWidth="1"/>
    <col min="111" max="112" width="9.21875" style="71" customWidth="1"/>
    <col min="113" max="115" width="8.88671875" style="247" customWidth="1"/>
    <col min="116" max="116" width="7.33203125" style="247" customWidth="1"/>
    <col min="117" max="121" width="8.88671875" style="247" customWidth="1"/>
    <col min="122" max="123" width="9.6640625" style="247" customWidth="1"/>
    <col min="124" max="126" width="8.88671875" style="71" customWidth="1"/>
    <col min="127" max="127" width="7.77734375" style="71" customWidth="1"/>
    <col min="128" max="132" width="8.88671875" style="71" customWidth="1"/>
    <col min="133" max="134" width="9.33203125" style="71" customWidth="1"/>
    <col min="135" max="137" width="8.88671875" style="71" customWidth="1"/>
    <col min="138" max="138" width="7.44140625" style="71" customWidth="1"/>
    <col min="139" max="148" width="8.88671875" style="71" customWidth="1"/>
    <col min="149" max="149" width="7.21875" style="71" customWidth="1"/>
    <col min="150" max="159" width="8.88671875" style="71" customWidth="1"/>
    <col min="160" max="160" width="7.21875" style="71" customWidth="1"/>
    <col min="161" max="167" width="8.88671875" style="71" customWidth="1"/>
    <col min="168" max="170" width="8.88671875" style="247" customWidth="1"/>
    <col min="171" max="171" width="7.33203125" style="247" customWidth="1"/>
    <col min="172" max="176" width="8.88671875" style="247" customWidth="1"/>
    <col min="177" max="178" width="9.6640625" style="247" customWidth="1"/>
    <col min="179" max="181" width="8.88671875" style="71" customWidth="1"/>
    <col min="182" max="182" width="7.21875" style="71" customWidth="1"/>
    <col min="183" max="187" width="8.88671875" style="71" customWidth="1"/>
    <col min="188" max="189" width="9.44140625" style="71" customWidth="1"/>
    <col min="190" max="192" width="8.88671875" style="71" customWidth="1"/>
    <col min="193" max="193" width="7.77734375" style="71" customWidth="1"/>
    <col min="194" max="203" width="8.88671875" style="71" customWidth="1"/>
    <col min="204" max="204" width="7.44140625" style="71" customWidth="1"/>
    <col min="205" max="214" width="8.88671875" style="71" customWidth="1"/>
    <col min="215" max="215" width="7.33203125" style="71" customWidth="1"/>
    <col min="216" max="218" width="8.88671875" style="71" customWidth="1"/>
    <col min="219" max="219" width="10.44140625" style="71" customWidth="1"/>
    <col min="220" max="220" width="8.88671875" style="71" customWidth="1"/>
    <col min="221" max="222" width="9.6640625" style="71" customWidth="1"/>
    <col min="223" max="225" width="8.88671875" style="71" customWidth="1"/>
    <col min="226" max="226" width="7.6640625" style="71" customWidth="1"/>
    <col min="227" max="231" width="8.8867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43</v>
      </c>
      <c r="E1" s="63">
        <f>第１表!F2</f>
        <v>6</v>
      </c>
      <c r="F1" s="16">
        <f>第１表!G2</f>
        <v>6</v>
      </c>
      <c r="G1" s="572">
        <f>IF(F1&lt;3,F1-2+12,F1-2)</f>
        <v>4</v>
      </c>
      <c r="H1" s="572"/>
      <c r="IB1" s="42"/>
      <c r="IC1" s="22"/>
      <c r="ID1" s="547"/>
      <c r="IE1" s="547"/>
    </row>
    <row r="2" spans="1:409" ht="24" customHeight="1" x14ac:dyDescent="0.2">
      <c r="B2" s="10" t="s">
        <v>144</v>
      </c>
      <c r="E2" s="19"/>
      <c r="F2" s="20"/>
      <c r="G2" s="547"/>
      <c r="H2" s="547"/>
      <c r="IB2" s="21"/>
      <c r="IC2" s="22"/>
      <c r="ID2" s="248"/>
      <c r="IE2" s="248"/>
    </row>
    <row r="3" spans="1:409" ht="24" customHeight="1" thickBot="1" x14ac:dyDescent="0.25">
      <c r="B3" s="10" t="s">
        <v>145</v>
      </c>
    </row>
    <row r="4" spans="1: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1: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1: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63" t="s">
        <v>71</v>
      </c>
      <c r="AK6" s="564"/>
      <c r="AL6" s="564"/>
      <c r="AM6" s="564"/>
      <c r="AN6" s="564"/>
      <c r="AO6" s="564"/>
      <c r="AP6" s="564"/>
      <c r="AQ6" s="564"/>
      <c r="AR6" s="564"/>
      <c r="AS6" s="564"/>
      <c r="AT6" s="56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1: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02" t="s">
        <v>61</v>
      </c>
      <c r="AK7" s="503"/>
      <c r="AL7" s="504"/>
      <c r="AM7" s="531" t="s">
        <v>62</v>
      </c>
      <c r="AN7" s="503"/>
      <c r="AO7" s="503"/>
      <c r="AP7" s="503"/>
      <c r="AQ7" s="503"/>
      <c r="AR7" s="503"/>
      <c r="AS7" s="532"/>
      <c r="AT7" s="571"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1: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231"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1:409" s="407" customFormat="1" ht="21" customHeight="1" x14ac:dyDescent="0.2">
      <c r="A9" s="70"/>
      <c r="B9" s="408" t="s">
        <v>4</v>
      </c>
      <c r="C9" s="255">
        <v>421905494</v>
      </c>
      <c r="D9" s="256">
        <v>899315081</v>
      </c>
      <c r="E9" s="257">
        <v>1321220575</v>
      </c>
      <c r="F9" s="258">
        <v>0</v>
      </c>
      <c r="G9" s="256">
        <v>5289512188</v>
      </c>
      <c r="H9" s="256">
        <v>7468247223</v>
      </c>
      <c r="I9" s="256">
        <v>6095528896</v>
      </c>
      <c r="J9" s="256">
        <v>5721176729</v>
      </c>
      <c r="K9" s="256">
        <v>4258042100</v>
      </c>
      <c r="L9" s="259">
        <v>28832507136</v>
      </c>
      <c r="M9" s="260">
        <v>30153727711</v>
      </c>
      <c r="N9" s="255">
        <v>102873101</v>
      </c>
      <c r="O9" s="256">
        <v>280644832</v>
      </c>
      <c r="P9" s="261">
        <v>383517933</v>
      </c>
      <c r="Q9" s="255">
        <v>0</v>
      </c>
      <c r="R9" s="256">
        <v>1525633359</v>
      </c>
      <c r="S9" s="256">
        <v>2468543401</v>
      </c>
      <c r="T9" s="256">
        <v>2072278495</v>
      </c>
      <c r="U9" s="256">
        <v>2254159856</v>
      </c>
      <c r="V9" s="256">
        <v>2222047222</v>
      </c>
      <c r="W9" s="261">
        <v>10542662333</v>
      </c>
      <c r="X9" s="260">
        <v>10926180266</v>
      </c>
      <c r="Y9" s="255">
        <v>0</v>
      </c>
      <c r="Z9" s="256">
        <v>0</v>
      </c>
      <c r="AA9" s="261">
        <v>0</v>
      </c>
      <c r="AB9" s="262">
        <v>0</v>
      </c>
      <c r="AC9" s="263">
        <v>684757003</v>
      </c>
      <c r="AD9" s="263">
        <v>1164206351</v>
      </c>
      <c r="AE9" s="263">
        <v>1128679146</v>
      </c>
      <c r="AF9" s="263">
        <v>1308271446</v>
      </c>
      <c r="AG9" s="263">
        <v>1287476714</v>
      </c>
      <c r="AH9" s="261">
        <v>5573390660</v>
      </c>
      <c r="AI9" s="260">
        <v>5573390660</v>
      </c>
      <c r="AJ9" s="264">
        <v>67041</v>
      </c>
      <c r="AK9" s="263">
        <v>796359</v>
      </c>
      <c r="AL9" s="261">
        <v>863400</v>
      </c>
      <c r="AM9" s="262">
        <v>0</v>
      </c>
      <c r="AN9" s="263">
        <v>5538476</v>
      </c>
      <c r="AO9" s="259">
        <v>23823516</v>
      </c>
      <c r="AP9" s="263">
        <v>47849728</v>
      </c>
      <c r="AQ9" s="263">
        <v>127949062</v>
      </c>
      <c r="AR9" s="263">
        <v>246177353</v>
      </c>
      <c r="AS9" s="261">
        <v>451338135</v>
      </c>
      <c r="AT9" s="260">
        <v>452201535</v>
      </c>
      <c r="AU9" s="264">
        <v>58354506</v>
      </c>
      <c r="AV9" s="263">
        <v>203200297</v>
      </c>
      <c r="AW9" s="261">
        <v>261554803</v>
      </c>
      <c r="AX9" s="262">
        <v>0</v>
      </c>
      <c r="AY9" s="263">
        <v>516611644</v>
      </c>
      <c r="AZ9" s="263">
        <v>859092985</v>
      </c>
      <c r="BA9" s="263">
        <v>538174507</v>
      </c>
      <c r="BB9" s="263">
        <v>473249335</v>
      </c>
      <c r="BC9" s="263">
        <v>432163295</v>
      </c>
      <c r="BD9" s="261">
        <v>2819291766</v>
      </c>
      <c r="BE9" s="265">
        <v>3080846569</v>
      </c>
      <c r="BF9" s="264">
        <v>6561670</v>
      </c>
      <c r="BG9" s="259">
        <v>27480496</v>
      </c>
      <c r="BH9" s="266">
        <v>34042166</v>
      </c>
      <c r="BI9" s="262">
        <v>0</v>
      </c>
      <c r="BJ9" s="263">
        <v>42941951</v>
      </c>
      <c r="BK9" s="263">
        <v>70017278</v>
      </c>
      <c r="BL9" s="263">
        <v>43161672</v>
      </c>
      <c r="BM9" s="263">
        <v>35983898</v>
      </c>
      <c r="BN9" s="263">
        <v>24031534</v>
      </c>
      <c r="BO9" s="261">
        <v>216136333</v>
      </c>
      <c r="BP9" s="260">
        <v>250178499</v>
      </c>
      <c r="BQ9" s="264">
        <v>37889884</v>
      </c>
      <c r="BR9" s="263">
        <v>49167680</v>
      </c>
      <c r="BS9" s="261">
        <v>87057564</v>
      </c>
      <c r="BT9" s="262">
        <v>0</v>
      </c>
      <c r="BU9" s="263">
        <v>275784285</v>
      </c>
      <c r="BV9" s="263">
        <v>351403271</v>
      </c>
      <c r="BW9" s="263">
        <v>314413442</v>
      </c>
      <c r="BX9" s="263">
        <v>308706115</v>
      </c>
      <c r="BY9" s="263">
        <v>232198326</v>
      </c>
      <c r="BZ9" s="261">
        <v>1482505439</v>
      </c>
      <c r="CA9" s="260">
        <v>1569563003</v>
      </c>
      <c r="CB9" s="264">
        <v>39722202</v>
      </c>
      <c r="CC9" s="263">
        <v>120495671</v>
      </c>
      <c r="CD9" s="261">
        <v>160217873</v>
      </c>
      <c r="CE9" s="262">
        <v>0</v>
      </c>
      <c r="CF9" s="263">
        <v>1462929708</v>
      </c>
      <c r="CG9" s="263">
        <v>1988385784</v>
      </c>
      <c r="CH9" s="267">
        <v>1390453667</v>
      </c>
      <c r="CI9" s="263">
        <v>907309158</v>
      </c>
      <c r="CJ9" s="263">
        <v>447071869</v>
      </c>
      <c r="CK9" s="261">
        <v>6196150186</v>
      </c>
      <c r="CL9" s="260">
        <v>6356368059</v>
      </c>
      <c r="CM9" s="255">
        <v>0</v>
      </c>
      <c r="CN9" s="256">
        <v>0</v>
      </c>
      <c r="CO9" s="261">
        <v>0</v>
      </c>
      <c r="CP9" s="262">
        <v>0</v>
      </c>
      <c r="CQ9" s="263">
        <v>1226570348</v>
      </c>
      <c r="CR9" s="263">
        <v>1557292735</v>
      </c>
      <c r="CS9" s="263">
        <v>1087120309</v>
      </c>
      <c r="CT9" s="263">
        <v>693720877</v>
      </c>
      <c r="CU9" s="263">
        <v>361749732</v>
      </c>
      <c r="CV9" s="268">
        <v>4926454001</v>
      </c>
      <c r="CW9" s="260">
        <v>4926454001</v>
      </c>
      <c r="CX9" s="264">
        <v>39722202</v>
      </c>
      <c r="CY9" s="263">
        <v>120495671</v>
      </c>
      <c r="CZ9" s="261">
        <v>160217873</v>
      </c>
      <c r="DA9" s="262">
        <v>0</v>
      </c>
      <c r="DB9" s="263">
        <v>236359360</v>
      </c>
      <c r="DC9" s="263">
        <v>431093049</v>
      </c>
      <c r="DD9" s="263">
        <v>303333358</v>
      </c>
      <c r="DE9" s="263">
        <v>213588281</v>
      </c>
      <c r="DF9" s="263">
        <v>85322137</v>
      </c>
      <c r="DG9" s="261">
        <v>1269696185</v>
      </c>
      <c r="DH9" s="260">
        <v>1429914058</v>
      </c>
      <c r="DI9" s="264">
        <v>1886448</v>
      </c>
      <c r="DJ9" s="263">
        <v>7710612</v>
      </c>
      <c r="DK9" s="266">
        <v>9597060</v>
      </c>
      <c r="DL9" s="262">
        <v>0</v>
      </c>
      <c r="DM9" s="263">
        <v>136226642</v>
      </c>
      <c r="DN9" s="263">
        <v>297689403</v>
      </c>
      <c r="DO9" s="263">
        <v>532497101</v>
      </c>
      <c r="DP9" s="263">
        <v>452989860</v>
      </c>
      <c r="DQ9" s="263">
        <v>255669562</v>
      </c>
      <c r="DR9" s="269">
        <v>1675072568</v>
      </c>
      <c r="DS9" s="260">
        <v>1684669628</v>
      </c>
      <c r="DT9" s="264">
        <v>1683125</v>
      </c>
      <c r="DU9" s="263">
        <v>6992291</v>
      </c>
      <c r="DV9" s="261">
        <v>8675416</v>
      </c>
      <c r="DW9" s="262">
        <v>0</v>
      </c>
      <c r="DX9" s="263">
        <v>123269797</v>
      </c>
      <c r="DY9" s="263">
        <v>260210116</v>
      </c>
      <c r="DZ9" s="263">
        <v>480988436</v>
      </c>
      <c r="EA9" s="263">
        <v>397668095</v>
      </c>
      <c r="EB9" s="263">
        <v>219618743</v>
      </c>
      <c r="EC9" s="261">
        <v>1481755187</v>
      </c>
      <c r="ED9" s="260">
        <v>1490430603</v>
      </c>
      <c r="EE9" s="264">
        <v>203323</v>
      </c>
      <c r="EF9" s="259">
        <v>718321</v>
      </c>
      <c r="EG9" s="261">
        <v>921644</v>
      </c>
      <c r="EH9" s="265">
        <v>0</v>
      </c>
      <c r="EI9" s="263">
        <v>12956845</v>
      </c>
      <c r="EJ9" s="263">
        <v>37479287</v>
      </c>
      <c r="EK9" s="263">
        <v>51508665</v>
      </c>
      <c r="EL9" s="263">
        <v>55321765</v>
      </c>
      <c r="EM9" s="267">
        <v>36050819</v>
      </c>
      <c r="EN9" s="259">
        <v>193317381</v>
      </c>
      <c r="EO9" s="260">
        <v>194239025</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104712854</v>
      </c>
      <c r="FM9" s="263">
        <v>212695189</v>
      </c>
      <c r="FN9" s="261">
        <v>317408043</v>
      </c>
      <c r="FO9" s="262">
        <v>0</v>
      </c>
      <c r="FP9" s="263">
        <v>268779712</v>
      </c>
      <c r="FQ9" s="263">
        <v>682154976</v>
      </c>
      <c r="FR9" s="263">
        <v>466498269</v>
      </c>
      <c r="FS9" s="263">
        <v>421162137</v>
      </c>
      <c r="FT9" s="263">
        <v>305266405</v>
      </c>
      <c r="FU9" s="261">
        <v>2143861499</v>
      </c>
      <c r="FV9" s="260">
        <v>2461269542</v>
      </c>
      <c r="FW9" s="264">
        <v>57258665</v>
      </c>
      <c r="FX9" s="263">
        <v>158864570</v>
      </c>
      <c r="FY9" s="259">
        <v>216123235</v>
      </c>
      <c r="FZ9" s="265">
        <v>0</v>
      </c>
      <c r="GA9" s="263">
        <v>210664058</v>
      </c>
      <c r="GB9" s="270">
        <v>622765438</v>
      </c>
      <c r="GC9" s="263">
        <v>432744923</v>
      </c>
      <c r="GD9" s="270">
        <v>390571201</v>
      </c>
      <c r="GE9" s="263">
        <v>293639890</v>
      </c>
      <c r="GF9" s="268">
        <v>1950385510</v>
      </c>
      <c r="GG9" s="271">
        <v>2166508745</v>
      </c>
      <c r="GH9" s="272">
        <v>6795529</v>
      </c>
      <c r="GI9" s="263">
        <v>10270367</v>
      </c>
      <c r="GJ9" s="270">
        <v>17065896</v>
      </c>
      <c r="GK9" s="258">
        <v>0</v>
      </c>
      <c r="GL9" s="263">
        <v>15229330</v>
      </c>
      <c r="GM9" s="259">
        <v>19055101</v>
      </c>
      <c r="GN9" s="263">
        <v>13660612</v>
      </c>
      <c r="GO9" s="259">
        <v>13865101</v>
      </c>
      <c r="GP9" s="263">
        <v>5319118</v>
      </c>
      <c r="GQ9" s="269">
        <v>67129262</v>
      </c>
      <c r="GR9" s="260">
        <v>84195158</v>
      </c>
      <c r="GS9" s="259">
        <v>40658660</v>
      </c>
      <c r="GT9" s="263">
        <v>43560252</v>
      </c>
      <c r="GU9" s="261">
        <v>84218912</v>
      </c>
      <c r="GV9" s="259">
        <v>0</v>
      </c>
      <c r="GW9" s="263">
        <v>42886324</v>
      </c>
      <c r="GX9" s="259">
        <v>40334437</v>
      </c>
      <c r="GY9" s="263">
        <v>20092734</v>
      </c>
      <c r="GZ9" s="259">
        <v>16725835</v>
      </c>
      <c r="HA9" s="263">
        <v>6307397</v>
      </c>
      <c r="HB9" s="259">
        <v>126346727</v>
      </c>
      <c r="HC9" s="260">
        <v>210565639</v>
      </c>
      <c r="HD9" s="259">
        <v>97190653</v>
      </c>
      <c r="HE9" s="263">
        <v>125369268</v>
      </c>
      <c r="HF9" s="259">
        <v>222559921</v>
      </c>
      <c r="HG9" s="265">
        <v>0</v>
      </c>
      <c r="HH9" s="263">
        <v>1035429844</v>
      </c>
      <c r="HI9" s="270">
        <v>1088775202</v>
      </c>
      <c r="HJ9" s="263">
        <v>1041556981</v>
      </c>
      <c r="HK9" s="270">
        <v>1277624070</v>
      </c>
      <c r="HL9" s="263">
        <v>780417010</v>
      </c>
      <c r="HM9" s="268">
        <v>5223803107</v>
      </c>
      <c r="HN9" s="259">
        <v>5446363028</v>
      </c>
      <c r="HO9" s="272">
        <v>75520236</v>
      </c>
      <c r="HP9" s="263">
        <v>152399509</v>
      </c>
      <c r="HQ9" s="268">
        <v>227919745</v>
      </c>
      <c r="HR9" s="259">
        <v>0</v>
      </c>
      <c r="HS9" s="263">
        <v>860512923</v>
      </c>
      <c r="HT9" s="259">
        <v>942698457</v>
      </c>
      <c r="HU9" s="263">
        <v>592244383</v>
      </c>
      <c r="HV9" s="259">
        <v>407931648</v>
      </c>
      <c r="HW9" s="263">
        <v>247570032</v>
      </c>
      <c r="HX9" s="259">
        <v>3050957443</v>
      </c>
      <c r="HY9" s="260">
        <v>3278877188</v>
      </c>
      <c r="HZ9" s="273">
        <v>7605113</v>
      </c>
      <c r="IA9" s="274">
        <v>31320256</v>
      </c>
      <c r="IB9" s="275">
        <v>38925369</v>
      </c>
      <c r="IC9" s="276">
        <v>0</v>
      </c>
      <c r="ID9" s="274">
        <v>1553950397</v>
      </c>
      <c r="IE9" s="277">
        <v>2155626185</v>
      </c>
      <c r="IF9" s="278">
        <v>2244837212</v>
      </c>
      <c r="IG9" s="274">
        <v>1667701733</v>
      </c>
      <c r="IH9" s="278">
        <v>1171363006</v>
      </c>
      <c r="II9" s="279">
        <v>8793478533</v>
      </c>
      <c r="IJ9" s="280">
        <v>8832403902</v>
      </c>
      <c r="IK9" s="281">
        <v>0</v>
      </c>
      <c r="IL9" s="282">
        <v>0</v>
      </c>
      <c r="IM9" s="283">
        <v>0</v>
      </c>
      <c r="IN9" s="406">
        <v>0</v>
      </c>
      <c r="IO9" s="284">
        <v>23939083</v>
      </c>
      <c r="IP9" s="284">
        <v>48477816</v>
      </c>
      <c r="IQ9" s="284">
        <v>64832016</v>
      </c>
      <c r="IR9" s="284">
        <v>105011401</v>
      </c>
      <c r="IS9" s="284">
        <v>106887224</v>
      </c>
      <c r="IT9" s="285">
        <v>349147540</v>
      </c>
      <c r="IU9" s="286">
        <v>349147540</v>
      </c>
      <c r="IV9" s="287">
        <v>0</v>
      </c>
      <c r="IW9" s="284">
        <v>0</v>
      </c>
      <c r="IX9" s="288">
        <v>0</v>
      </c>
      <c r="IY9" s="412">
        <v>0</v>
      </c>
      <c r="IZ9" s="284">
        <v>3671344</v>
      </c>
      <c r="JA9" s="284">
        <v>9977798</v>
      </c>
      <c r="JB9" s="284">
        <v>10610966</v>
      </c>
      <c r="JC9" s="284">
        <v>14312698</v>
      </c>
      <c r="JD9" s="284">
        <v>17524098</v>
      </c>
      <c r="JE9" s="288">
        <v>56096904</v>
      </c>
      <c r="JF9" s="289">
        <v>56096904</v>
      </c>
      <c r="JG9" s="287">
        <v>0</v>
      </c>
      <c r="JH9" s="284">
        <v>5066</v>
      </c>
      <c r="JI9" s="285">
        <v>5066</v>
      </c>
      <c r="JJ9" s="290">
        <v>0</v>
      </c>
      <c r="JK9" s="284">
        <v>622043367</v>
      </c>
      <c r="JL9" s="284">
        <v>773810862</v>
      </c>
      <c r="JM9" s="284">
        <v>568303085</v>
      </c>
      <c r="JN9" s="284">
        <v>327555681</v>
      </c>
      <c r="JO9" s="284">
        <v>174428504</v>
      </c>
      <c r="JP9" s="288">
        <v>2466141499</v>
      </c>
      <c r="JQ9" s="286">
        <v>2466146565</v>
      </c>
      <c r="JR9" s="287">
        <v>231478</v>
      </c>
      <c r="JS9" s="284">
        <v>416329</v>
      </c>
      <c r="JT9" s="285">
        <v>647807</v>
      </c>
      <c r="JU9" s="290">
        <v>0</v>
      </c>
      <c r="JV9" s="284">
        <v>68182843</v>
      </c>
      <c r="JW9" s="284">
        <v>107993117</v>
      </c>
      <c r="JX9" s="284">
        <v>154060685</v>
      </c>
      <c r="JY9" s="284">
        <v>94877708</v>
      </c>
      <c r="JZ9" s="284">
        <v>72670697</v>
      </c>
      <c r="KA9" s="288">
        <v>497785050</v>
      </c>
      <c r="KB9" s="286">
        <v>498432857</v>
      </c>
      <c r="KC9" s="291">
        <v>7373635</v>
      </c>
      <c r="KD9" s="292">
        <v>22844966</v>
      </c>
      <c r="KE9" s="288">
        <v>30218601</v>
      </c>
      <c r="KF9" s="290">
        <v>0</v>
      </c>
      <c r="KG9" s="284">
        <v>192925777</v>
      </c>
      <c r="KH9" s="284">
        <v>309690763</v>
      </c>
      <c r="KI9" s="284">
        <v>346113135</v>
      </c>
      <c r="KJ9" s="284">
        <v>258978139</v>
      </c>
      <c r="KK9" s="284">
        <v>153812436</v>
      </c>
      <c r="KL9" s="288">
        <v>1261520250</v>
      </c>
      <c r="KM9" s="293">
        <v>1291738851</v>
      </c>
      <c r="KN9" s="281">
        <v>0</v>
      </c>
      <c r="KO9" s="282">
        <v>8053895</v>
      </c>
      <c r="KP9" s="283">
        <v>8053895</v>
      </c>
      <c r="KQ9" s="412">
        <v>0</v>
      </c>
      <c r="KR9" s="284">
        <v>601208483</v>
      </c>
      <c r="KS9" s="284">
        <v>821473529</v>
      </c>
      <c r="KT9" s="284">
        <v>944350728</v>
      </c>
      <c r="KU9" s="284">
        <v>636907172</v>
      </c>
      <c r="KV9" s="284">
        <v>408830015</v>
      </c>
      <c r="KW9" s="288">
        <v>3412769927</v>
      </c>
      <c r="KX9" s="286">
        <v>3420823822</v>
      </c>
      <c r="KY9" s="287">
        <v>0</v>
      </c>
      <c r="KZ9" s="284">
        <v>0</v>
      </c>
      <c r="LA9" s="288">
        <v>0</v>
      </c>
      <c r="LB9" s="412">
        <v>0</v>
      </c>
      <c r="LC9" s="284">
        <v>7667681</v>
      </c>
      <c r="LD9" s="284">
        <v>7788382</v>
      </c>
      <c r="LE9" s="284">
        <v>11734327</v>
      </c>
      <c r="LF9" s="284">
        <v>14774234</v>
      </c>
      <c r="LG9" s="284">
        <v>12122757</v>
      </c>
      <c r="LH9" s="288">
        <v>54087381</v>
      </c>
      <c r="LI9" s="289">
        <v>54087381</v>
      </c>
      <c r="LJ9" s="287">
        <v>0</v>
      </c>
      <c r="LK9" s="284">
        <v>0</v>
      </c>
      <c r="LL9" s="288">
        <v>0</v>
      </c>
      <c r="LM9" s="412">
        <v>0</v>
      </c>
      <c r="LN9" s="284">
        <v>1434748</v>
      </c>
      <c r="LO9" s="284">
        <v>7548792</v>
      </c>
      <c r="LP9" s="284">
        <v>53961584</v>
      </c>
      <c r="LQ9" s="284">
        <v>92086526</v>
      </c>
      <c r="LR9" s="284">
        <v>62774787</v>
      </c>
      <c r="LS9" s="288">
        <v>217806437</v>
      </c>
      <c r="LT9" s="286">
        <v>217806437</v>
      </c>
      <c r="LU9" s="287">
        <v>0</v>
      </c>
      <c r="LV9" s="284">
        <v>0</v>
      </c>
      <c r="LW9" s="288">
        <v>0</v>
      </c>
      <c r="LX9" s="412">
        <v>0</v>
      </c>
      <c r="LY9" s="284">
        <v>32877071</v>
      </c>
      <c r="LZ9" s="284">
        <v>68865126</v>
      </c>
      <c r="MA9" s="284">
        <v>90870686</v>
      </c>
      <c r="MB9" s="284">
        <v>123198174</v>
      </c>
      <c r="MC9" s="284">
        <v>162312488</v>
      </c>
      <c r="MD9" s="288">
        <v>478123545</v>
      </c>
      <c r="ME9" s="289">
        <v>478123545</v>
      </c>
      <c r="MF9" s="287">
        <v>0</v>
      </c>
      <c r="MG9" s="284">
        <v>0</v>
      </c>
      <c r="MH9" s="288">
        <v>0</v>
      </c>
      <c r="MI9" s="412">
        <v>0</v>
      </c>
      <c r="MJ9" s="284">
        <v>526496098</v>
      </c>
      <c r="MK9" s="284">
        <v>1331409677</v>
      </c>
      <c r="ML9" s="284">
        <v>4094668952</v>
      </c>
      <c r="MM9" s="284">
        <v>6119606326</v>
      </c>
      <c r="MN9" s="284">
        <v>4152919809</v>
      </c>
      <c r="MO9" s="288">
        <v>16225100862</v>
      </c>
      <c r="MP9" s="293">
        <v>16225100862</v>
      </c>
      <c r="MQ9" s="287">
        <v>0</v>
      </c>
      <c r="MR9" s="284">
        <v>0</v>
      </c>
      <c r="MS9" s="288">
        <v>0</v>
      </c>
      <c r="MT9" s="412">
        <v>0</v>
      </c>
      <c r="MU9" s="284">
        <v>101583064</v>
      </c>
      <c r="MV9" s="284">
        <v>421420565</v>
      </c>
      <c r="MW9" s="284">
        <v>2660068898</v>
      </c>
      <c r="MX9" s="284">
        <v>4162915127</v>
      </c>
      <c r="MY9" s="284">
        <v>2986188636</v>
      </c>
      <c r="MZ9" s="288">
        <v>10332176290</v>
      </c>
      <c r="NA9" s="293">
        <v>10332176290</v>
      </c>
      <c r="NB9" s="287">
        <v>0</v>
      </c>
      <c r="NC9" s="284">
        <v>0</v>
      </c>
      <c r="ND9" s="288">
        <v>0</v>
      </c>
      <c r="NE9" s="412">
        <v>0</v>
      </c>
      <c r="NF9" s="284">
        <v>420899935</v>
      </c>
      <c r="NG9" s="284">
        <v>903020675</v>
      </c>
      <c r="NH9" s="284">
        <v>1410411054</v>
      </c>
      <c r="NI9" s="284">
        <v>1810487355</v>
      </c>
      <c r="NJ9" s="284">
        <v>972286100</v>
      </c>
      <c r="NK9" s="288">
        <v>5517105119</v>
      </c>
      <c r="NL9" s="286">
        <v>5517105119</v>
      </c>
      <c r="NM9" s="287">
        <v>0</v>
      </c>
      <c r="NN9" s="284">
        <v>0</v>
      </c>
      <c r="NO9" s="288">
        <v>0</v>
      </c>
      <c r="NP9" s="412">
        <v>0</v>
      </c>
      <c r="NQ9" s="284">
        <v>0</v>
      </c>
      <c r="NR9" s="284">
        <v>0</v>
      </c>
      <c r="NS9" s="284">
        <v>0</v>
      </c>
      <c r="NT9" s="284">
        <v>0</v>
      </c>
      <c r="NU9" s="284">
        <v>486692</v>
      </c>
      <c r="NV9" s="288">
        <v>486692</v>
      </c>
      <c r="NW9" s="289">
        <v>486692</v>
      </c>
      <c r="NX9" s="287">
        <v>0</v>
      </c>
      <c r="NY9" s="284">
        <v>0</v>
      </c>
      <c r="NZ9" s="288">
        <v>0</v>
      </c>
      <c r="OA9" s="412">
        <v>0</v>
      </c>
      <c r="OB9" s="284">
        <v>4013099</v>
      </c>
      <c r="OC9" s="284">
        <v>6968437</v>
      </c>
      <c r="OD9" s="284">
        <v>24189000</v>
      </c>
      <c r="OE9" s="284">
        <v>146203844</v>
      </c>
      <c r="OF9" s="284">
        <v>193958381</v>
      </c>
      <c r="OG9" s="288">
        <v>375332761</v>
      </c>
      <c r="OH9" s="289">
        <v>375332761</v>
      </c>
      <c r="OI9" s="287">
        <v>429510607</v>
      </c>
      <c r="OJ9" s="284">
        <v>930635337</v>
      </c>
      <c r="OK9" s="285">
        <v>1360145944</v>
      </c>
      <c r="OL9" s="290">
        <v>0</v>
      </c>
      <c r="OM9" s="284">
        <v>7369958683</v>
      </c>
      <c r="ON9" s="284">
        <v>10955283085</v>
      </c>
      <c r="OO9" s="284">
        <v>12435035060</v>
      </c>
      <c r="OP9" s="284">
        <v>13508484788</v>
      </c>
      <c r="OQ9" s="284">
        <v>9582324915</v>
      </c>
      <c r="OR9" s="288">
        <v>53851086531</v>
      </c>
      <c r="OS9" s="293">
        <v>55211232475</v>
      </c>
    </row>
    <row r="10" spans="1:409" s="407" customFormat="1" ht="21" customHeight="1" x14ac:dyDescent="0.2">
      <c r="A10" s="70"/>
      <c r="B10" s="409" t="s">
        <v>5</v>
      </c>
      <c r="C10" s="295">
        <v>167079082</v>
      </c>
      <c r="D10" s="296">
        <v>431204511</v>
      </c>
      <c r="E10" s="297">
        <v>598283593</v>
      </c>
      <c r="F10" s="298">
        <v>0</v>
      </c>
      <c r="G10" s="296">
        <v>1822790432</v>
      </c>
      <c r="H10" s="296">
        <v>3371980531</v>
      </c>
      <c r="I10" s="296">
        <v>2517942383</v>
      </c>
      <c r="J10" s="296">
        <v>2330924057</v>
      </c>
      <c r="K10" s="296">
        <v>1731625065</v>
      </c>
      <c r="L10" s="298">
        <v>11775262468</v>
      </c>
      <c r="M10" s="299">
        <v>12373546061</v>
      </c>
      <c r="N10" s="295">
        <v>43941854</v>
      </c>
      <c r="O10" s="296">
        <v>150652230</v>
      </c>
      <c r="P10" s="297">
        <v>194594084</v>
      </c>
      <c r="Q10" s="295">
        <v>0</v>
      </c>
      <c r="R10" s="296">
        <v>545298709</v>
      </c>
      <c r="S10" s="296">
        <v>1169923085</v>
      </c>
      <c r="T10" s="296">
        <v>873188875</v>
      </c>
      <c r="U10" s="296">
        <v>910729627</v>
      </c>
      <c r="V10" s="296">
        <v>913052483</v>
      </c>
      <c r="W10" s="297">
        <v>4412192779</v>
      </c>
      <c r="X10" s="299">
        <v>4606786863</v>
      </c>
      <c r="Y10" s="295">
        <v>0</v>
      </c>
      <c r="Z10" s="296">
        <v>0</v>
      </c>
      <c r="AA10" s="297">
        <v>0</v>
      </c>
      <c r="AB10" s="295">
        <v>0</v>
      </c>
      <c r="AC10" s="296">
        <v>239429542</v>
      </c>
      <c r="AD10" s="296">
        <v>524364308</v>
      </c>
      <c r="AE10" s="296">
        <v>435111613</v>
      </c>
      <c r="AF10" s="296">
        <v>491538755</v>
      </c>
      <c r="AG10" s="296">
        <v>504025532</v>
      </c>
      <c r="AH10" s="297">
        <v>2194469750</v>
      </c>
      <c r="AI10" s="299">
        <v>2194469750</v>
      </c>
      <c r="AJ10" s="295">
        <v>48467</v>
      </c>
      <c r="AK10" s="296">
        <v>429444</v>
      </c>
      <c r="AL10" s="297">
        <v>477911</v>
      </c>
      <c r="AM10" s="295">
        <v>0</v>
      </c>
      <c r="AN10" s="296">
        <v>827274</v>
      </c>
      <c r="AO10" s="296">
        <v>7553351</v>
      </c>
      <c r="AP10" s="296">
        <v>19698325</v>
      </c>
      <c r="AQ10" s="296">
        <v>52067072</v>
      </c>
      <c r="AR10" s="296">
        <v>109123883</v>
      </c>
      <c r="AS10" s="297">
        <v>189269905</v>
      </c>
      <c r="AT10" s="299">
        <v>189747816</v>
      </c>
      <c r="AU10" s="295">
        <v>26117936</v>
      </c>
      <c r="AV10" s="296">
        <v>111255055</v>
      </c>
      <c r="AW10" s="297">
        <v>137372991</v>
      </c>
      <c r="AX10" s="295">
        <v>0</v>
      </c>
      <c r="AY10" s="296">
        <v>190384314</v>
      </c>
      <c r="AZ10" s="296">
        <v>455641076</v>
      </c>
      <c r="BA10" s="296">
        <v>271153758</v>
      </c>
      <c r="BB10" s="296">
        <v>225163254</v>
      </c>
      <c r="BC10" s="296">
        <v>195601984</v>
      </c>
      <c r="BD10" s="297">
        <v>1337944386</v>
      </c>
      <c r="BE10" s="299">
        <v>1475317377</v>
      </c>
      <c r="BF10" s="295">
        <v>2117948</v>
      </c>
      <c r="BG10" s="296">
        <v>13984781</v>
      </c>
      <c r="BH10" s="300">
        <v>16102729</v>
      </c>
      <c r="BI10" s="301">
        <v>0</v>
      </c>
      <c r="BJ10" s="296">
        <v>10298830</v>
      </c>
      <c r="BK10" s="296">
        <v>28724791</v>
      </c>
      <c r="BL10" s="296">
        <v>18466080</v>
      </c>
      <c r="BM10" s="296">
        <v>14339943</v>
      </c>
      <c r="BN10" s="296">
        <v>9771685</v>
      </c>
      <c r="BO10" s="297">
        <v>81601329</v>
      </c>
      <c r="BP10" s="299">
        <v>97704058</v>
      </c>
      <c r="BQ10" s="295">
        <v>15657503</v>
      </c>
      <c r="BR10" s="296">
        <v>24982950</v>
      </c>
      <c r="BS10" s="297">
        <v>40640453</v>
      </c>
      <c r="BT10" s="295">
        <v>0</v>
      </c>
      <c r="BU10" s="296">
        <v>104358749</v>
      </c>
      <c r="BV10" s="296">
        <v>153639559</v>
      </c>
      <c r="BW10" s="296">
        <v>128759099</v>
      </c>
      <c r="BX10" s="296">
        <v>127620603</v>
      </c>
      <c r="BY10" s="296">
        <v>94529399</v>
      </c>
      <c r="BZ10" s="297">
        <v>608907409</v>
      </c>
      <c r="CA10" s="299">
        <v>649547862</v>
      </c>
      <c r="CB10" s="295">
        <v>17617515</v>
      </c>
      <c r="CC10" s="296">
        <v>56143807</v>
      </c>
      <c r="CD10" s="297">
        <v>73761322</v>
      </c>
      <c r="CE10" s="295">
        <v>0</v>
      </c>
      <c r="CF10" s="296">
        <v>456367754</v>
      </c>
      <c r="CG10" s="296">
        <v>819202910</v>
      </c>
      <c r="CH10" s="296">
        <v>517559500</v>
      </c>
      <c r="CI10" s="296">
        <v>335902423</v>
      </c>
      <c r="CJ10" s="296">
        <v>158872324</v>
      </c>
      <c r="CK10" s="297">
        <v>2287904911</v>
      </c>
      <c r="CL10" s="299">
        <v>2361666233</v>
      </c>
      <c r="CM10" s="295">
        <v>0</v>
      </c>
      <c r="CN10" s="296">
        <v>0</v>
      </c>
      <c r="CO10" s="297">
        <v>0</v>
      </c>
      <c r="CP10" s="301">
        <v>0</v>
      </c>
      <c r="CQ10" s="296">
        <v>384498715</v>
      </c>
      <c r="CR10" s="296">
        <v>623596155</v>
      </c>
      <c r="CS10" s="296">
        <v>381858914</v>
      </c>
      <c r="CT10" s="296">
        <v>238393019</v>
      </c>
      <c r="CU10" s="296">
        <v>124364760</v>
      </c>
      <c r="CV10" s="297">
        <v>1752711563</v>
      </c>
      <c r="CW10" s="299">
        <v>1752711563</v>
      </c>
      <c r="CX10" s="295">
        <v>17617515</v>
      </c>
      <c r="CY10" s="296">
        <v>56143807</v>
      </c>
      <c r="CZ10" s="297">
        <v>73761322</v>
      </c>
      <c r="DA10" s="295">
        <v>0</v>
      </c>
      <c r="DB10" s="296">
        <v>71869039</v>
      </c>
      <c r="DC10" s="296">
        <v>195606755</v>
      </c>
      <c r="DD10" s="296">
        <v>135700586</v>
      </c>
      <c r="DE10" s="296">
        <v>97509404</v>
      </c>
      <c r="DF10" s="296">
        <v>34507564</v>
      </c>
      <c r="DG10" s="297">
        <v>535193348</v>
      </c>
      <c r="DH10" s="299">
        <v>608954670</v>
      </c>
      <c r="DI10" s="295">
        <v>600686</v>
      </c>
      <c r="DJ10" s="296">
        <v>3235575</v>
      </c>
      <c r="DK10" s="300">
        <v>3836261</v>
      </c>
      <c r="DL10" s="301">
        <v>0</v>
      </c>
      <c r="DM10" s="296">
        <v>41993083</v>
      </c>
      <c r="DN10" s="296">
        <v>120106123</v>
      </c>
      <c r="DO10" s="296">
        <v>222385422</v>
      </c>
      <c r="DP10" s="296">
        <v>178359912</v>
      </c>
      <c r="DQ10" s="296">
        <v>111355450</v>
      </c>
      <c r="DR10" s="297">
        <v>674199990</v>
      </c>
      <c r="DS10" s="299">
        <v>678036251</v>
      </c>
      <c r="DT10" s="295">
        <v>469020</v>
      </c>
      <c r="DU10" s="296">
        <v>2812951</v>
      </c>
      <c r="DV10" s="297">
        <v>3281971</v>
      </c>
      <c r="DW10" s="295">
        <v>0</v>
      </c>
      <c r="DX10" s="296">
        <v>37278881</v>
      </c>
      <c r="DY10" s="296">
        <v>98046176</v>
      </c>
      <c r="DZ10" s="296">
        <v>192581099</v>
      </c>
      <c r="EA10" s="296">
        <v>143470347</v>
      </c>
      <c r="EB10" s="296">
        <v>88271058</v>
      </c>
      <c r="EC10" s="297">
        <v>559647561</v>
      </c>
      <c r="ED10" s="299">
        <v>562929532</v>
      </c>
      <c r="EE10" s="295">
        <v>131666</v>
      </c>
      <c r="EF10" s="300">
        <v>422624</v>
      </c>
      <c r="EG10" s="297">
        <v>554290</v>
      </c>
      <c r="EH10" s="295">
        <v>0</v>
      </c>
      <c r="EI10" s="296">
        <v>4714202</v>
      </c>
      <c r="EJ10" s="296">
        <v>22059947</v>
      </c>
      <c r="EK10" s="296">
        <v>29804323</v>
      </c>
      <c r="EL10" s="296">
        <v>34889565</v>
      </c>
      <c r="EM10" s="296">
        <v>23084392</v>
      </c>
      <c r="EN10" s="300">
        <v>114552429</v>
      </c>
      <c r="EO10" s="299">
        <v>115106719</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36661607</v>
      </c>
      <c r="FM10" s="296">
        <v>92872710</v>
      </c>
      <c r="FN10" s="297">
        <v>129534317</v>
      </c>
      <c r="FO10" s="295">
        <v>0</v>
      </c>
      <c r="FP10" s="296">
        <v>73105620</v>
      </c>
      <c r="FQ10" s="296">
        <v>296557731</v>
      </c>
      <c r="FR10" s="296">
        <v>189239527</v>
      </c>
      <c r="FS10" s="296">
        <v>167177006</v>
      </c>
      <c r="FT10" s="296">
        <v>121916400</v>
      </c>
      <c r="FU10" s="297">
        <v>847996284</v>
      </c>
      <c r="FV10" s="299">
        <v>977530601</v>
      </c>
      <c r="FW10" s="302">
        <v>16944552</v>
      </c>
      <c r="FX10" s="296">
        <v>66437552</v>
      </c>
      <c r="FY10" s="300">
        <v>83382104</v>
      </c>
      <c r="FZ10" s="301">
        <v>0</v>
      </c>
      <c r="GA10" s="296">
        <v>54928103</v>
      </c>
      <c r="GB10" s="296">
        <v>269819972</v>
      </c>
      <c r="GC10" s="296">
        <v>175338148</v>
      </c>
      <c r="GD10" s="296">
        <v>153529294</v>
      </c>
      <c r="GE10" s="296">
        <v>116372783</v>
      </c>
      <c r="GF10" s="297">
        <v>769988300</v>
      </c>
      <c r="GG10" s="303">
        <v>853370404</v>
      </c>
      <c r="GH10" s="302">
        <v>2746885</v>
      </c>
      <c r="GI10" s="296">
        <v>4930554</v>
      </c>
      <c r="GJ10" s="300">
        <v>7677439</v>
      </c>
      <c r="GK10" s="301">
        <v>0</v>
      </c>
      <c r="GL10" s="296">
        <v>5001670</v>
      </c>
      <c r="GM10" s="296">
        <v>8108367</v>
      </c>
      <c r="GN10" s="296">
        <v>5560290</v>
      </c>
      <c r="GO10" s="296">
        <v>6258952</v>
      </c>
      <c r="GP10" s="296">
        <v>2750437</v>
      </c>
      <c r="GQ10" s="297">
        <v>27679716</v>
      </c>
      <c r="GR10" s="299">
        <v>35357155</v>
      </c>
      <c r="GS10" s="295">
        <v>16970170</v>
      </c>
      <c r="GT10" s="296">
        <v>21504604</v>
      </c>
      <c r="GU10" s="297">
        <v>38474774</v>
      </c>
      <c r="GV10" s="295">
        <v>0</v>
      </c>
      <c r="GW10" s="296">
        <v>13175847</v>
      </c>
      <c r="GX10" s="296">
        <v>18629392</v>
      </c>
      <c r="GY10" s="296">
        <v>8341089</v>
      </c>
      <c r="GZ10" s="296">
        <v>7388760</v>
      </c>
      <c r="HA10" s="296">
        <v>2793180</v>
      </c>
      <c r="HB10" s="300">
        <v>50328268</v>
      </c>
      <c r="HC10" s="299">
        <v>88803042</v>
      </c>
      <c r="HD10" s="295">
        <v>40775245</v>
      </c>
      <c r="HE10" s="296">
        <v>59317753</v>
      </c>
      <c r="HF10" s="300">
        <v>100092998</v>
      </c>
      <c r="HG10" s="301">
        <v>0</v>
      </c>
      <c r="HH10" s="296">
        <v>414407739</v>
      </c>
      <c r="HI10" s="296">
        <v>524643492</v>
      </c>
      <c r="HJ10" s="296">
        <v>459982684</v>
      </c>
      <c r="HK10" s="296">
        <v>567996762</v>
      </c>
      <c r="HL10" s="296">
        <v>322061857</v>
      </c>
      <c r="HM10" s="297">
        <v>2289092534</v>
      </c>
      <c r="HN10" s="298">
        <v>2389185532</v>
      </c>
      <c r="HO10" s="302">
        <v>27482175</v>
      </c>
      <c r="HP10" s="296">
        <v>68982436</v>
      </c>
      <c r="HQ10" s="297">
        <v>96464611</v>
      </c>
      <c r="HR10" s="295">
        <v>0</v>
      </c>
      <c r="HS10" s="296">
        <v>291617527</v>
      </c>
      <c r="HT10" s="296">
        <v>441547190</v>
      </c>
      <c r="HU10" s="296">
        <v>255586375</v>
      </c>
      <c r="HV10" s="296">
        <v>170758327</v>
      </c>
      <c r="HW10" s="296">
        <v>104366551</v>
      </c>
      <c r="HX10" s="300">
        <v>1263875970</v>
      </c>
      <c r="HY10" s="299">
        <v>1360340581</v>
      </c>
      <c r="HZ10" s="304">
        <v>3288378</v>
      </c>
      <c r="IA10" s="305">
        <v>12957420</v>
      </c>
      <c r="IB10" s="306">
        <v>16245798</v>
      </c>
      <c r="IC10" s="307">
        <v>0</v>
      </c>
      <c r="ID10" s="308">
        <v>616052746</v>
      </c>
      <c r="IE10" s="309">
        <v>981568469</v>
      </c>
      <c r="IF10" s="310">
        <v>966551480</v>
      </c>
      <c r="IG10" s="308">
        <v>728077943</v>
      </c>
      <c r="IH10" s="310">
        <v>538333446</v>
      </c>
      <c r="II10" s="311">
        <v>3830584084</v>
      </c>
      <c r="IJ10" s="312">
        <v>3846829882</v>
      </c>
      <c r="IK10" s="313">
        <v>0</v>
      </c>
      <c r="IL10" s="314">
        <v>0</v>
      </c>
      <c r="IM10" s="315">
        <v>0</v>
      </c>
      <c r="IN10" s="403">
        <v>0</v>
      </c>
      <c r="IO10" s="316">
        <v>11125087</v>
      </c>
      <c r="IP10" s="316">
        <v>23501211</v>
      </c>
      <c r="IQ10" s="316">
        <v>34290782</v>
      </c>
      <c r="IR10" s="316">
        <v>55185281</v>
      </c>
      <c r="IS10" s="316">
        <v>51913803</v>
      </c>
      <c r="IT10" s="317">
        <v>176016164</v>
      </c>
      <c r="IU10" s="318">
        <v>176016164</v>
      </c>
      <c r="IV10" s="319">
        <v>0</v>
      </c>
      <c r="IW10" s="316">
        <v>0</v>
      </c>
      <c r="IX10" s="320">
        <v>0</v>
      </c>
      <c r="IY10" s="413">
        <v>0</v>
      </c>
      <c r="IZ10" s="316">
        <v>1940890</v>
      </c>
      <c r="JA10" s="316">
        <v>7135166</v>
      </c>
      <c r="JB10" s="316">
        <v>7824222</v>
      </c>
      <c r="JC10" s="316">
        <v>9676770</v>
      </c>
      <c r="JD10" s="316">
        <v>13436517</v>
      </c>
      <c r="JE10" s="320">
        <v>40013565</v>
      </c>
      <c r="JF10" s="321">
        <v>40013565</v>
      </c>
      <c r="JG10" s="319">
        <v>0</v>
      </c>
      <c r="JH10" s="316">
        <v>0</v>
      </c>
      <c r="JI10" s="317">
        <v>0</v>
      </c>
      <c r="JJ10" s="322">
        <v>0</v>
      </c>
      <c r="JK10" s="316">
        <v>220251362</v>
      </c>
      <c r="JL10" s="316">
        <v>373275238</v>
      </c>
      <c r="JM10" s="316">
        <v>273615595</v>
      </c>
      <c r="JN10" s="316">
        <v>154669394</v>
      </c>
      <c r="JO10" s="316">
        <v>83598865</v>
      </c>
      <c r="JP10" s="320">
        <v>1105410454</v>
      </c>
      <c r="JQ10" s="318">
        <v>1105410454</v>
      </c>
      <c r="JR10" s="319">
        <v>126589</v>
      </c>
      <c r="JS10" s="316">
        <v>38823</v>
      </c>
      <c r="JT10" s="317">
        <v>165412</v>
      </c>
      <c r="JU10" s="322">
        <v>0</v>
      </c>
      <c r="JV10" s="316">
        <v>34231116</v>
      </c>
      <c r="JW10" s="316">
        <v>55123471</v>
      </c>
      <c r="JX10" s="316">
        <v>79724973</v>
      </c>
      <c r="JY10" s="316">
        <v>53738248</v>
      </c>
      <c r="JZ10" s="316">
        <v>39309701</v>
      </c>
      <c r="KA10" s="320">
        <v>262127509</v>
      </c>
      <c r="KB10" s="318">
        <v>262292921</v>
      </c>
      <c r="KC10" s="323">
        <v>3161789</v>
      </c>
      <c r="KD10" s="324">
        <v>8829777</v>
      </c>
      <c r="KE10" s="320">
        <v>11991566</v>
      </c>
      <c r="KF10" s="322">
        <v>0</v>
      </c>
      <c r="KG10" s="316">
        <v>76045143</v>
      </c>
      <c r="KH10" s="316">
        <v>143905586</v>
      </c>
      <c r="KI10" s="316">
        <v>138641877</v>
      </c>
      <c r="KJ10" s="316">
        <v>122938003</v>
      </c>
      <c r="KK10" s="316">
        <v>81618370</v>
      </c>
      <c r="KL10" s="320">
        <v>563148979</v>
      </c>
      <c r="KM10" s="325">
        <v>575140545</v>
      </c>
      <c r="KN10" s="313">
        <v>0</v>
      </c>
      <c r="KO10" s="314">
        <v>4088820</v>
      </c>
      <c r="KP10" s="315">
        <v>4088820</v>
      </c>
      <c r="KQ10" s="413">
        <v>0</v>
      </c>
      <c r="KR10" s="316">
        <v>268665210</v>
      </c>
      <c r="KS10" s="316">
        <v>358050514</v>
      </c>
      <c r="KT10" s="316">
        <v>408506339</v>
      </c>
      <c r="KU10" s="316">
        <v>284478310</v>
      </c>
      <c r="KV10" s="316">
        <v>195630647</v>
      </c>
      <c r="KW10" s="320">
        <v>1515331020</v>
      </c>
      <c r="KX10" s="318">
        <v>1519419840</v>
      </c>
      <c r="KY10" s="319">
        <v>0</v>
      </c>
      <c r="KZ10" s="316">
        <v>0</v>
      </c>
      <c r="LA10" s="320">
        <v>0</v>
      </c>
      <c r="LB10" s="413">
        <v>0</v>
      </c>
      <c r="LC10" s="316">
        <v>0</v>
      </c>
      <c r="LD10" s="316">
        <v>559843</v>
      </c>
      <c r="LE10" s="316">
        <v>858092</v>
      </c>
      <c r="LF10" s="316">
        <v>234880</v>
      </c>
      <c r="LG10" s="316">
        <v>1027200</v>
      </c>
      <c r="LH10" s="320">
        <v>2680015</v>
      </c>
      <c r="LI10" s="321">
        <v>2680015</v>
      </c>
      <c r="LJ10" s="319">
        <v>0</v>
      </c>
      <c r="LK10" s="316">
        <v>0</v>
      </c>
      <c r="LL10" s="320">
        <v>0</v>
      </c>
      <c r="LM10" s="413">
        <v>0</v>
      </c>
      <c r="LN10" s="316">
        <v>754616</v>
      </c>
      <c r="LO10" s="316">
        <v>2912408</v>
      </c>
      <c r="LP10" s="316">
        <v>6618098</v>
      </c>
      <c r="LQ10" s="316">
        <v>13777203</v>
      </c>
      <c r="LR10" s="316">
        <v>12181270</v>
      </c>
      <c r="LS10" s="320">
        <v>36243595</v>
      </c>
      <c r="LT10" s="318">
        <v>36243595</v>
      </c>
      <c r="LU10" s="319">
        <v>0</v>
      </c>
      <c r="LV10" s="316">
        <v>0</v>
      </c>
      <c r="LW10" s="320">
        <v>0</v>
      </c>
      <c r="LX10" s="413">
        <v>0</v>
      </c>
      <c r="LY10" s="316">
        <v>3039322</v>
      </c>
      <c r="LZ10" s="316">
        <v>17105032</v>
      </c>
      <c r="MA10" s="316">
        <v>16471502</v>
      </c>
      <c r="MB10" s="316">
        <v>33379854</v>
      </c>
      <c r="MC10" s="316">
        <v>59617073</v>
      </c>
      <c r="MD10" s="320">
        <v>129612783</v>
      </c>
      <c r="ME10" s="321">
        <v>129612783</v>
      </c>
      <c r="MF10" s="319">
        <v>0</v>
      </c>
      <c r="MG10" s="316">
        <v>0</v>
      </c>
      <c r="MH10" s="320">
        <v>0</v>
      </c>
      <c r="MI10" s="413">
        <v>0</v>
      </c>
      <c r="MJ10" s="316">
        <v>224583482</v>
      </c>
      <c r="MK10" s="316">
        <v>698142991</v>
      </c>
      <c r="ML10" s="316">
        <v>1827375637</v>
      </c>
      <c r="MM10" s="316">
        <v>2672328861</v>
      </c>
      <c r="MN10" s="316">
        <v>1785455535</v>
      </c>
      <c r="MO10" s="320">
        <v>7207886506</v>
      </c>
      <c r="MP10" s="325">
        <v>7207886506</v>
      </c>
      <c r="MQ10" s="319">
        <v>0</v>
      </c>
      <c r="MR10" s="316">
        <v>0</v>
      </c>
      <c r="MS10" s="320">
        <v>0</v>
      </c>
      <c r="MT10" s="413">
        <v>0</v>
      </c>
      <c r="MU10" s="316">
        <v>60492504</v>
      </c>
      <c r="MV10" s="316">
        <v>286436751</v>
      </c>
      <c r="MW10" s="316">
        <v>1205170498</v>
      </c>
      <c r="MX10" s="316">
        <v>1803160005</v>
      </c>
      <c r="MY10" s="316">
        <v>1289209184</v>
      </c>
      <c r="MZ10" s="320">
        <v>4644468942</v>
      </c>
      <c r="NA10" s="325">
        <v>4644468942</v>
      </c>
      <c r="NB10" s="319">
        <v>0</v>
      </c>
      <c r="NC10" s="316">
        <v>0</v>
      </c>
      <c r="ND10" s="320">
        <v>0</v>
      </c>
      <c r="NE10" s="413">
        <v>0</v>
      </c>
      <c r="NF10" s="316">
        <v>163399270</v>
      </c>
      <c r="NG10" s="316">
        <v>410571713</v>
      </c>
      <c r="NH10" s="316">
        <v>618037570</v>
      </c>
      <c r="NI10" s="316">
        <v>829784186</v>
      </c>
      <c r="NJ10" s="316">
        <v>449971787</v>
      </c>
      <c r="NK10" s="320">
        <v>2471764526</v>
      </c>
      <c r="NL10" s="318">
        <v>2471764526</v>
      </c>
      <c r="NM10" s="319">
        <v>0</v>
      </c>
      <c r="NN10" s="316">
        <v>0</v>
      </c>
      <c r="NO10" s="320">
        <v>0</v>
      </c>
      <c r="NP10" s="413">
        <v>0</v>
      </c>
      <c r="NQ10" s="316">
        <v>0</v>
      </c>
      <c r="NR10" s="316">
        <v>0</v>
      </c>
      <c r="NS10" s="316">
        <v>0</v>
      </c>
      <c r="NT10" s="316">
        <v>0</v>
      </c>
      <c r="NU10" s="316">
        <v>0</v>
      </c>
      <c r="NV10" s="320">
        <v>0</v>
      </c>
      <c r="NW10" s="321">
        <v>0</v>
      </c>
      <c r="NX10" s="319">
        <v>0</v>
      </c>
      <c r="NY10" s="316">
        <v>0</v>
      </c>
      <c r="NZ10" s="320">
        <v>0</v>
      </c>
      <c r="OA10" s="413">
        <v>0</v>
      </c>
      <c r="OB10" s="316">
        <v>691708</v>
      </c>
      <c r="OC10" s="316">
        <v>1134527</v>
      </c>
      <c r="OD10" s="316">
        <v>4167569</v>
      </c>
      <c r="OE10" s="316">
        <v>39384670</v>
      </c>
      <c r="OF10" s="316">
        <v>46274564</v>
      </c>
      <c r="OG10" s="320">
        <v>91653038</v>
      </c>
      <c r="OH10" s="321">
        <v>91653038</v>
      </c>
      <c r="OI10" s="319">
        <v>170367460</v>
      </c>
      <c r="OJ10" s="316">
        <v>444161931</v>
      </c>
      <c r="OK10" s="317">
        <v>614529391</v>
      </c>
      <c r="OL10" s="322">
        <v>0</v>
      </c>
      <c r="OM10" s="316">
        <v>2663426660</v>
      </c>
      <c r="ON10" s="316">
        <v>5051691991</v>
      </c>
      <c r="OO10" s="316">
        <v>5311869500</v>
      </c>
      <c r="OP10" s="316">
        <v>5731330861</v>
      </c>
      <c r="OQ10" s="316">
        <v>4055414046</v>
      </c>
      <c r="OR10" s="320">
        <v>22813733058</v>
      </c>
      <c r="OS10" s="325">
        <v>23428262449</v>
      </c>
    </row>
    <row r="11" spans="1:409" s="70" customFormat="1" ht="21" customHeight="1" x14ac:dyDescent="0.2">
      <c r="B11" s="410" t="s">
        <v>6</v>
      </c>
      <c r="C11" s="326">
        <v>58748568</v>
      </c>
      <c r="D11" s="327">
        <v>100932619</v>
      </c>
      <c r="E11" s="328">
        <v>159681187</v>
      </c>
      <c r="F11" s="329">
        <v>0</v>
      </c>
      <c r="G11" s="327">
        <v>897834892</v>
      </c>
      <c r="H11" s="327">
        <v>1029988536</v>
      </c>
      <c r="I11" s="327">
        <v>852512639</v>
      </c>
      <c r="J11" s="327">
        <v>814666126</v>
      </c>
      <c r="K11" s="327">
        <v>669591431</v>
      </c>
      <c r="L11" s="329">
        <v>4264593624</v>
      </c>
      <c r="M11" s="330">
        <v>4424274811</v>
      </c>
      <c r="N11" s="326">
        <v>16330625</v>
      </c>
      <c r="O11" s="327">
        <v>34566795</v>
      </c>
      <c r="P11" s="328">
        <v>50897420</v>
      </c>
      <c r="Q11" s="326">
        <v>0</v>
      </c>
      <c r="R11" s="327">
        <v>294000955</v>
      </c>
      <c r="S11" s="327">
        <v>365017298</v>
      </c>
      <c r="T11" s="327">
        <v>306448883</v>
      </c>
      <c r="U11" s="327">
        <v>335011389</v>
      </c>
      <c r="V11" s="327">
        <v>357330905</v>
      </c>
      <c r="W11" s="328">
        <v>1657809430</v>
      </c>
      <c r="X11" s="330">
        <v>1708706850</v>
      </c>
      <c r="Y11" s="326">
        <v>0</v>
      </c>
      <c r="Z11" s="327">
        <v>0</v>
      </c>
      <c r="AA11" s="328">
        <v>0</v>
      </c>
      <c r="AB11" s="326">
        <v>0</v>
      </c>
      <c r="AC11" s="327">
        <v>131347396</v>
      </c>
      <c r="AD11" s="327">
        <v>178818654</v>
      </c>
      <c r="AE11" s="327">
        <v>172370836</v>
      </c>
      <c r="AF11" s="327">
        <v>203749267</v>
      </c>
      <c r="AG11" s="327">
        <v>212755040</v>
      </c>
      <c r="AH11" s="328">
        <v>899041193</v>
      </c>
      <c r="AI11" s="330">
        <v>899041193</v>
      </c>
      <c r="AJ11" s="326">
        <v>18574</v>
      </c>
      <c r="AK11" s="327">
        <v>37149</v>
      </c>
      <c r="AL11" s="328">
        <v>55723</v>
      </c>
      <c r="AM11" s="326">
        <v>0</v>
      </c>
      <c r="AN11" s="327">
        <v>1216509</v>
      </c>
      <c r="AO11" s="327">
        <v>2938487</v>
      </c>
      <c r="AP11" s="327">
        <v>6510669</v>
      </c>
      <c r="AQ11" s="327">
        <v>16177212</v>
      </c>
      <c r="AR11" s="327">
        <v>36315007</v>
      </c>
      <c r="AS11" s="328">
        <v>63157884</v>
      </c>
      <c r="AT11" s="330">
        <v>63213607</v>
      </c>
      <c r="AU11" s="326">
        <v>9310023</v>
      </c>
      <c r="AV11" s="327">
        <v>25263891</v>
      </c>
      <c r="AW11" s="328">
        <v>34573914</v>
      </c>
      <c r="AX11" s="326">
        <v>0</v>
      </c>
      <c r="AY11" s="327">
        <v>102019043</v>
      </c>
      <c r="AZ11" s="327">
        <v>115638577</v>
      </c>
      <c r="BA11" s="327">
        <v>72344146</v>
      </c>
      <c r="BB11" s="327">
        <v>60761027</v>
      </c>
      <c r="BC11" s="327">
        <v>63986193</v>
      </c>
      <c r="BD11" s="328">
        <v>414748986</v>
      </c>
      <c r="BE11" s="330">
        <v>449322900</v>
      </c>
      <c r="BF11" s="326">
        <v>642437</v>
      </c>
      <c r="BG11" s="327">
        <v>2271891</v>
      </c>
      <c r="BH11" s="331">
        <v>2914328</v>
      </c>
      <c r="BI11" s="332">
        <v>0</v>
      </c>
      <c r="BJ11" s="327">
        <v>7889335</v>
      </c>
      <c r="BK11" s="327">
        <v>7871264</v>
      </c>
      <c r="BL11" s="327">
        <v>4139125</v>
      </c>
      <c r="BM11" s="327">
        <v>4706061</v>
      </c>
      <c r="BN11" s="327">
        <v>3053347</v>
      </c>
      <c r="BO11" s="328">
        <v>27659132</v>
      </c>
      <c r="BP11" s="330">
        <v>30573460</v>
      </c>
      <c r="BQ11" s="326">
        <v>6359591</v>
      </c>
      <c r="BR11" s="327">
        <v>6993864</v>
      </c>
      <c r="BS11" s="328">
        <v>13353455</v>
      </c>
      <c r="BT11" s="326">
        <v>0</v>
      </c>
      <c r="BU11" s="327">
        <v>51528672</v>
      </c>
      <c r="BV11" s="327">
        <v>59750316</v>
      </c>
      <c r="BW11" s="327">
        <v>51084107</v>
      </c>
      <c r="BX11" s="327">
        <v>49617822</v>
      </c>
      <c r="BY11" s="327">
        <v>41221318</v>
      </c>
      <c r="BZ11" s="328">
        <v>253202235</v>
      </c>
      <c r="CA11" s="330">
        <v>266555690</v>
      </c>
      <c r="CB11" s="326">
        <v>2809974</v>
      </c>
      <c r="CC11" s="327">
        <v>9111563</v>
      </c>
      <c r="CD11" s="328">
        <v>11921537</v>
      </c>
      <c r="CE11" s="326">
        <v>0</v>
      </c>
      <c r="CF11" s="327">
        <v>236303318</v>
      </c>
      <c r="CG11" s="327">
        <v>269705001</v>
      </c>
      <c r="CH11" s="327">
        <v>198105127</v>
      </c>
      <c r="CI11" s="327">
        <v>125084812</v>
      </c>
      <c r="CJ11" s="327">
        <v>65351514</v>
      </c>
      <c r="CK11" s="328">
        <v>894549772</v>
      </c>
      <c r="CL11" s="330">
        <v>906471309</v>
      </c>
      <c r="CM11" s="326">
        <v>0</v>
      </c>
      <c r="CN11" s="327">
        <v>0</v>
      </c>
      <c r="CO11" s="328">
        <v>0</v>
      </c>
      <c r="CP11" s="332">
        <v>0</v>
      </c>
      <c r="CQ11" s="327">
        <v>198525321</v>
      </c>
      <c r="CR11" s="327">
        <v>218508908</v>
      </c>
      <c r="CS11" s="327">
        <v>158221411</v>
      </c>
      <c r="CT11" s="327">
        <v>98146499</v>
      </c>
      <c r="CU11" s="327">
        <v>53135118</v>
      </c>
      <c r="CV11" s="328">
        <v>726537257</v>
      </c>
      <c r="CW11" s="330">
        <v>726537257</v>
      </c>
      <c r="CX11" s="326">
        <v>2809974</v>
      </c>
      <c r="CY11" s="327">
        <v>9111563</v>
      </c>
      <c r="CZ11" s="328">
        <v>11921537</v>
      </c>
      <c r="DA11" s="326">
        <v>0</v>
      </c>
      <c r="DB11" s="327">
        <v>37777997</v>
      </c>
      <c r="DC11" s="327">
        <v>51196093</v>
      </c>
      <c r="DD11" s="327">
        <v>39883716</v>
      </c>
      <c r="DE11" s="327">
        <v>26938313</v>
      </c>
      <c r="DF11" s="327">
        <v>12216396</v>
      </c>
      <c r="DG11" s="328">
        <v>168012515</v>
      </c>
      <c r="DH11" s="330">
        <v>179934052</v>
      </c>
      <c r="DI11" s="326">
        <v>247591</v>
      </c>
      <c r="DJ11" s="327">
        <v>730895</v>
      </c>
      <c r="DK11" s="331">
        <v>978486</v>
      </c>
      <c r="DL11" s="332">
        <v>0</v>
      </c>
      <c r="DM11" s="327">
        <v>14092596</v>
      </c>
      <c r="DN11" s="327">
        <v>32856480</v>
      </c>
      <c r="DO11" s="327">
        <v>52927049</v>
      </c>
      <c r="DP11" s="327">
        <v>50842316</v>
      </c>
      <c r="DQ11" s="327">
        <v>33155183</v>
      </c>
      <c r="DR11" s="328">
        <v>183873624</v>
      </c>
      <c r="DS11" s="330">
        <v>184852110</v>
      </c>
      <c r="DT11" s="326">
        <v>225633</v>
      </c>
      <c r="DU11" s="327">
        <v>730895</v>
      </c>
      <c r="DV11" s="328">
        <v>956528</v>
      </c>
      <c r="DW11" s="326">
        <v>0</v>
      </c>
      <c r="DX11" s="327">
        <v>11671945</v>
      </c>
      <c r="DY11" s="327">
        <v>27946897</v>
      </c>
      <c r="DZ11" s="327">
        <v>45651702</v>
      </c>
      <c r="EA11" s="327">
        <v>43615054</v>
      </c>
      <c r="EB11" s="327">
        <v>28218313</v>
      </c>
      <c r="EC11" s="328">
        <v>157103911</v>
      </c>
      <c r="ED11" s="330">
        <v>158060439</v>
      </c>
      <c r="EE11" s="326">
        <v>21958</v>
      </c>
      <c r="EF11" s="331">
        <v>0</v>
      </c>
      <c r="EG11" s="328">
        <v>21958</v>
      </c>
      <c r="EH11" s="326">
        <v>0</v>
      </c>
      <c r="EI11" s="327">
        <v>2420651</v>
      </c>
      <c r="EJ11" s="327">
        <v>4909583</v>
      </c>
      <c r="EK11" s="327">
        <v>7275347</v>
      </c>
      <c r="EL11" s="327">
        <v>7227262</v>
      </c>
      <c r="EM11" s="327">
        <v>4936870</v>
      </c>
      <c r="EN11" s="331">
        <v>26769713</v>
      </c>
      <c r="EO11" s="330">
        <v>26791671</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15009451</v>
      </c>
      <c r="FM11" s="327">
        <v>23235467</v>
      </c>
      <c r="FN11" s="328">
        <v>38244918</v>
      </c>
      <c r="FO11" s="326">
        <v>0</v>
      </c>
      <c r="FP11" s="327">
        <v>50625397</v>
      </c>
      <c r="FQ11" s="327">
        <v>91154371</v>
      </c>
      <c r="FR11" s="327">
        <v>65152664</v>
      </c>
      <c r="FS11" s="327">
        <v>60034311</v>
      </c>
      <c r="FT11" s="327">
        <v>48600127</v>
      </c>
      <c r="FU11" s="328">
        <v>315566870</v>
      </c>
      <c r="FV11" s="330">
        <v>353811788</v>
      </c>
      <c r="FW11" s="333">
        <v>8688486</v>
      </c>
      <c r="FX11" s="327">
        <v>19122439</v>
      </c>
      <c r="FY11" s="331">
        <v>27810925</v>
      </c>
      <c r="FZ11" s="332">
        <v>0</v>
      </c>
      <c r="GA11" s="327">
        <v>41856771</v>
      </c>
      <c r="GB11" s="327">
        <v>84859303</v>
      </c>
      <c r="GC11" s="327">
        <v>61990948</v>
      </c>
      <c r="GD11" s="327">
        <v>57123844</v>
      </c>
      <c r="GE11" s="327">
        <v>46556763</v>
      </c>
      <c r="GF11" s="328">
        <v>292387629</v>
      </c>
      <c r="GG11" s="334">
        <v>320198554</v>
      </c>
      <c r="GH11" s="333">
        <v>1440178</v>
      </c>
      <c r="GI11" s="327">
        <v>970461</v>
      </c>
      <c r="GJ11" s="331">
        <v>2410639</v>
      </c>
      <c r="GK11" s="332">
        <v>0</v>
      </c>
      <c r="GL11" s="327">
        <v>2392951</v>
      </c>
      <c r="GM11" s="327">
        <v>2167074</v>
      </c>
      <c r="GN11" s="327">
        <v>1741739</v>
      </c>
      <c r="GO11" s="327">
        <v>1644241</v>
      </c>
      <c r="GP11" s="327">
        <v>840380</v>
      </c>
      <c r="GQ11" s="328">
        <v>8786385</v>
      </c>
      <c r="GR11" s="330">
        <v>11197024</v>
      </c>
      <c r="GS11" s="326">
        <v>4880787</v>
      </c>
      <c r="GT11" s="327">
        <v>3142567</v>
      </c>
      <c r="GU11" s="328">
        <v>8023354</v>
      </c>
      <c r="GV11" s="326">
        <v>0</v>
      </c>
      <c r="GW11" s="327">
        <v>6375675</v>
      </c>
      <c r="GX11" s="327">
        <v>4127994</v>
      </c>
      <c r="GY11" s="327">
        <v>1419977</v>
      </c>
      <c r="GZ11" s="327">
        <v>1266226</v>
      </c>
      <c r="HA11" s="327">
        <v>1202984</v>
      </c>
      <c r="HB11" s="331">
        <v>14392856</v>
      </c>
      <c r="HC11" s="330">
        <v>22416210</v>
      </c>
      <c r="HD11" s="326">
        <v>13931985</v>
      </c>
      <c r="HE11" s="327">
        <v>15192459</v>
      </c>
      <c r="HF11" s="331">
        <v>29124444</v>
      </c>
      <c r="HG11" s="332">
        <v>0</v>
      </c>
      <c r="HH11" s="327">
        <v>160226950</v>
      </c>
      <c r="HI11" s="327">
        <v>151367449</v>
      </c>
      <c r="HJ11" s="327">
        <v>150478334</v>
      </c>
      <c r="HK11" s="327">
        <v>186449715</v>
      </c>
      <c r="HL11" s="327">
        <v>127675923</v>
      </c>
      <c r="HM11" s="328">
        <v>776198371</v>
      </c>
      <c r="HN11" s="329">
        <v>805322815</v>
      </c>
      <c r="HO11" s="333">
        <v>10418942</v>
      </c>
      <c r="HP11" s="327">
        <v>18095440</v>
      </c>
      <c r="HQ11" s="328">
        <v>28514382</v>
      </c>
      <c r="HR11" s="326">
        <v>0</v>
      </c>
      <c r="HS11" s="327">
        <v>142585676</v>
      </c>
      <c r="HT11" s="327">
        <v>119887937</v>
      </c>
      <c r="HU11" s="327">
        <v>79400582</v>
      </c>
      <c r="HV11" s="327">
        <v>57243583</v>
      </c>
      <c r="HW11" s="327">
        <v>37477779</v>
      </c>
      <c r="HX11" s="331">
        <v>436595557</v>
      </c>
      <c r="HY11" s="330">
        <v>465109939</v>
      </c>
      <c r="HZ11" s="335">
        <v>845944</v>
      </c>
      <c r="IA11" s="336">
        <v>4682790</v>
      </c>
      <c r="IB11" s="337">
        <v>5528734</v>
      </c>
      <c r="IC11" s="338">
        <v>0</v>
      </c>
      <c r="ID11" s="336">
        <v>263652232</v>
      </c>
      <c r="IE11" s="339">
        <v>340567668</v>
      </c>
      <c r="IF11" s="337">
        <v>347504618</v>
      </c>
      <c r="IG11" s="336">
        <v>285954402</v>
      </c>
      <c r="IH11" s="337">
        <v>210319666</v>
      </c>
      <c r="II11" s="340">
        <v>1447998586</v>
      </c>
      <c r="IJ11" s="341">
        <v>1453527320</v>
      </c>
      <c r="IK11" s="342">
        <v>0</v>
      </c>
      <c r="IL11" s="343">
        <v>0</v>
      </c>
      <c r="IM11" s="344">
        <v>0</v>
      </c>
      <c r="IN11" s="404">
        <v>0</v>
      </c>
      <c r="IO11" s="345">
        <v>4540838</v>
      </c>
      <c r="IP11" s="345">
        <v>8862083</v>
      </c>
      <c r="IQ11" s="345">
        <v>12348919</v>
      </c>
      <c r="IR11" s="345">
        <v>27447715</v>
      </c>
      <c r="IS11" s="345">
        <v>29821365</v>
      </c>
      <c r="IT11" s="346">
        <v>83020920</v>
      </c>
      <c r="IU11" s="347">
        <v>83020920</v>
      </c>
      <c r="IV11" s="348">
        <v>0</v>
      </c>
      <c r="IW11" s="345">
        <v>0</v>
      </c>
      <c r="IX11" s="349">
        <v>0</v>
      </c>
      <c r="IY11" s="413">
        <v>0</v>
      </c>
      <c r="IZ11" s="345">
        <v>1290708</v>
      </c>
      <c r="JA11" s="345">
        <v>2448787</v>
      </c>
      <c r="JB11" s="345">
        <v>2402392</v>
      </c>
      <c r="JC11" s="345">
        <v>3749555</v>
      </c>
      <c r="JD11" s="345">
        <v>3522819</v>
      </c>
      <c r="JE11" s="349">
        <v>13414261</v>
      </c>
      <c r="JF11" s="350">
        <v>13414261</v>
      </c>
      <c r="JG11" s="348">
        <v>0</v>
      </c>
      <c r="JH11" s="345">
        <v>0</v>
      </c>
      <c r="JI11" s="346">
        <v>0</v>
      </c>
      <c r="JJ11" s="351">
        <v>0</v>
      </c>
      <c r="JK11" s="345">
        <v>90795598</v>
      </c>
      <c r="JL11" s="345">
        <v>88198962</v>
      </c>
      <c r="JM11" s="345">
        <v>69373901</v>
      </c>
      <c r="JN11" s="345">
        <v>46664300</v>
      </c>
      <c r="JO11" s="345">
        <v>26406001</v>
      </c>
      <c r="JP11" s="349">
        <v>321438762</v>
      </c>
      <c r="JQ11" s="347">
        <v>321438762</v>
      </c>
      <c r="JR11" s="348">
        <v>40470</v>
      </c>
      <c r="JS11" s="345">
        <v>0</v>
      </c>
      <c r="JT11" s="346">
        <v>40470</v>
      </c>
      <c r="JU11" s="351">
        <v>0</v>
      </c>
      <c r="JV11" s="345">
        <v>13733532</v>
      </c>
      <c r="JW11" s="345">
        <v>26898372</v>
      </c>
      <c r="JX11" s="345">
        <v>35201231</v>
      </c>
      <c r="JY11" s="345">
        <v>19468251</v>
      </c>
      <c r="JZ11" s="345">
        <v>17166875</v>
      </c>
      <c r="KA11" s="349">
        <v>112468261</v>
      </c>
      <c r="KB11" s="347">
        <v>112508731</v>
      </c>
      <c r="KC11" s="352">
        <v>805474</v>
      </c>
      <c r="KD11" s="353">
        <v>3406547</v>
      </c>
      <c r="KE11" s="349">
        <v>4212021</v>
      </c>
      <c r="KF11" s="351">
        <v>0</v>
      </c>
      <c r="KG11" s="345">
        <v>33230129</v>
      </c>
      <c r="KH11" s="345">
        <v>42096071</v>
      </c>
      <c r="KI11" s="345">
        <v>46449694</v>
      </c>
      <c r="KJ11" s="345">
        <v>32492087</v>
      </c>
      <c r="KK11" s="345">
        <v>10095111</v>
      </c>
      <c r="KL11" s="349">
        <v>164363092</v>
      </c>
      <c r="KM11" s="354">
        <v>168575113</v>
      </c>
      <c r="KN11" s="342">
        <v>0</v>
      </c>
      <c r="KO11" s="343">
        <v>1276243</v>
      </c>
      <c r="KP11" s="344">
        <v>1276243</v>
      </c>
      <c r="KQ11" s="413">
        <v>0</v>
      </c>
      <c r="KR11" s="345">
        <v>109839472</v>
      </c>
      <c r="KS11" s="345">
        <v>150879669</v>
      </c>
      <c r="KT11" s="345">
        <v>141535809</v>
      </c>
      <c r="KU11" s="345">
        <v>99963207</v>
      </c>
      <c r="KV11" s="345">
        <v>64642230</v>
      </c>
      <c r="KW11" s="349">
        <v>566860387</v>
      </c>
      <c r="KX11" s="347">
        <v>568136630</v>
      </c>
      <c r="KY11" s="348">
        <v>0</v>
      </c>
      <c r="KZ11" s="345">
        <v>0</v>
      </c>
      <c r="LA11" s="349">
        <v>0</v>
      </c>
      <c r="LB11" s="413">
        <v>0</v>
      </c>
      <c r="LC11" s="345">
        <v>0</v>
      </c>
      <c r="LD11" s="345">
        <v>0</v>
      </c>
      <c r="LE11" s="345">
        <v>0</v>
      </c>
      <c r="LF11" s="345">
        <v>0</v>
      </c>
      <c r="LG11" s="345">
        <v>0</v>
      </c>
      <c r="LH11" s="349">
        <v>0</v>
      </c>
      <c r="LI11" s="350">
        <v>0</v>
      </c>
      <c r="LJ11" s="348">
        <v>0</v>
      </c>
      <c r="LK11" s="345">
        <v>0</v>
      </c>
      <c r="LL11" s="349">
        <v>0</v>
      </c>
      <c r="LM11" s="413">
        <v>0</v>
      </c>
      <c r="LN11" s="345">
        <v>492914</v>
      </c>
      <c r="LO11" s="345">
        <v>2890926</v>
      </c>
      <c r="LP11" s="345">
        <v>18933727</v>
      </c>
      <c r="LQ11" s="345">
        <v>28915642</v>
      </c>
      <c r="LR11" s="345">
        <v>22259717</v>
      </c>
      <c r="LS11" s="349">
        <v>73492926</v>
      </c>
      <c r="LT11" s="347">
        <v>73492926</v>
      </c>
      <c r="LU11" s="348">
        <v>0</v>
      </c>
      <c r="LV11" s="345">
        <v>0</v>
      </c>
      <c r="LW11" s="349">
        <v>0</v>
      </c>
      <c r="LX11" s="413">
        <v>0</v>
      </c>
      <c r="LY11" s="345">
        <v>9729041</v>
      </c>
      <c r="LZ11" s="345">
        <v>18292798</v>
      </c>
      <c r="MA11" s="345">
        <v>21258945</v>
      </c>
      <c r="MB11" s="345">
        <v>27253645</v>
      </c>
      <c r="MC11" s="345">
        <v>36405548</v>
      </c>
      <c r="MD11" s="349">
        <v>112939977</v>
      </c>
      <c r="ME11" s="350">
        <v>112939977</v>
      </c>
      <c r="MF11" s="348">
        <v>0</v>
      </c>
      <c r="MG11" s="345">
        <v>0</v>
      </c>
      <c r="MH11" s="349">
        <v>0</v>
      </c>
      <c r="MI11" s="413">
        <v>0</v>
      </c>
      <c r="MJ11" s="345">
        <v>69178240</v>
      </c>
      <c r="MK11" s="345">
        <v>139893079</v>
      </c>
      <c r="ML11" s="345">
        <v>483941101</v>
      </c>
      <c r="MM11" s="345">
        <v>754846605</v>
      </c>
      <c r="MN11" s="345">
        <v>526668968</v>
      </c>
      <c r="MO11" s="349">
        <v>1974527993</v>
      </c>
      <c r="MP11" s="354">
        <v>1974527993</v>
      </c>
      <c r="MQ11" s="348">
        <v>0</v>
      </c>
      <c r="MR11" s="345">
        <v>0</v>
      </c>
      <c r="MS11" s="349">
        <v>0</v>
      </c>
      <c r="MT11" s="413">
        <v>0</v>
      </c>
      <c r="MU11" s="345">
        <v>17777246</v>
      </c>
      <c r="MV11" s="345">
        <v>45656885</v>
      </c>
      <c r="MW11" s="345">
        <v>328121195</v>
      </c>
      <c r="MX11" s="345">
        <v>517263658</v>
      </c>
      <c r="MY11" s="345">
        <v>382882255</v>
      </c>
      <c r="MZ11" s="349">
        <v>1291701239</v>
      </c>
      <c r="NA11" s="354">
        <v>1291701239</v>
      </c>
      <c r="NB11" s="348">
        <v>0</v>
      </c>
      <c r="NC11" s="345">
        <v>0</v>
      </c>
      <c r="ND11" s="349">
        <v>0</v>
      </c>
      <c r="NE11" s="413">
        <v>0</v>
      </c>
      <c r="NF11" s="345">
        <v>51400994</v>
      </c>
      <c r="NG11" s="345">
        <v>93965063</v>
      </c>
      <c r="NH11" s="345">
        <v>155336976</v>
      </c>
      <c r="NI11" s="345">
        <v>221228075</v>
      </c>
      <c r="NJ11" s="345">
        <v>122272921</v>
      </c>
      <c r="NK11" s="349">
        <v>644204029</v>
      </c>
      <c r="NL11" s="347">
        <v>644204029</v>
      </c>
      <c r="NM11" s="348">
        <v>0</v>
      </c>
      <c r="NN11" s="345">
        <v>0</v>
      </c>
      <c r="NO11" s="349">
        <v>0</v>
      </c>
      <c r="NP11" s="413">
        <v>0</v>
      </c>
      <c r="NQ11" s="345">
        <v>0</v>
      </c>
      <c r="NR11" s="345">
        <v>0</v>
      </c>
      <c r="NS11" s="345">
        <v>0</v>
      </c>
      <c r="NT11" s="345">
        <v>0</v>
      </c>
      <c r="NU11" s="345">
        <v>0</v>
      </c>
      <c r="NV11" s="349">
        <v>0</v>
      </c>
      <c r="NW11" s="350">
        <v>0</v>
      </c>
      <c r="NX11" s="348">
        <v>0</v>
      </c>
      <c r="NY11" s="345">
        <v>0</v>
      </c>
      <c r="NZ11" s="349">
        <v>0</v>
      </c>
      <c r="OA11" s="413">
        <v>0</v>
      </c>
      <c r="OB11" s="345">
        <v>0</v>
      </c>
      <c r="OC11" s="345">
        <v>271131</v>
      </c>
      <c r="OD11" s="345">
        <v>482930</v>
      </c>
      <c r="OE11" s="345">
        <v>16354872</v>
      </c>
      <c r="OF11" s="345">
        <v>21513792</v>
      </c>
      <c r="OG11" s="349">
        <v>38622725</v>
      </c>
      <c r="OH11" s="350">
        <v>38622725</v>
      </c>
      <c r="OI11" s="348">
        <v>59594512</v>
      </c>
      <c r="OJ11" s="345">
        <v>105615409</v>
      </c>
      <c r="OK11" s="346">
        <v>165209921</v>
      </c>
      <c r="OL11" s="351">
        <v>0</v>
      </c>
      <c r="OM11" s="345">
        <v>1230665364</v>
      </c>
      <c r="ON11" s="345">
        <v>1510449283</v>
      </c>
      <c r="OO11" s="345">
        <v>1683958358</v>
      </c>
      <c r="OP11" s="345">
        <v>1855467133</v>
      </c>
      <c r="OQ11" s="345">
        <v>1406580065</v>
      </c>
      <c r="OR11" s="349">
        <v>7687120203</v>
      </c>
      <c r="OS11" s="354">
        <v>7852330124</v>
      </c>
    </row>
    <row r="12" spans="1:409" s="70" customFormat="1" ht="21" customHeight="1" x14ac:dyDescent="0.2">
      <c r="B12" s="410" t="s">
        <v>14</v>
      </c>
      <c r="C12" s="326">
        <v>28784365</v>
      </c>
      <c r="D12" s="327">
        <v>74150677</v>
      </c>
      <c r="E12" s="328">
        <v>102935042</v>
      </c>
      <c r="F12" s="329">
        <v>0</v>
      </c>
      <c r="G12" s="327">
        <v>341946365</v>
      </c>
      <c r="H12" s="327">
        <v>555489229</v>
      </c>
      <c r="I12" s="327">
        <v>503399492</v>
      </c>
      <c r="J12" s="327">
        <v>443081786</v>
      </c>
      <c r="K12" s="327">
        <v>285996342</v>
      </c>
      <c r="L12" s="331">
        <v>2129913214</v>
      </c>
      <c r="M12" s="330">
        <v>2232848256</v>
      </c>
      <c r="N12" s="326">
        <v>5363118</v>
      </c>
      <c r="O12" s="327">
        <v>18400259</v>
      </c>
      <c r="P12" s="328">
        <v>23763377</v>
      </c>
      <c r="Q12" s="326">
        <v>0</v>
      </c>
      <c r="R12" s="327">
        <v>93315768</v>
      </c>
      <c r="S12" s="327">
        <v>176813116</v>
      </c>
      <c r="T12" s="327">
        <v>166146347</v>
      </c>
      <c r="U12" s="327">
        <v>175862799</v>
      </c>
      <c r="V12" s="327">
        <v>144943336</v>
      </c>
      <c r="W12" s="328">
        <v>757081366</v>
      </c>
      <c r="X12" s="330">
        <v>780844743</v>
      </c>
      <c r="Y12" s="326">
        <v>0</v>
      </c>
      <c r="Z12" s="327">
        <v>0</v>
      </c>
      <c r="AA12" s="328">
        <v>0</v>
      </c>
      <c r="AB12" s="326">
        <v>0</v>
      </c>
      <c r="AC12" s="327">
        <v>46101844</v>
      </c>
      <c r="AD12" s="327">
        <v>89638546</v>
      </c>
      <c r="AE12" s="327">
        <v>91621797</v>
      </c>
      <c r="AF12" s="327">
        <v>106533376</v>
      </c>
      <c r="AG12" s="327">
        <v>84647371</v>
      </c>
      <c r="AH12" s="328">
        <v>418542934</v>
      </c>
      <c r="AI12" s="330">
        <v>418542934</v>
      </c>
      <c r="AJ12" s="326">
        <v>0</v>
      </c>
      <c r="AK12" s="327">
        <v>74534</v>
      </c>
      <c r="AL12" s="328">
        <v>74534</v>
      </c>
      <c r="AM12" s="326">
        <v>0</v>
      </c>
      <c r="AN12" s="327">
        <v>73051</v>
      </c>
      <c r="AO12" s="327">
        <v>1630781</v>
      </c>
      <c r="AP12" s="327">
        <v>2905404</v>
      </c>
      <c r="AQ12" s="327">
        <v>8439289</v>
      </c>
      <c r="AR12" s="327">
        <v>15347752</v>
      </c>
      <c r="AS12" s="328">
        <v>28396277</v>
      </c>
      <c r="AT12" s="330">
        <v>28470811</v>
      </c>
      <c r="AU12" s="326">
        <v>2351002</v>
      </c>
      <c r="AV12" s="327">
        <v>13010410</v>
      </c>
      <c r="AW12" s="328">
        <v>15361412</v>
      </c>
      <c r="AX12" s="326">
        <v>0</v>
      </c>
      <c r="AY12" s="327">
        <v>27161034</v>
      </c>
      <c r="AZ12" s="327">
        <v>55193609</v>
      </c>
      <c r="BA12" s="327">
        <v>40360486</v>
      </c>
      <c r="BB12" s="327">
        <v>34390897</v>
      </c>
      <c r="BC12" s="327">
        <v>27060375</v>
      </c>
      <c r="BD12" s="328">
        <v>184166401</v>
      </c>
      <c r="BE12" s="330">
        <v>199527813</v>
      </c>
      <c r="BF12" s="326">
        <v>188831</v>
      </c>
      <c r="BG12" s="327">
        <v>1275283</v>
      </c>
      <c r="BH12" s="331">
        <v>1464114</v>
      </c>
      <c r="BI12" s="332">
        <v>0</v>
      </c>
      <c r="BJ12" s="327">
        <v>1011395</v>
      </c>
      <c r="BK12" s="327">
        <v>3128352</v>
      </c>
      <c r="BL12" s="327">
        <v>1839938</v>
      </c>
      <c r="BM12" s="327">
        <v>1777872</v>
      </c>
      <c r="BN12" s="327">
        <v>682911</v>
      </c>
      <c r="BO12" s="328">
        <v>8440468</v>
      </c>
      <c r="BP12" s="330">
        <v>9904582</v>
      </c>
      <c r="BQ12" s="326">
        <v>2823285</v>
      </c>
      <c r="BR12" s="327">
        <v>4040032</v>
      </c>
      <c r="BS12" s="328">
        <v>6863317</v>
      </c>
      <c r="BT12" s="326">
        <v>0</v>
      </c>
      <c r="BU12" s="327">
        <v>18968444</v>
      </c>
      <c r="BV12" s="327">
        <v>27221828</v>
      </c>
      <c r="BW12" s="327">
        <v>29418722</v>
      </c>
      <c r="BX12" s="327">
        <v>24721365</v>
      </c>
      <c r="BY12" s="327">
        <v>17204927</v>
      </c>
      <c r="BZ12" s="328">
        <v>117535286</v>
      </c>
      <c r="CA12" s="330">
        <v>124398603</v>
      </c>
      <c r="CB12" s="326">
        <v>2131163</v>
      </c>
      <c r="CC12" s="327">
        <v>7502985</v>
      </c>
      <c r="CD12" s="328">
        <v>9634148</v>
      </c>
      <c r="CE12" s="326">
        <v>0</v>
      </c>
      <c r="CF12" s="327">
        <v>101971348</v>
      </c>
      <c r="CG12" s="327">
        <v>170926127</v>
      </c>
      <c r="CH12" s="327">
        <v>135811585</v>
      </c>
      <c r="CI12" s="327">
        <v>81661606</v>
      </c>
      <c r="CJ12" s="327">
        <v>40424213</v>
      </c>
      <c r="CK12" s="328">
        <v>530794879</v>
      </c>
      <c r="CL12" s="330">
        <v>540429027</v>
      </c>
      <c r="CM12" s="326">
        <v>0</v>
      </c>
      <c r="CN12" s="327">
        <v>0</v>
      </c>
      <c r="CO12" s="328">
        <v>0</v>
      </c>
      <c r="CP12" s="332">
        <v>0</v>
      </c>
      <c r="CQ12" s="327">
        <v>94973263</v>
      </c>
      <c r="CR12" s="327">
        <v>145636999</v>
      </c>
      <c r="CS12" s="327">
        <v>116794315</v>
      </c>
      <c r="CT12" s="327">
        <v>69414651</v>
      </c>
      <c r="CU12" s="327">
        <v>35232613</v>
      </c>
      <c r="CV12" s="328">
        <v>462051841</v>
      </c>
      <c r="CW12" s="330">
        <v>462051841</v>
      </c>
      <c r="CX12" s="326">
        <v>2131163</v>
      </c>
      <c r="CY12" s="327">
        <v>7502985</v>
      </c>
      <c r="CZ12" s="328">
        <v>9634148</v>
      </c>
      <c r="DA12" s="326">
        <v>0</v>
      </c>
      <c r="DB12" s="327">
        <v>6998085</v>
      </c>
      <c r="DC12" s="327">
        <v>25289128</v>
      </c>
      <c r="DD12" s="327">
        <v>19017270</v>
      </c>
      <c r="DE12" s="327">
        <v>12246955</v>
      </c>
      <c r="DF12" s="327">
        <v>5191600</v>
      </c>
      <c r="DG12" s="328">
        <v>68743038</v>
      </c>
      <c r="DH12" s="330">
        <v>78377186</v>
      </c>
      <c r="DI12" s="326">
        <v>181501</v>
      </c>
      <c r="DJ12" s="327">
        <v>365432</v>
      </c>
      <c r="DK12" s="331">
        <v>546933</v>
      </c>
      <c r="DL12" s="332">
        <v>0</v>
      </c>
      <c r="DM12" s="327">
        <v>7777689</v>
      </c>
      <c r="DN12" s="327">
        <v>18634300</v>
      </c>
      <c r="DO12" s="327">
        <v>44046549</v>
      </c>
      <c r="DP12" s="327">
        <v>43539077</v>
      </c>
      <c r="DQ12" s="327">
        <v>19382312</v>
      </c>
      <c r="DR12" s="328">
        <v>133379927</v>
      </c>
      <c r="DS12" s="330">
        <v>133926860</v>
      </c>
      <c r="DT12" s="326">
        <v>181501</v>
      </c>
      <c r="DU12" s="327">
        <v>365432</v>
      </c>
      <c r="DV12" s="328">
        <v>546933</v>
      </c>
      <c r="DW12" s="326">
        <v>0</v>
      </c>
      <c r="DX12" s="327">
        <v>7604845</v>
      </c>
      <c r="DY12" s="327">
        <v>18265819</v>
      </c>
      <c r="DZ12" s="327">
        <v>43359714</v>
      </c>
      <c r="EA12" s="327">
        <v>42794593</v>
      </c>
      <c r="EB12" s="327">
        <v>19056234</v>
      </c>
      <c r="EC12" s="328">
        <v>131081205</v>
      </c>
      <c r="ED12" s="330">
        <v>131628138</v>
      </c>
      <c r="EE12" s="326">
        <v>0</v>
      </c>
      <c r="EF12" s="331">
        <v>0</v>
      </c>
      <c r="EG12" s="328">
        <v>0</v>
      </c>
      <c r="EH12" s="326">
        <v>0</v>
      </c>
      <c r="EI12" s="327">
        <v>172844</v>
      </c>
      <c r="EJ12" s="327">
        <v>368481</v>
      </c>
      <c r="EK12" s="327">
        <v>686835</v>
      </c>
      <c r="EL12" s="327">
        <v>744484</v>
      </c>
      <c r="EM12" s="327">
        <v>326078</v>
      </c>
      <c r="EN12" s="331">
        <v>2298722</v>
      </c>
      <c r="EO12" s="330">
        <v>2298722</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8447058</v>
      </c>
      <c r="FM12" s="327">
        <v>23469549</v>
      </c>
      <c r="FN12" s="328">
        <v>31916607</v>
      </c>
      <c r="FO12" s="326">
        <v>0</v>
      </c>
      <c r="FP12" s="327">
        <v>20381347</v>
      </c>
      <c r="FQ12" s="327">
        <v>57416398</v>
      </c>
      <c r="FR12" s="327">
        <v>42417560</v>
      </c>
      <c r="FS12" s="327">
        <v>35438688</v>
      </c>
      <c r="FT12" s="327">
        <v>22386165</v>
      </c>
      <c r="FU12" s="328">
        <v>178040158</v>
      </c>
      <c r="FV12" s="330">
        <v>209956765</v>
      </c>
      <c r="FW12" s="333">
        <v>4967781</v>
      </c>
      <c r="FX12" s="327">
        <v>18088698</v>
      </c>
      <c r="FY12" s="331">
        <v>23056479</v>
      </c>
      <c r="FZ12" s="332">
        <v>0</v>
      </c>
      <c r="GA12" s="327">
        <v>16072340</v>
      </c>
      <c r="GB12" s="327">
        <v>52449884</v>
      </c>
      <c r="GC12" s="327">
        <v>39210448</v>
      </c>
      <c r="GD12" s="327">
        <v>32443564</v>
      </c>
      <c r="GE12" s="327">
        <v>21691508</v>
      </c>
      <c r="GF12" s="328">
        <v>161867744</v>
      </c>
      <c r="GG12" s="334">
        <v>184924223</v>
      </c>
      <c r="GH12" s="333">
        <v>470368</v>
      </c>
      <c r="GI12" s="327">
        <v>918200</v>
      </c>
      <c r="GJ12" s="331">
        <v>1388568</v>
      </c>
      <c r="GK12" s="332">
        <v>0</v>
      </c>
      <c r="GL12" s="327">
        <v>1164667</v>
      </c>
      <c r="GM12" s="327">
        <v>1496217</v>
      </c>
      <c r="GN12" s="327">
        <v>1506935</v>
      </c>
      <c r="GO12" s="327">
        <v>1352931</v>
      </c>
      <c r="GP12" s="327">
        <v>321252</v>
      </c>
      <c r="GQ12" s="328">
        <v>5842002</v>
      </c>
      <c r="GR12" s="330">
        <v>7230570</v>
      </c>
      <c r="GS12" s="326">
        <v>3008909</v>
      </c>
      <c r="GT12" s="327">
        <v>4462651</v>
      </c>
      <c r="GU12" s="328">
        <v>7471560</v>
      </c>
      <c r="GV12" s="326">
        <v>0</v>
      </c>
      <c r="GW12" s="327">
        <v>3144340</v>
      </c>
      <c r="GX12" s="327">
        <v>3470297</v>
      </c>
      <c r="GY12" s="327">
        <v>1700177</v>
      </c>
      <c r="GZ12" s="327">
        <v>1642193</v>
      </c>
      <c r="HA12" s="327">
        <v>373405</v>
      </c>
      <c r="HB12" s="331">
        <v>10330412</v>
      </c>
      <c r="HC12" s="330">
        <v>17801972</v>
      </c>
      <c r="HD12" s="326">
        <v>7379938</v>
      </c>
      <c r="HE12" s="327">
        <v>10775785</v>
      </c>
      <c r="HF12" s="331">
        <v>18155723</v>
      </c>
      <c r="HG12" s="332">
        <v>0</v>
      </c>
      <c r="HH12" s="327">
        <v>57877015</v>
      </c>
      <c r="HI12" s="327">
        <v>53854618</v>
      </c>
      <c r="HJ12" s="327">
        <v>61735485</v>
      </c>
      <c r="HK12" s="327">
        <v>72424504</v>
      </c>
      <c r="HL12" s="327">
        <v>40525975</v>
      </c>
      <c r="HM12" s="328">
        <v>286417597</v>
      </c>
      <c r="HN12" s="329">
        <v>304573320</v>
      </c>
      <c r="HO12" s="333">
        <v>5281587</v>
      </c>
      <c r="HP12" s="327">
        <v>13636667</v>
      </c>
      <c r="HQ12" s="328">
        <v>18918254</v>
      </c>
      <c r="HR12" s="326">
        <v>0</v>
      </c>
      <c r="HS12" s="327">
        <v>60623198</v>
      </c>
      <c r="HT12" s="327">
        <v>77844670</v>
      </c>
      <c r="HU12" s="327">
        <v>53241966</v>
      </c>
      <c r="HV12" s="327">
        <v>34155112</v>
      </c>
      <c r="HW12" s="327">
        <v>18334341</v>
      </c>
      <c r="HX12" s="331">
        <v>244199287</v>
      </c>
      <c r="HY12" s="330">
        <v>263117541</v>
      </c>
      <c r="HZ12" s="335">
        <v>797915</v>
      </c>
      <c r="IA12" s="336">
        <v>2700516</v>
      </c>
      <c r="IB12" s="337">
        <v>3498431</v>
      </c>
      <c r="IC12" s="355">
        <v>0</v>
      </c>
      <c r="ID12" s="356">
        <v>114312345</v>
      </c>
      <c r="IE12" s="357">
        <v>179143956</v>
      </c>
      <c r="IF12" s="358">
        <v>212058691</v>
      </c>
      <c r="IG12" s="356">
        <v>130507462</v>
      </c>
      <c r="IH12" s="358">
        <v>84253862</v>
      </c>
      <c r="II12" s="359">
        <v>720276316</v>
      </c>
      <c r="IJ12" s="341">
        <v>723774747</v>
      </c>
      <c r="IK12" s="342">
        <v>0</v>
      </c>
      <c r="IL12" s="343">
        <v>0</v>
      </c>
      <c r="IM12" s="344">
        <v>0</v>
      </c>
      <c r="IN12" s="404">
        <v>0</v>
      </c>
      <c r="IO12" s="345">
        <v>1623946</v>
      </c>
      <c r="IP12" s="345">
        <v>4283324</v>
      </c>
      <c r="IQ12" s="345">
        <v>4291817</v>
      </c>
      <c r="IR12" s="345">
        <v>5628203</v>
      </c>
      <c r="IS12" s="345">
        <v>9197891</v>
      </c>
      <c r="IT12" s="346">
        <v>25025181</v>
      </c>
      <c r="IU12" s="347">
        <v>25025181</v>
      </c>
      <c r="IV12" s="348">
        <v>0</v>
      </c>
      <c r="IW12" s="345">
        <v>0</v>
      </c>
      <c r="IX12" s="349">
        <v>0</v>
      </c>
      <c r="IY12" s="413">
        <v>0</v>
      </c>
      <c r="IZ12" s="345">
        <v>0</v>
      </c>
      <c r="JA12" s="345">
        <v>0</v>
      </c>
      <c r="JB12" s="345">
        <v>0</v>
      </c>
      <c r="JC12" s="345">
        <v>0</v>
      </c>
      <c r="JD12" s="345">
        <v>0</v>
      </c>
      <c r="JE12" s="349">
        <v>0</v>
      </c>
      <c r="JF12" s="350">
        <v>0</v>
      </c>
      <c r="JG12" s="348">
        <v>0</v>
      </c>
      <c r="JH12" s="345">
        <v>0</v>
      </c>
      <c r="JI12" s="346">
        <v>0</v>
      </c>
      <c r="JJ12" s="351">
        <v>0</v>
      </c>
      <c r="JK12" s="345">
        <v>46781151</v>
      </c>
      <c r="JL12" s="345">
        <v>66120997</v>
      </c>
      <c r="JM12" s="345">
        <v>49537996</v>
      </c>
      <c r="JN12" s="345">
        <v>27516469</v>
      </c>
      <c r="JO12" s="345">
        <v>14219395</v>
      </c>
      <c r="JP12" s="349">
        <v>204176008</v>
      </c>
      <c r="JQ12" s="347">
        <v>204176008</v>
      </c>
      <c r="JR12" s="348">
        <v>0</v>
      </c>
      <c r="JS12" s="345">
        <v>0</v>
      </c>
      <c r="JT12" s="346">
        <v>0</v>
      </c>
      <c r="JU12" s="351">
        <v>0</v>
      </c>
      <c r="JV12" s="345">
        <v>1219733</v>
      </c>
      <c r="JW12" s="345">
        <v>2219238</v>
      </c>
      <c r="JX12" s="345">
        <v>5241954</v>
      </c>
      <c r="JY12" s="345">
        <v>2246518</v>
      </c>
      <c r="JZ12" s="345">
        <v>3424515</v>
      </c>
      <c r="KA12" s="349">
        <v>14351958</v>
      </c>
      <c r="KB12" s="347">
        <v>14351958</v>
      </c>
      <c r="KC12" s="352">
        <v>797915</v>
      </c>
      <c r="KD12" s="353">
        <v>2472872</v>
      </c>
      <c r="KE12" s="349">
        <v>3270787</v>
      </c>
      <c r="KF12" s="351">
        <v>0</v>
      </c>
      <c r="KG12" s="345">
        <v>15806970</v>
      </c>
      <c r="KH12" s="345">
        <v>27589788</v>
      </c>
      <c r="KI12" s="345">
        <v>32728465</v>
      </c>
      <c r="KJ12" s="345">
        <v>21602336</v>
      </c>
      <c r="KK12" s="345">
        <v>11159329</v>
      </c>
      <c r="KL12" s="349">
        <v>108886888</v>
      </c>
      <c r="KM12" s="354">
        <v>112157675</v>
      </c>
      <c r="KN12" s="342">
        <v>0</v>
      </c>
      <c r="KO12" s="343">
        <v>227644</v>
      </c>
      <c r="KP12" s="344">
        <v>227644</v>
      </c>
      <c r="KQ12" s="413">
        <v>0</v>
      </c>
      <c r="KR12" s="345">
        <v>45970678</v>
      </c>
      <c r="KS12" s="345">
        <v>73346280</v>
      </c>
      <c r="KT12" s="345">
        <v>107306067</v>
      </c>
      <c r="KU12" s="345">
        <v>53909065</v>
      </c>
      <c r="KV12" s="345">
        <v>31613541</v>
      </c>
      <c r="KW12" s="349">
        <v>312145631</v>
      </c>
      <c r="KX12" s="347">
        <v>312373275</v>
      </c>
      <c r="KY12" s="348">
        <v>0</v>
      </c>
      <c r="KZ12" s="345">
        <v>0</v>
      </c>
      <c r="LA12" s="349">
        <v>0</v>
      </c>
      <c r="LB12" s="413">
        <v>0</v>
      </c>
      <c r="LC12" s="345">
        <v>0</v>
      </c>
      <c r="LD12" s="345">
        <v>0</v>
      </c>
      <c r="LE12" s="345">
        <v>0</v>
      </c>
      <c r="LF12" s="345">
        <v>0</v>
      </c>
      <c r="LG12" s="345">
        <v>0</v>
      </c>
      <c r="LH12" s="349">
        <v>0</v>
      </c>
      <c r="LI12" s="350">
        <v>0</v>
      </c>
      <c r="LJ12" s="348">
        <v>0</v>
      </c>
      <c r="LK12" s="345">
        <v>0</v>
      </c>
      <c r="LL12" s="349">
        <v>0</v>
      </c>
      <c r="LM12" s="413">
        <v>0</v>
      </c>
      <c r="LN12" s="345">
        <v>0</v>
      </c>
      <c r="LO12" s="345">
        <v>0</v>
      </c>
      <c r="LP12" s="345">
        <v>2762350</v>
      </c>
      <c r="LQ12" s="345">
        <v>7771649</v>
      </c>
      <c r="LR12" s="345">
        <v>3240022</v>
      </c>
      <c r="LS12" s="349">
        <v>13774021</v>
      </c>
      <c r="LT12" s="347">
        <v>13774021</v>
      </c>
      <c r="LU12" s="348">
        <v>0</v>
      </c>
      <c r="LV12" s="345">
        <v>0</v>
      </c>
      <c r="LW12" s="349">
        <v>0</v>
      </c>
      <c r="LX12" s="413">
        <v>0</v>
      </c>
      <c r="LY12" s="345">
        <v>2909867</v>
      </c>
      <c r="LZ12" s="345">
        <v>5584329</v>
      </c>
      <c r="MA12" s="345">
        <v>10190042</v>
      </c>
      <c r="MB12" s="345">
        <v>11833222</v>
      </c>
      <c r="MC12" s="345">
        <v>11399169</v>
      </c>
      <c r="MD12" s="349">
        <v>41916629</v>
      </c>
      <c r="ME12" s="350">
        <v>41916629</v>
      </c>
      <c r="MF12" s="348">
        <v>0</v>
      </c>
      <c r="MG12" s="345">
        <v>0</v>
      </c>
      <c r="MH12" s="349">
        <v>0</v>
      </c>
      <c r="MI12" s="413">
        <v>0</v>
      </c>
      <c r="MJ12" s="345">
        <v>17101442</v>
      </c>
      <c r="MK12" s="345">
        <v>59847642</v>
      </c>
      <c r="ML12" s="345">
        <v>294189803</v>
      </c>
      <c r="MM12" s="345">
        <v>480714063</v>
      </c>
      <c r="MN12" s="345">
        <v>343424062</v>
      </c>
      <c r="MO12" s="349">
        <v>1195277012</v>
      </c>
      <c r="MP12" s="354">
        <v>1195277012</v>
      </c>
      <c r="MQ12" s="348">
        <v>0</v>
      </c>
      <c r="MR12" s="345">
        <v>0</v>
      </c>
      <c r="MS12" s="349">
        <v>0</v>
      </c>
      <c r="MT12" s="413">
        <v>0</v>
      </c>
      <c r="MU12" s="345">
        <v>1571700</v>
      </c>
      <c r="MV12" s="345">
        <v>9087282</v>
      </c>
      <c r="MW12" s="345">
        <v>207956368</v>
      </c>
      <c r="MX12" s="345">
        <v>326866069</v>
      </c>
      <c r="MY12" s="345">
        <v>234440145</v>
      </c>
      <c r="MZ12" s="349">
        <v>779921564</v>
      </c>
      <c r="NA12" s="354">
        <v>779921564</v>
      </c>
      <c r="NB12" s="348">
        <v>0</v>
      </c>
      <c r="NC12" s="345">
        <v>0</v>
      </c>
      <c r="ND12" s="349">
        <v>0</v>
      </c>
      <c r="NE12" s="413">
        <v>0</v>
      </c>
      <c r="NF12" s="345">
        <v>15529742</v>
      </c>
      <c r="NG12" s="345">
        <v>50760360</v>
      </c>
      <c r="NH12" s="345">
        <v>81765896</v>
      </c>
      <c r="NI12" s="345">
        <v>116290310</v>
      </c>
      <c r="NJ12" s="345">
        <v>68241453</v>
      </c>
      <c r="NK12" s="349">
        <v>332587761</v>
      </c>
      <c r="NL12" s="347">
        <v>332587761</v>
      </c>
      <c r="NM12" s="348">
        <v>0</v>
      </c>
      <c r="NN12" s="345">
        <v>0</v>
      </c>
      <c r="NO12" s="349">
        <v>0</v>
      </c>
      <c r="NP12" s="413">
        <v>0</v>
      </c>
      <c r="NQ12" s="345">
        <v>0</v>
      </c>
      <c r="NR12" s="345">
        <v>0</v>
      </c>
      <c r="NS12" s="345">
        <v>0</v>
      </c>
      <c r="NT12" s="345">
        <v>0</v>
      </c>
      <c r="NU12" s="345">
        <v>486692</v>
      </c>
      <c r="NV12" s="349">
        <v>486692</v>
      </c>
      <c r="NW12" s="350">
        <v>486692</v>
      </c>
      <c r="NX12" s="348">
        <v>0</v>
      </c>
      <c r="NY12" s="345">
        <v>0</v>
      </c>
      <c r="NZ12" s="349">
        <v>0</v>
      </c>
      <c r="OA12" s="413">
        <v>0</v>
      </c>
      <c r="OB12" s="345">
        <v>0</v>
      </c>
      <c r="OC12" s="345">
        <v>0</v>
      </c>
      <c r="OD12" s="345">
        <v>4467539</v>
      </c>
      <c r="OE12" s="345">
        <v>37557684</v>
      </c>
      <c r="OF12" s="345">
        <v>40255772</v>
      </c>
      <c r="OG12" s="349">
        <v>82280995</v>
      </c>
      <c r="OH12" s="350">
        <v>82280995</v>
      </c>
      <c r="OI12" s="348">
        <v>29582280</v>
      </c>
      <c r="OJ12" s="345">
        <v>76851193</v>
      </c>
      <c r="OK12" s="346">
        <v>106433473</v>
      </c>
      <c r="OL12" s="351">
        <v>0</v>
      </c>
      <c r="OM12" s="345">
        <v>473360152</v>
      </c>
      <c r="ON12" s="345">
        <v>794480827</v>
      </c>
      <c r="OO12" s="345">
        <v>1009647986</v>
      </c>
      <c r="OP12" s="345">
        <v>1054303311</v>
      </c>
      <c r="OQ12" s="345">
        <v>713674266</v>
      </c>
      <c r="OR12" s="349">
        <v>4045466542</v>
      </c>
      <c r="OS12" s="354">
        <v>4151900015</v>
      </c>
    </row>
    <row r="13" spans="1:409" s="70" customFormat="1" ht="21" customHeight="1" x14ac:dyDescent="0.2">
      <c r="B13" s="410" t="s">
        <v>7</v>
      </c>
      <c r="C13" s="326">
        <v>15794812</v>
      </c>
      <c r="D13" s="327">
        <v>21507827</v>
      </c>
      <c r="E13" s="328">
        <v>37302639</v>
      </c>
      <c r="F13" s="329">
        <v>0</v>
      </c>
      <c r="G13" s="327">
        <v>359273657</v>
      </c>
      <c r="H13" s="327">
        <v>331474865</v>
      </c>
      <c r="I13" s="327">
        <v>279417046</v>
      </c>
      <c r="J13" s="327">
        <v>277262832</v>
      </c>
      <c r="K13" s="327">
        <v>198579291</v>
      </c>
      <c r="L13" s="329">
        <v>1446007691</v>
      </c>
      <c r="M13" s="330">
        <v>1483310330</v>
      </c>
      <c r="N13" s="326">
        <v>2512595</v>
      </c>
      <c r="O13" s="327">
        <v>2851406</v>
      </c>
      <c r="P13" s="328">
        <v>5364001</v>
      </c>
      <c r="Q13" s="326">
        <v>0</v>
      </c>
      <c r="R13" s="327">
        <v>85985875</v>
      </c>
      <c r="S13" s="327">
        <v>95101612</v>
      </c>
      <c r="T13" s="327">
        <v>91597601</v>
      </c>
      <c r="U13" s="327">
        <v>117915864</v>
      </c>
      <c r="V13" s="327">
        <v>103675033</v>
      </c>
      <c r="W13" s="328">
        <v>494275985</v>
      </c>
      <c r="X13" s="330">
        <v>499639986</v>
      </c>
      <c r="Y13" s="326">
        <v>0</v>
      </c>
      <c r="Z13" s="327">
        <v>0</v>
      </c>
      <c r="AA13" s="328">
        <v>0</v>
      </c>
      <c r="AB13" s="326">
        <v>0</v>
      </c>
      <c r="AC13" s="327">
        <v>44146881</v>
      </c>
      <c r="AD13" s="327">
        <v>51185116</v>
      </c>
      <c r="AE13" s="327">
        <v>58274512</v>
      </c>
      <c r="AF13" s="327">
        <v>74264690</v>
      </c>
      <c r="AG13" s="327">
        <v>58668660</v>
      </c>
      <c r="AH13" s="328">
        <v>286539859</v>
      </c>
      <c r="AI13" s="330">
        <v>286539859</v>
      </c>
      <c r="AJ13" s="326">
        <v>0</v>
      </c>
      <c r="AK13" s="327">
        <v>0</v>
      </c>
      <c r="AL13" s="328">
        <v>0</v>
      </c>
      <c r="AM13" s="326">
        <v>0</v>
      </c>
      <c r="AN13" s="327">
        <v>634203</v>
      </c>
      <c r="AO13" s="327">
        <v>2074093</v>
      </c>
      <c r="AP13" s="327">
        <v>2849927</v>
      </c>
      <c r="AQ13" s="327">
        <v>8885283</v>
      </c>
      <c r="AR13" s="327">
        <v>13361333</v>
      </c>
      <c r="AS13" s="328">
        <v>27804839</v>
      </c>
      <c r="AT13" s="330">
        <v>27804839</v>
      </c>
      <c r="AU13" s="326">
        <v>717755</v>
      </c>
      <c r="AV13" s="327">
        <v>1437100</v>
      </c>
      <c r="AW13" s="328">
        <v>2154855</v>
      </c>
      <c r="AX13" s="326">
        <v>0</v>
      </c>
      <c r="AY13" s="327">
        <v>23002562</v>
      </c>
      <c r="AZ13" s="327">
        <v>24294676</v>
      </c>
      <c r="BA13" s="327">
        <v>15553579</v>
      </c>
      <c r="BB13" s="327">
        <v>18608163</v>
      </c>
      <c r="BC13" s="327">
        <v>20982177</v>
      </c>
      <c r="BD13" s="328">
        <v>102441157</v>
      </c>
      <c r="BE13" s="330">
        <v>104596012</v>
      </c>
      <c r="BF13" s="326">
        <v>129204</v>
      </c>
      <c r="BG13" s="327">
        <v>238045</v>
      </c>
      <c r="BH13" s="331">
        <v>367249</v>
      </c>
      <c r="BI13" s="332">
        <v>0</v>
      </c>
      <c r="BJ13" s="327">
        <v>2516646</v>
      </c>
      <c r="BK13" s="327">
        <v>3066198</v>
      </c>
      <c r="BL13" s="327">
        <v>1615387</v>
      </c>
      <c r="BM13" s="327">
        <v>1836452</v>
      </c>
      <c r="BN13" s="327">
        <v>1188009</v>
      </c>
      <c r="BO13" s="328">
        <v>10222692</v>
      </c>
      <c r="BP13" s="330">
        <v>10589941</v>
      </c>
      <c r="BQ13" s="326">
        <v>1665636</v>
      </c>
      <c r="BR13" s="327">
        <v>1176261</v>
      </c>
      <c r="BS13" s="328">
        <v>2841897</v>
      </c>
      <c r="BT13" s="326">
        <v>0</v>
      </c>
      <c r="BU13" s="327">
        <v>15685583</v>
      </c>
      <c r="BV13" s="327">
        <v>14481529</v>
      </c>
      <c r="BW13" s="327">
        <v>13304196</v>
      </c>
      <c r="BX13" s="327">
        <v>14321276</v>
      </c>
      <c r="BY13" s="327">
        <v>9474854</v>
      </c>
      <c r="BZ13" s="328">
        <v>67267438</v>
      </c>
      <c r="CA13" s="330">
        <v>70109335</v>
      </c>
      <c r="CB13" s="326">
        <v>1230889</v>
      </c>
      <c r="CC13" s="327">
        <v>2893865</v>
      </c>
      <c r="CD13" s="328">
        <v>4124754</v>
      </c>
      <c r="CE13" s="326">
        <v>0</v>
      </c>
      <c r="CF13" s="327">
        <v>104720462</v>
      </c>
      <c r="CG13" s="327">
        <v>87853485</v>
      </c>
      <c r="CH13" s="327">
        <v>58693425</v>
      </c>
      <c r="CI13" s="327">
        <v>34782902</v>
      </c>
      <c r="CJ13" s="327">
        <v>18801038</v>
      </c>
      <c r="CK13" s="328">
        <v>304851312</v>
      </c>
      <c r="CL13" s="330">
        <v>308976066</v>
      </c>
      <c r="CM13" s="326">
        <v>0</v>
      </c>
      <c r="CN13" s="327">
        <v>0</v>
      </c>
      <c r="CO13" s="328">
        <v>0</v>
      </c>
      <c r="CP13" s="332">
        <v>0</v>
      </c>
      <c r="CQ13" s="327">
        <v>88912971</v>
      </c>
      <c r="CR13" s="327">
        <v>72702828</v>
      </c>
      <c r="CS13" s="327">
        <v>48011278</v>
      </c>
      <c r="CT13" s="327">
        <v>27932949</v>
      </c>
      <c r="CU13" s="327">
        <v>16184020</v>
      </c>
      <c r="CV13" s="328">
        <v>253744046</v>
      </c>
      <c r="CW13" s="330">
        <v>253744046</v>
      </c>
      <c r="CX13" s="326">
        <v>1230889</v>
      </c>
      <c r="CY13" s="327">
        <v>2893865</v>
      </c>
      <c r="CZ13" s="328">
        <v>4124754</v>
      </c>
      <c r="DA13" s="326">
        <v>0</v>
      </c>
      <c r="DB13" s="327">
        <v>15807491</v>
      </c>
      <c r="DC13" s="327">
        <v>15150657</v>
      </c>
      <c r="DD13" s="327">
        <v>10682147</v>
      </c>
      <c r="DE13" s="327">
        <v>6849953</v>
      </c>
      <c r="DF13" s="327">
        <v>2617018</v>
      </c>
      <c r="DG13" s="328">
        <v>51107266</v>
      </c>
      <c r="DH13" s="330">
        <v>55232020</v>
      </c>
      <c r="DI13" s="326">
        <v>78942</v>
      </c>
      <c r="DJ13" s="327">
        <v>61840</v>
      </c>
      <c r="DK13" s="331">
        <v>140782</v>
      </c>
      <c r="DL13" s="332">
        <v>0</v>
      </c>
      <c r="DM13" s="327">
        <v>15014619</v>
      </c>
      <c r="DN13" s="327">
        <v>20000072</v>
      </c>
      <c r="DO13" s="327">
        <v>30734004</v>
      </c>
      <c r="DP13" s="327">
        <v>22815076</v>
      </c>
      <c r="DQ13" s="327">
        <v>12161043</v>
      </c>
      <c r="DR13" s="328">
        <v>100724814</v>
      </c>
      <c r="DS13" s="330">
        <v>100865596</v>
      </c>
      <c r="DT13" s="326">
        <v>78942</v>
      </c>
      <c r="DU13" s="327">
        <v>61840</v>
      </c>
      <c r="DV13" s="328">
        <v>140782</v>
      </c>
      <c r="DW13" s="326">
        <v>0</v>
      </c>
      <c r="DX13" s="327">
        <v>14187706</v>
      </c>
      <c r="DY13" s="327">
        <v>18918788</v>
      </c>
      <c r="DZ13" s="327">
        <v>29293407</v>
      </c>
      <c r="EA13" s="327">
        <v>21623646</v>
      </c>
      <c r="EB13" s="327">
        <v>11615235</v>
      </c>
      <c r="EC13" s="328">
        <v>95638782</v>
      </c>
      <c r="ED13" s="330">
        <v>95779564</v>
      </c>
      <c r="EE13" s="326">
        <v>0</v>
      </c>
      <c r="EF13" s="331">
        <v>0</v>
      </c>
      <c r="EG13" s="328">
        <v>0</v>
      </c>
      <c r="EH13" s="326">
        <v>0</v>
      </c>
      <c r="EI13" s="327">
        <v>826913</v>
      </c>
      <c r="EJ13" s="327">
        <v>1081284</v>
      </c>
      <c r="EK13" s="327">
        <v>1440597</v>
      </c>
      <c r="EL13" s="327">
        <v>1191430</v>
      </c>
      <c r="EM13" s="327">
        <v>545808</v>
      </c>
      <c r="EN13" s="331">
        <v>5086032</v>
      </c>
      <c r="EO13" s="330">
        <v>5086032</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3882219</v>
      </c>
      <c r="FM13" s="327">
        <v>6443996</v>
      </c>
      <c r="FN13" s="328">
        <v>10326215</v>
      </c>
      <c r="FO13" s="326">
        <v>0</v>
      </c>
      <c r="FP13" s="327">
        <v>17560949</v>
      </c>
      <c r="FQ13" s="327">
        <v>32078994</v>
      </c>
      <c r="FR13" s="327">
        <v>20155638</v>
      </c>
      <c r="FS13" s="327">
        <v>19587832</v>
      </c>
      <c r="FT13" s="327">
        <v>13698460</v>
      </c>
      <c r="FU13" s="328">
        <v>103081873</v>
      </c>
      <c r="FV13" s="330">
        <v>113408088</v>
      </c>
      <c r="FW13" s="333">
        <v>2051773</v>
      </c>
      <c r="FX13" s="327">
        <v>4072679</v>
      </c>
      <c r="FY13" s="331">
        <v>6124452</v>
      </c>
      <c r="FZ13" s="332">
        <v>0</v>
      </c>
      <c r="GA13" s="327">
        <v>12930653</v>
      </c>
      <c r="GB13" s="327">
        <v>28431879</v>
      </c>
      <c r="GC13" s="327">
        <v>18555228</v>
      </c>
      <c r="GD13" s="327">
        <v>18097306</v>
      </c>
      <c r="GE13" s="327">
        <v>13093486</v>
      </c>
      <c r="GF13" s="328">
        <v>91108552</v>
      </c>
      <c r="GG13" s="334">
        <v>97233004</v>
      </c>
      <c r="GH13" s="333">
        <v>300256</v>
      </c>
      <c r="GI13" s="327">
        <v>248206</v>
      </c>
      <c r="GJ13" s="331">
        <v>548462</v>
      </c>
      <c r="GK13" s="332">
        <v>0</v>
      </c>
      <c r="GL13" s="327">
        <v>1000800</v>
      </c>
      <c r="GM13" s="327">
        <v>1301339</v>
      </c>
      <c r="GN13" s="327">
        <v>786650</v>
      </c>
      <c r="GO13" s="327">
        <v>554926</v>
      </c>
      <c r="GP13" s="327">
        <v>154614</v>
      </c>
      <c r="GQ13" s="328">
        <v>3798329</v>
      </c>
      <c r="GR13" s="330">
        <v>4346791</v>
      </c>
      <c r="GS13" s="326">
        <v>1530190</v>
      </c>
      <c r="GT13" s="327">
        <v>2123111</v>
      </c>
      <c r="GU13" s="328">
        <v>3653301</v>
      </c>
      <c r="GV13" s="326">
        <v>0</v>
      </c>
      <c r="GW13" s="327">
        <v>3629496</v>
      </c>
      <c r="GX13" s="327">
        <v>2345776</v>
      </c>
      <c r="GY13" s="327">
        <v>813760</v>
      </c>
      <c r="GZ13" s="327">
        <v>935600</v>
      </c>
      <c r="HA13" s="327">
        <v>450360</v>
      </c>
      <c r="HB13" s="331">
        <v>8174992</v>
      </c>
      <c r="HC13" s="330">
        <v>11828293</v>
      </c>
      <c r="HD13" s="326">
        <v>5466304</v>
      </c>
      <c r="HE13" s="327">
        <v>4599944</v>
      </c>
      <c r="HF13" s="331">
        <v>10066248</v>
      </c>
      <c r="HG13" s="332">
        <v>0</v>
      </c>
      <c r="HH13" s="327">
        <v>69611937</v>
      </c>
      <c r="HI13" s="327">
        <v>51844743</v>
      </c>
      <c r="HJ13" s="327">
        <v>51485441</v>
      </c>
      <c r="HK13" s="327">
        <v>62524394</v>
      </c>
      <c r="HL13" s="327">
        <v>37907067</v>
      </c>
      <c r="HM13" s="328">
        <v>273373582</v>
      </c>
      <c r="HN13" s="329">
        <v>283439830</v>
      </c>
      <c r="HO13" s="333">
        <v>2623863</v>
      </c>
      <c r="HP13" s="327">
        <v>4656776</v>
      </c>
      <c r="HQ13" s="328">
        <v>7280639</v>
      </c>
      <c r="HR13" s="326">
        <v>0</v>
      </c>
      <c r="HS13" s="327">
        <v>66379815</v>
      </c>
      <c r="HT13" s="327">
        <v>44595959</v>
      </c>
      <c r="HU13" s="327">
        <v>26750937</v>
      </c>
      <c r="HV13" s="327">
        <v>19636764</v>
      </c>
      <c r="HW13" s="327">
        <v>12336650</v>
      </c>
      <c r="HX13" s="331">
        <v>169700125</v>
      </c>
      <c r="HY13" s="330">
        <v>176980764</v>
      </c>
      <c r="HZ13" s="335">
        <v>132136</v>
      </c>
      <c r="IA13" s="336">
        <v>216429</v>
      </c>
      <c r="IB13" s="337">
        <v>348565</v>
      </c>
      <c r="IC13" s="338">
        <v>0</v>
      </c>
      <c r="ID13" s="336">
        <v>103588625</v>
      </c>
      <c r="IE13" s="339">
        <v>103449204</v>
      </c>
      <c r="IF13" s="337">
        <v>95600956</v>
      </c>
      <c r="IG13" s="336">
        <v>64272536</v>
      </c>
      <c r="IH13" s="337">
        <v>40315182</v>
      </c>
      <c r="II13" s="340">
        <v>407226503</v>
      </c>
      <c r="IJ13" s="341">
        <v>407575068</v>
      </c>
      <c r="IK13" s="342">
        <v>0</v>
      </c>
      <c r="IL13" s="343">
        <v>0</v>
      </c>
      <c r="IM13" s="344">
        <v>0</v>
      </c>
      <c r="IN13" s="404">
        <v>0</v>
      </c>
      <c r="IO13" s="345">
        <v>513867</v>
      </c>
      <c r="IP13" s="345">
        <v>631558</v>
      </c>
      <c r="IQ13" s="345">
        <v>978148</v>
      </c>
      <c r="IR13" s="345">
        <v>1407461</v>
      </c>
      <c r="IS13" s="345">
        <v>0</v>
      </c>
      <c r="IT13" s="346">
        <v>3531034</v>
      </c>
      <c r="IU13" s="347">
        <v>3531034</v>
      </c>
      <c r="IV13" s="348">
        <v>0</v>
      </c>
      <c r="IW13" s="345">
        <v>0</v>
      </c>
      <c r="IX13" s="349">
        <v>0</v>
      </c>
      <c r="IY13" s="413">
        <v>0</v>
      </c>
      <c r="IZ13" s="345">
        <v>0</v>
      </c>
      <c r="JA13" s="345">
        <v>0</v>
      </c>
      <c r="JB13" s="345">
        <v>0</v>
      </c>
      <c r="JC13" s="345">
        <v>0</v>
      </c>
      <c r="JD13" s="345">
        <v>0</v>
      </c>
      <c r="JE13" s="349">
        <v>0</v>
      </c>
      <c r="JF13" s="350">
        <v>0</v>
      </c>
      <c r="JG13" s="348">
        <v>0</v>
      </c>
      <c r="JH13" s="345">
        <v>0</v>
      </c>
      <c r="JI13" s="346">
        <v>0</v>
      </c>
      <c r="JJ13" s="351">
        <v>0</v>
      </c>
      <c r="JK13" s="345">
        <v>53704835</v>
      </c>
      <c r="JL13" s="345">
        <v>43234541</v>
      </c>
      <c r="JM13" s="345">
        <v>26121039</v>
      </c>
      <c r="JN13" s="345">
        <v>11442312</v>
      </c>
      <c r="JO13" s="345">
        <v>7005560</v>
      </c>
      <c r="JP13" s="349">
        <v>141508287</v>
      </c>
      <c r="JQ13" s="347">
        <v>141508287</v>
      </c>
      <c r="JR13" s="348">
        <v>0</v>
      </c>
      <c r="JS13" s="345">
        <v>45312</v>
      </c>
      <c r="JT13" s="346">
        <v>45312</v>
      </c>
      <c r="JU13" s="351">
        <v>0</v>
      </c>
      <c r="JV13" s="345">
        <v>8645610</v>
      </c>
      <c r="JW13" s="345">
        <v>10510573</v>
      </c>
      <c r="JX13" s="345">
        <v>12481669</v>
      </c>
      <c r="JY13" s="345">
        <v>6217246</v>
      </c>
      <c r="JZ13" s="345">
        <v>4342351</v>
      </c>
      <c r="KA13" s="349">
        <v>42197449</v>
      </c>
      <c r="KB13" s="347">
        <v>42242761</v>
      </c>
      <c r="KC13" s="352">
        <v>132136</v>
      </c>
      <c r="KD13" s="353">
        <v>171117</v>
      </c>
      <c r="KE13" s="349">
        <v>303253</v>
      </c>
      <c r="KF13" s="351">
        <v>0</v>
      </c>
      <c r="KG13" s="345">
        <v>6116421</v>
      </c>
      <c r="KH13" s="345">
        <v>6931995</v>
      </c>
      <c r="KI13" s="345">
        <v>9002605</v>
      </c>
      <c r="KJ13" s="345">
        <v>4650460</v>
      </c>
      <c r="KK13" s="345">
        <v>3370718</v>
      </c>
      <c r="KL13" s="349">
        <v>30072199</v>
      </c>
      <c r="KM13" s="354">
        <v>30375452</v>
      </c>
      <c r="KN13" s="342">
        <v>0</v>
      </c>
      <c r="KO13" s="343">
        <v>0</v>
      </c>
      <c r="KP13" s="344">
        <v>0</v>
      </c>
      <c r="KQ13" s="413">
        <v>0</v>
      </c>
      <c r="KR13" s="345">
        <v>32466483</v>
      </c>
      <c r="KS13" s="345">
        <v>39435082</v>
      </c>
      <c r="KT13" s="345">
        <v>41925747</v>
      </c>
      <c r="KU13" s="345">
        <v>36206425</v>
      </c>
      <c r="KV13" s="345">
        <v>19489025</v>
      </c>
      <c r="KW13" s="349">
        <v>169522762</v>
      </c>
      <c r="KX13" s="347">
        <v>169522762</v>
      </c>
      <c r="KY13" s="348">
        <v>0</v>
      </c>
      <c r="KZ13" s="345">
        <v>0</v>
      </c>
      <c r="LA13" s="349">
        <v>0</v>
      </c>
      <c r="LB13" s="413">
        <v>0</v>
      </c>
      <c r="LC13" s="345">
        <v>0</v>
      </c>
      <c r="LD13" s="345">
        <v>0</v>
      </c>
      <c r="LE13" s="345">
        <v>0</v>
      </c>
      <c r="LF13" s="345">
        <v>0</v>
      </c>
      <c r="LG13" s="345">
        <v>0</v>
      </c>
      <c r="LH13" s="349">
        <v>0</v>
      </c>
      <c r="LI13" s="350">
        <v>0</v>
      </c>
      <c r="LJ13" s="348">
        <v>0</v>
      </c>
      <c r="LK13" s="345">
        <v>0</v>
      </c>
      <c r="LL13" s="349">
        <v>0</v>
      </c>
      <c r="LM13" s="413">
        <v>0</v>
      </c>
      <c r="LN13" s="345">
        <v>0</v>
      </c>
      <c r="LO13" s="345">
        <v>0</v>
      </c>
      <c r="LP13" s="345">
        <v>0</v>
      </c>
      <c r="LQ13" s="345">
        <v>0</v>
      </c>
      <c r="LR13" s="345">
        <v>0</v>
      </c>
      <c r="LS13" s="349">
        <v>0</v>
      </c>
      <c r="LT13" s="347">
        <v>0</v>
      </c>
      <c r="LU13" s="348">
        <v>0</v>
      </c>
      <c r="LV13" s="345">
        <v>0</v>
      </c>
      <c r="LW13" s="349">
        <v>0</v>
      </c>
      <c r="LX13" s="413">
        <v>0</v>
      </c>
      <c r="LY13" s="345">
        <v>2141409</v>
      </c>
      <c r="LZ13" s="345">
        <v>2705455</v>
      </c>
      <c r="MA13" s="345">
        <v>5091748</v>
      </c>
      <c r="MB13" s="345">
        <v>4348632</v>
      </c>
      <c r="MC13" s="345">
        <v>6107528</v>
      </c>
      <c r="MD13" s="349">
        <v>20394772</v>
      </c>
      <c r="ME13" s="350">
        <v>20394772</v>
      </c>
      <c r="MF13" s="348">
        <v>0</v>
      </c>
      <c r="MG13" s="345">
        <v>0</v>
      </c>
      <c r="MH13" s="349">
        <v>0</v>
      </c>
      <c r="MI13" s="413">
        <v>0</v>
      </c>
      <c r="MJ13" s="345">
        <v>48412378</v>
      </c>
      <c r="MK13" s="345">
        <v>67299479</v>
      </c>
      <c r="ML13" s="345">
        <v>245721809</v>
      </c>
      <c r="MM13" s="345">
        <v>332181341</v>
      </c>
      <c r="MN13" s="345">
        <v>193865777</v>
      </c>
      <c r="MO13" s="349">
        <v>887480784</v>
      </c>
      <c r="MP13" s="354">
        <v>887480784</v>
      </c>
      <c r="MQ13" s="348">
        <v>0</v>
      </c>
      <c r="MR13" s="345">
        <v>0</v>
      </c>
      <c r="MS13" s="349">
        <v>0</v>
      </c>
      <c r="MT13" s="413">
        <v>0</v>
      </c>
      <c r="MU13" s="345">
        <v>5784956</v>
      </c>
      <c r="MV13" s="345">
        <v>9834425</v>
      </c>
      <c r="MW13" s="345">
        <v>161353285</v>
      </c>
      <c r="MX13" s="345">
        <v>231197277</v>
      </c>
      <c r="MY13" s="345">
        <v>155636812</v>
      </c>
      <c r="MZ13" s="349">
        <v>563806755</v>
      </c>
      <c r="NA13" s="354">
        <v>563806755</v>
      </c>
      <c r="NB13" s="348">
        <v>0</v>
      </c>
      <c r="NC13" s="345">
        <v>0</v>
      </c>
      <c r="ND13" s="349">
        <v>0</v>
      </c>
      <c r="NE13" s="413">
        <v>0</v>
      </c>
      <c r="NF13" s="345">
        <v>42627422</v>
      </c>
      <c r="NG13" s="345">
        <v>57465054</v>
      </c>
      <c r="NH13" s="345">
        <v>83689261</v>
      </c>
      <c r="NI13" s="345">
        <v>99809500</v>
      </c>
      <c r="NJ13" s="345">
        <v>37130263</v>
      </c>
      <c r="NK13" s="349">
        <v>320721500</v>
      </c>
      <c r="NL13" s="347">
        <v>320721500</v>
      </c>
      <c r="NM13" s="348">
        <v>0</v>
      </c>
      <c r="NN13" s="345">
        <v>0</v>
      </c>
      <c r="NO13" s="349">
        <v>0</v>
      </c>
      <c r="NP13" s="413">
        <v>0</v>
      </c>
      <c r="NQ13" s="345">
        <v>0</v>
      </c>
      <c r="NR13" s="345">
        <v>0</v>
      </c>
      <c r="NS13" s="345">
        <v>0</v>
      </c>
      <c r="NT13" s="345">
        <v>0</v>
      </c>
      <c r="NU13" s="345">
        <v>0</v>
      </c>
      <c r="NV13" s="349">
        <v>0</v>
      </c>
      <c r="NW13" s="350">
        <v>0</v>
      </c>
      <c r="NX13" s="348">
        <v>0</v>
      </c>
      <c r="NY13" s="345">
        <v>0</v>
      </c>
      <c r="NZ13" s="349">
        <v>0</v>
      </c>
      <c r="OA13" s="413">
        <v>0</v>
      </c>
      <c r="OB13" s="345">
        <v>0</v>
      </c>
      <c r="OC13" s="345">
        <v>0</v>
      </c>
      <c r="OD13" s="345">
        <v>679263</v>
      </c>
      <c r="OE13" s="345">
        <v>1174564</v>
      </c>
      <c r="OF13" s="345">
        <v>1098702</v>
      </c>
      <c r="OG13" s="349">
        <v>2952529</v>
      </c>
      <c r="OH13" s="350">
        <v>2952529</v>
      </c>
      <c r="OI13" s="348">
        <v>15926948</v>
      </c>
      <c r="OJ13" s="345">
        <v>21724256</v>
      </c>
      <c r="OK13" s="346">
        <v>37651204</v>
      </c>
      <c r="OL13" s="351">
        <v>0</v>
      </c>
      <c r="OM13" s="345">
        <v>511274660</v>
      </c>
      <c r="ON13" s="345">
        <v>502223548</v>
      </c>
      <c r="OO13" s="345">
        <v>620739811</v>
      </c>
      <c r="OP13" s="345">
        <v>673716709</v>
      </c>
      <c r="OQ13" s="345">
        <v>432760250</v>
      </c>
      <c r="OR13" s="349">
        <v>2740714978</v>
      </c>
      <c r="OS13" s="354">
        <v>2778366182</v>
      </c>
    </row>
    <row r="14" spans="1:409" s="70" customFormat="1" ht="21" customHeight="1" x14ac:dyDescent="0.2">
      <c r="B14" s="410" t="s">
        <v>8</v>
      </c>
      <c r="C14" s="326">
        <v>12881263</v>
      </c>
      <c r="D14" s="327">
        <v>17089207</v>
      </c>
      <c r="E14" s="328">
        <v>29970470</v>
      </c>
      <c r="F14" s="329">
        <v>0</v>
      </c>
      <c r="G14" s="327">
        <v>152135541</v>
      </c>
      <c r="H14" s="327">
        <v>211341225</v>
      </c>
      <c r="I14" s="327">
        <v>186522306</v>
      </c>
      <c r="J14" s="327">
        <v>175124679</v>
      </c>
      <c r="K14" s="327">
        <v>131008423</v>
      </c>
      <c r="L14" s="329">
        <v>856132174</v>
      </c>
      <c r="M14" s="330">
        <v>886102644</v>
      </c>
      <c r="N14" s="326">
        <v>2516297</v>
      </c>
      <c r="O14" s="327">
        <v>4186671</v>
      </c>
      <c r="P14" s="328">
        <v>6702968</v>
      </c>
      <c r="Q14" s="326">
        <v>0</v>
      </c>
      <c r="R14" s="327">
        <v>41947398</v>
      </c>
      <c r="S14" s="327">
        <v>65635150</v>
      </c>
      <c r="T14" s="327">
        <v>64271270</v>
      </c>
      <c r="U14" s="327">
        <v>68379435</v>
      </c>
      <c r="V14" s="327">
        <v>72878423</v>
      </c>
      <c r="W14" s="328">
        <v>313111676</v>
      </c>
      <c r="X14" s="330">
        <v>319814644</v>
      </c>
      <c r="Y14" s="326">
        <v>0</v>
      </c>
      <c r="Z14" s="327">
        <v>0</v>
      </c>
      <c r="AA14" s="328">
        <v>0</v>
      </c>
      <c r="AB14" s="326">
        <v>0</v>
      </c>
      <c r="AC14" s="327">
        <v>18969070</v>
      </c>
      <c r="AD14" s="327">
        <v>35525277</v>
      </c>
      <c r="AE14" s="327">
        <v>40710998</v>
      </c>
      <c r="AF14" s="327">
        <v>43817969</v>
      </c>
      <c r="AG14" s="327">
        <v>47686436</v>
      </c>
      <c r="AH14" s="328">
        <v>186709750</v>
      </c>
      <c r="AI14" s="330">
        <v>186709750</v>
      </c>
      <c r="AJ14" s="326">
        <v>0</v>
      </c>
      <c r="AK14" s="327">
        <v>0</v>
      </c>
      <c r="AL14" s="328">
        <v>0</v>
      </c>
      <c r="AM14" s="326">
        <v>0</v>
      </c>
      <c r="AN14" s="327">
        <v>356873</v>
      </c>
      <c r="AO14" s="327">
        <v>875273</v>
      </c>
      <c r="AP14" s="327">
        <v>1360950</v>
      </c>
      <c r="AQ14" s="327">
        <v>3235548</v>
      </c>
      <c r="AR14" s="327">
        <v>6752001</v>
      </c>
      <c r="AS14" s="328">
        <v>12580645</v>
      </c>
      <c r="AT14" s="330">
        <v>12580645</v>
      </c>
      <c r="AU14" s="326">
        <v>1243814</v>
      </c>
      <c r="AV14" s="327">
        <v>2749357</v>
      </c>
      <c r="AW14" s="328">
        <v>3993171</v>
      </c>
      <c r="AX14" s="326">
        <v>0</v>
      </c>
      <c r="AY14" s="327">
        <v>12222737</v>
      </c>
      <c r="AZ14" s="327">
        <v>17560891</v>
      </c>
      <c r="BA14" s="327">
        <v>12537347</v>
      </c>
      <c r="BB14" s="327">
        <v>11254914</v>
      </c>
      <c r="BC14" s="327">
        <v>11111841</v>
      </c>
      <c r="BD14" s="328">
        <v>64687730</v>
      </c>
      <c r="BE14" s="330">
        <v>68680901</v>
      </c>
      <c r="BF14" s="326">
        <v>347698</v>
      </c>
      <c r="BG14" s="327">
        <v>858655</v>
      </c>
      <c r="BH14" s="331">
        <v>1206353</v>
      </c>
      <c r="BI14" s="332">
        <v>0</v>
      </c>
      <c r="BJ14" s="327">
        <v>3334697</v>
      </c>
      <c r="BK14" s="327">
        <v>3730830</v>
      </c>
      <c r="BL14" s="327">
        <v>2071055</v>
      </c>
      <c r="BM14" s="327">
        <v>2026244</v>
      </c>
      <c r="BN14" s="327">
        <v>1086995</v>
      </c>
      <c r="BO14" s="328">
        <v>12249821</v>
      </c>
      <c r="BP14" s="330">
        <v>13456174</v>
      </c>
      <c r="BQ14" s="326">
        <v>924785</v>
      </c>
      <c r="BR14" s="327">
        <v>578659</v>
      </c>
      <c r="BS14" s="328">
        <v>1503444</v>
      </c>
      <c r="BT14" s="326">
        <v>0</v>
      </c>
      <c r="BU14" s="327">
        <v>7064021</v>
      </c>
      <c r="BV14" s="327">
        <v>7942879</v>
      </c>
      <c r="BW14" s="327">
        <v>7590920</v>
      </c>
      <c r="BX14" s="327">
        <v>8044760</v>
      </c>
      <c r="BY14" s="327">
        <v>6241150</v>
      </c>
      <c r="BZ14" s="328">
        <v>36883730</v>
      </c>
      <c r="CA14" s="330">
        <v>38387174</v>
      </c>
      <c r="CB14" s="326">
        <v>1428991</v>
      </c>
      <c r="CC14" s="327">
        <v>2698814</v>
      </c>
      <c r="CD14" s="328">
        <v>4127805</v>
      </c>
      <c r="CE14" s="326">
        <v>0</v>
      </c>
      <c r="CF14" s="327">
        <v>42582878</v>
      </c>
      <c r="CG14" s="327">
        <v>58338457</v>
      </c>
      <c r="CH14" s="327">
        <v>42532932</v>
      </c>
      <c r="CI14" s="327">
        <v>31127755</v>
      </c>
      <c r="CJ14" s="327">
        <v>15894244</v>
      </c>
      <c r="CK14" s="328">
        <v>190476266</v>
      </c>
      <c r="CL14" s="330">
        <v>194604071</v>
      </c>
      <c r="CM14" s="326">
        <v>0</v>
      </c>
      <c r="CN14" s="327">
        <v>0</v>
      </c>
      <c r="CO14" s="328">
        <v>0</v>
      </c>
      <c r="CP14" s="332">
        <v>0</v>
      </c>
      <c r="CQ14" s="327">
        <v>34611325</v>
      </c>
      <c r="CR14" s="327">
        <v>48327285</v>
      </c>
      <c r="CS14" s="327">
        <v>34210725</v>
      </c>
      <c r="CT14" s="327">
        <v>24918453</v>
      </c>
      <c r="CU14" s="327">
        <v>14135239</v>
      </c>
      <c r="CV14" s="328">
        <v>156203027</v>
      </c>
      <c r="CW14" s="330">
        <v>156203027</v>
      </c>
      <c r="CX14" s="326">
        <v>1428991</v>
      </c>
      <c r="CY14" s="327">
        <v>2698814</v>
      </c>
      <c r="CZ14" s="328">
        <v>4127805</v>
      </c>
      <c r="DA14" s="326">
        <v>0</v>
      </c>
      <c r="DB14" s="327">
        <v>7971553</v>
      </c>
      <c r="DC14" s="327">
        <v>10011172</v>
      </c>
      <c r="DD14" s="327">
        <v>8322207</v>
      </c>
      <c r="DE14" s="327">
        <v>6209302</v>
      </c>
      <c r="DF14" s="327">
        <v>1759005</v>
      </c>
      <c r="DG14" s="328">
        <v>34273239</v>
      </c>
      <c r="DH14" s="330">
        <v>38401044</v>
      </c>
      <c r="DI14" s="326">
        <v>45970</v>
      </c>
      <c r="DJ14" s="327">
        <v>161772</v>
      </c>
      <c r="DK14" s="331">
        <v>207742</v>
      </c>
      <c r="DL14" s="332">
        <v>0</v>
      </c>
      <c r="DM14" s="327">
        <v>4594474</v>
      </c>
      <c r="DN14" s="327">
        <v>13305049</v>
      </c>
      <c r="DO14" s="327">
        <v>22927867</v>
      </c>
      <c r="DP14" s="327">
        <v>18757597</v>
      </c>
      <c r="DQ14" s="327">
        <v>6487788</v>
      </c>
      <c r="DR14" s="328">
        <v>66072775</v>
      </c>
      <c r="DS14" s="330">
        <v>66280517</v>
      </c>
      <c r="DT14" s="326">
        <v>45970</v>
      </c>
      <c r="DU14" s="327">
        <v>161772</v>
      </c>
      <c r="DV14" s="328">
        <v>207742</v>
      </c>
      <c r="DW14" s="326">
        <v>0</v>
      </c>
      <c r="DX14" s="327">
        <v>4422319</v>
      </c>
      <c r="DY14" s="327">
        <v>12430590</v>
      </c>
      <c r="DZ14" s="327">
        <v>22592223</v>
      </c>
      <c r="EA14" s="327">
        <v>18533537</v>
      </c>
      <c r="EB14" s="327">
        <v>6426911</v>
      </c>
      <c r="EC14" s="328">
        <v>64405580</v>
      </c>
      <c r="ED14" s="330">
        <v>64613322</v>
      </c>
      <c r="EE14" s="326">
        <v>0</v>
      </c>
      <c r="EF14" s="331">
        <v>0</v>
      </c>
      <c r="EG14" s="328">
        <v>0</v>
      </c>
      <c r="EH14" s="326">
        <v>0</v>
      </c>
      <c r="EI14" s="327">
        <v>172155</v>
      </c>
      <c r="EJ14" s="327">
        <v>874459</v>
      </c>
      <c r="EK14" s="327">
        <v>335644</v>
      </c>
      <c r="EL14" s="327">
        <v>224060</v>
      </c>
      <c r="EM14" s="327">
        <v>60877</v>
      </c>
      <c r="EN14" s="331">
        <v>1667195</v>
      </c>
      <c r="EO14" s="330">
        <v>1667195</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3427597</v>
      </c>
      <c r="FM14" s="327">
        <v>4608567</v>
      </c>
      <c r="FN14" s="328">
        <v>8036164</v>
      </c>
      <c r="FO14" s="326">
        <v>0</v>
      </c>
      <c r="FP14" s="327">
        <v>9688657</v>
      </c>
      <c r="FQ14" s="327">
        <v>22703893</v>
      </c>
      <c r="FR14" s="327">
        <v>15646549</v>
      </c>
      <c r="FS14" s="327">
        <v>13354177</v>
      </c>
      <c r="FT14" s="327">
        <v>9847902</v>
      </c>
      <c r="FU14" s="328">
        <v>71241178</v>
      </c>
      <c r="FV14" s="330">
        <v>79277342</v>
      </c>
      <c r="FW14" s="333">
        <v>2435565</v>
      </c>
      <c r="FX14" s="327">
        <v>4107643</v>
      </c>
      <c r="FY14" s="331">
        <v>6543208</v>
      </c>
      <c r="FZ14" s="332">
        <v>0</v>
      </c>
      <c r="GA14" s="327">
        <v>7724364</v>
      </c>
      <c r="GB14" s="327">
        <v>20930986</v>
      </c>
      <c r="GC14" s="327">
        <v>14136146</v>
      </c>
      <c r="GD14" s="327">
        <v>12241656</v>
      </c>
      <c r="GE14" s="327">
        <v>9229302</v>
      </c>
      <c r="GF14" s="328">
        <v>64262454</v>
      </c>
      <c r="GG14" s="334">
        <v>70805662</v>
      </c>
      <c r="GH14" s="333">
        <v>148824</v>
      </c>
      <c r="GI14" s="327">
        <v>198396</v>
      </c>
      <c r="GJ14" s="331">
        <v>347220</v>
      </c>
      <c r="GK14" s="332">
        <v>0</v>
      </c>
      <c r="GL14" s="327">
        <v>642607</v>
      </c>
      <c r="GM14" s="327">
        <v>839939</v>
      </c>
      <c r="GN14" s="327">
        <v>499698</v>
      </c>
      <c r="GO14" s="327">
        <v>388256</v>
      </c>
      <c r="GP14" s="327">
        <v>226809</v>
      </c>
      <c r="GQ14" s="328">
        <v>2597309</v>
      </c>
      <c r="GR14" s="330">
        <v>2944529</v>
      </c>
      <c r="GS14" s="326">
        <v>843208</v>
      </c>
      <c r="GT14" s="327">
        <v>302528</v>
      </c>
      <c r="GU14" s="328">
        <v>1145736</v>
      </c>
      <c r="GV14" s="326">
        <v>0</v>
      </c>
      <c r="GW14" s="327">
        <v>1321686</v>
      </c>
      <c r="GX14" s="327">
        <v>932968</v>
      </c>
      <c r="GY14" s="327">
        <v>1010705</v>
      </c>
      <c r="GZ14" s="327">
        <v>724265</v>
      </c>
      <c r="HA14" s="327">
        <v>391791</v>
      </c>
      <c r="HB14" s="331">
        <v>4381415</v>
      </c>
      <c r="HC14" s="330">
        <v>5527151</v>
      </c>
      <c r="HD14" s="326">
        <v>2690951</v>
      </c>
      <c r="HE14" s="327">
        <v>1976430</v>
      </c>
      <c r="HF14" s="331">
        <v>4667381</v>
      </c>
      <c r="HG14" s="332">
        <v>0</v>
      </c>
      <c r="HH14" s="327">
        <v>26584869</v>
      </c>
      <c r="HI14" s="327">
        <v>24170617</v>
      </c>
      <c r="HJ14" s="327">
        <v>23323258</v>
      </c>
      <c r="HK14" s="327">
        <v>31193746</v>
      </c>
      <c r="HL14" s="327">
        <v>18434120</v>
      </c>
      <c r="HM14" s="328">
        <v>123706610</v>
      </c>
      <c r="HN14" s="329">
        <v>128373991</v>
      </c>
      <c r="HO14" s="333">
        <v>2771457</v>
      </c>
      <c r="HP14" s="327">
        <v>3456953</v>
      </c>
      <c r="HQ14" s="328">
        <v>6228410</v>
      </c>
      <c r="HR14" s="326">
        <v>0</v>
      </c>
      <c r="HS14" s="327">
        <v>26737265</v>
      </c>
      <c r="HT14" s="327">
        <v>27188059</v>
      </c>
      <c r="HU14" s="327">
        <v>17820430</v>
      </c>
      <c r="HV14" s="327">
        <v>12311969</v>
      </c>
      <c r="HW14" s="327">
        <v>7465946</v>
      </c>
      <c r="HX14" s="331">
        <v>91523669</v>
      </c>
      <c r="HY14" s="330">
        <v>97752079</v>
      </c>
      <c r="HZ14" s="335">
        <v>709146</v>
      </c>
      <c r="IA14" s="336">
        <v>882380</v>
      </c>
      <c r="IB14" s="337">
        <v>1591526</v>
      </c>
      <c r="IC14" s="355">
        <v>0</v>
      </c>
      <c r="ID14" s="356">
        <v>51707329</v>
      </c>
      <c r="IE14" s="357">
        <v>61488520</v>
      </c>
      <c r="IF14" s="358">
        <v>64111903</v>
      </c>
      <c r="IG14" s="356">
        <v>43896027</v>
      </c>
      <c r="IH14" s="358">
        <v>27896550</v>
      </c>
      <c r="II14" s="359">
        <v>249100329</v>
      </c>
      <c r="IJ14" s="341">
        <v>250691855</v>
      </c>
      <c r="IK14" s="342">
        <v>0</v>
      </c>
      <c r="IL14" s="343">
        <v>0</v>
      </c>
      <c r="IM14" s="344">
        <v>0</v>
      </c>
      <c r="IN14" s="404">
        <v>0</v>
      </c>
      <c r="IO14" s="345">
        <v>440099</v>
      </c>
      <c r="IP14" s="345">
        <v>345912</v>
      </c>
      <c r="IQ14" s="345">
        <v>715863</v>
      </c>
      <c r="IR14" s="345">
        <v>562619</v>
      </c>
      <c r="IS14" s="345">
        <v>806587</v>
      </c>
      <c r="IT14" s="346">
        <v>2871080</v>
      </c>
      <c r="IU14" s="347">
        <v>2871080</v>
      </c>
      <c r="IV14" s="348">
        <v>0</v>
      </c>
      <c r="IW14" s="345">
        <v>0</v>
      </c>
      <c r="IX14" s="349">
        <v>0</v>
      </c>
      <c r="IY14" s="413">
        <v>0</v>
      </c>
      <c r="IZ14" s="345">
        <v>37690</v>
      </c>
      <c r="JA14" s="345">
        <v>37690</v>
      </c>
      <c r="JB14" s="345">
        <v>0</v>
      </c>
      <c r="JC14" s="345">
        <v>38495</v>
      </c>
      <c r="JD14" s="345">
        <v>57288</v>
      </c>
      <c r="JE14" s="349">
        <v>171163</v>
      </c>
      <c r="JF14" s="350">
        <v>171163</v>
      </c>
      <c r="JG14" s="348">
        <v>0</v>
      </c>
      <c r="JH14" s="345">
        <v>0</v>
      </c>
      <c r="JI14" s="346">
        <v>0</v>
      </c>
      <c r="JJ14" s="351">
        <v>0</v>
      </c>
      <c r="JK14" s="345">
        <v>23585680</v>
      </c>
      <c r="JL14" s="345">
        <v>28584634</v>
      </c>
      <c r="JM14" s="345">
        <v>15642211</v>
      </c>
      <c r="JN14" s="345">
        <v>9090642</v>
      </c>
      <c r="JO14" s="345">
        <v>5583487</v>
      </c>
      <c r="JP14" s="349">
        <v>82486654</v>
      </c>
      <c r="JQ14" s="347">
        <v>82486654</v>
      </c>
      <c r="JR14" s="348">
        <v>0</v>
      </c>
      <c r="JS14" s="345">
        <v>0</v>
      </c>
      <c r="JT14" s="346">
        <v>0</v>
      </c>
      <c r="JU14" s="351">
        <v>0</v>
      </c>
      <c r="JV14" s="345">
        <v>401158</v>
      </c>
      <c r="JW14" s="345">
        <v>961054</v>
      </c>
      <c r="JX14" s="345">
        <v>590879</v>
      </c>
      <c r="JY14" s="345">
        <v>1827424</v>
      </c>
      <c r="JZ14" s="345">
        <v>1220902</v>
      </c>
      <c r="KA14" s="349">
        <v>5001417</v>
      </c>
      <c r="KB14" s="347">
        <v>5001417</v>
      </c>
      <c r="KC14" s="352">
        <v>709146</v>
      </c>
      <c r="KD14" s="353">
        <v>882380</v>
      </c>
      <c r="KE14" s="349">
        <v>1591526</v>
      </c>
      <c r="KF14" s="351">
        <v>0</v>
      </c>
      <c r="KG14" s="345">
        <v>7935462</v>
      </c>
      <c r="KH14" s="345">
        <v>9939874</v>
      </c>
      <c r="KI14" s="345">
        <v>12987020</v>
      </c>
      <c r="KJ14" s="345">
        <v>5888512</v>
      </c>
      <c r="KK14" s="345">
        <v>3557348</v>
      </c>
      <c r="KL14" s="349">
        <v>40308216</v>
      </c>
      <c r="KM14" s="354">
        <v>41899742</v>
      </c>
      <c r="KN14" s="342">
        <v>0</v>
      </c>
      <c r="KO14" s="343">
        <v>0</v>
      </c>
      <c r="KP14" s="344">
        <v>0</v>
      </c>
      <c r="KQ14" s="413">
        <v>0</v>
      </c>
      <c r="KR14" s="345">
        <v>16542645</v>
      </c>
      <c r="KS14" s="345">
        <v>17306571</v>
      </c>
      <c r="KT14" s="345">
        <v>24000086</v>
      </c>
      <c r="KU14" s="345">
        <v>17100555</v>
      </c>
      <c r="KV14" s="345">
        <v>9475595</v>
      </c>
      <c r="KW14" s="349">
        <v>84425452</v>
      </c>
      <c r="KX14" s="347">
        <v>84425452</v>
      </c>
      <c r="KY14" s="348">
        <v>0</v>
      </c>
      <c r="KZ14" s="345">
        <v>0</v>
      </c>
      <c r="LA14" s="349">
        <v>0</v>
      </c>
      <c r="LB14" s="413">
        <v>0</v>
      </c>
      <c r="LC14" s="345">
        <v>515061</v>
      </c>
      <c r="LD14" s="345">
        <v>1131586</v>
      </c>
      <c r="LE14" s="345">
        <v>2885747</v>
      </c>
      <c r="LF14" s="345">
        <v>2310537</v>
      </c>
      <c r="LG14" s="345">
        <v>2698492</v>
      </c>
      <c r="LH14" s="349">
        <v>9541423</v>
      </c>
      <c r="LI14" s="350">
        <v>9541423</v>
      </c>
      <c r="LJ14" s="348">
        <v>0</v>
      </c>
      <c r="LK14" s="345">
        <v>0</v>
      </c>
      <c r="LL14" s="349">
        <v>0</v>
      </c>
      <c r="LM14" s="413">
        <v>0</v>
      </c>
      <c r="LN14" s="345">
        <v>0</v>
      </c>
      <c r="LO14" s="345">
        <v>0</v>
      </c>
      <c r="LP14" s="345">
        <v>1786716</v>
      </c>
      <c r="LQ14" s="345">
        <v>3559693</v>
      </c>
      <c r="LR14" s="345">
        <v>1123376</v>
      </c>
      <c r="LS14" s="349">
        <v>6469785</v>
      </c>
      <c r="LT14" s="347">
        <v>6469785</v>
      </c>
      <c r="LU14" s="348">
        <v>0</v>
      </c>
      <c r="LV14" s="345">
        <v>0</v>
      </c>
      <c r="LW14" s="349">
        <v>0</v>
      </c>
      <c r="LX14" s="413">
        <v>0</v>
      </c>
      <c r="LY14" s="345">
        <v>2249534</v>
      </c>
      <c r="LZ14" s="345">
        <v>3181199</v>
      </c>
      <c r="MA14" s="345">
        <v>5503381</v>
      </c>
      <c r="MB14" s="345">
        <v>3517550</v>
      </c>
      <c r="MC14" s="345">
        <v>3373475</v>
      </c>
      <c r="MD14" s="349">
        <v>17825139</v>
      </c>
      <c r="ME14" s="350">
        <v>17825139</v>
      </c>
      <c r="MF14" s="348">
        <v>0</v>
      </c>
      <c r="MG14" s="345">
        <v>0</v>
      </c>
      <c r="MH14" s="349">
        <v>0</v>
      </c>
      <c r="MI14" s="413">
        <v>0</v>
      </c>
      <c r="MJ14" s="345">
        <v>14105325</v>
      </c>
      <c r="MK14" s="345">
        <v>39380166</v>
      </c>
      <c r="ML14" s="345">
        <v>150135308</v>
      </c>
      <c r="MM14" s="345">
        <v>169274536</v>
      </c>
      <c r="MN14" s="345">
        <v>102526388</v>
      </c>
      <c r="MO14" s="349">
        <v>475421723</v>
      </c>
      <c r="MP14" s="354">
        <v>475421723</v>
      </c>
      <c r="MQ14" s="348">
        <v>0</v>
      </c>
      <c r="MR14" s="345">
        <v>0</v>
      </c>
      <c r="MS14" s="349">
        <v>0</v>
      </c>
      <c r="MT14" s="413">
        <v>0</v>
      </c>
      <c r="MU14" s="345">
        <v>3089545</v>
      </c>
      <c r="MV14" s="345">
        <v>15494349</v>
      </c>
      <c r="MW14" s="345">
        <v>104836185</v>
      </c>
      <c r="MX14" s="345">
        <v>120392042</v>
      </c>
      <c r="MY14" s="345">
        <v>73755536</v>
      </c>
      <c r="MZ14" s="349">
        <v>317567657</v>
      </c>
      <c r="NA14" s="354">
        <v>317567657</v>
      </c>
      <c r="NB14" s="348">
        <v>0</v>
      </c>
      <c r="NC14" s="345">
        <v>0</v>
      </c>
      <c r="ND14" s="349">
        <v>0</v>
      </c>
      <c r="NE14" s="413">
        <v>0</v>
      </c>
      <c r="NF14" s="345">
        <v>10740735</v>
      </c>
      <c r="NG14" s="345">
        <v>23885817</v>
      </c>
      <c r="NH14" s="345">
        <v>44889881</v>
      </c>
      <c r="NI14" s="345">
        <v>44755497</v>
      </c>
      <c r="NJ14" s="345">
        <v>25160447</v>
      </c>
      <c r="NK14" s="349">
        <v>149432377</v>
      </c>
      <c r="NL14" s="347">
        <v>149432377</v>
      </c>
      <c r="NM14" s="348">
        <v>0</v>
      </c>
      <c r="NN14" s="345">
        <v>0</v>
      </c>
      <c r="NO14" s="349">
        <v>0</v>
      </c>
      <c r="NP14" s="413">
        <v>0</v>
      </c>
      <c r="NQ14" s="345">
        <v>0</v>
      </c>
      <c r="NR14" s="345">
        <v>0</v>
      </c>
      <c r="NS14" s="345">
        <v>0</v>
      </c>
      <c r="NT14" s="345">
        <v>0</v>
      </c>
      <c r="NU14" s="345">
        <v>0</v>
      </c>
      <c r="NV14" s="349">
        <v>0</v>
      </c>
      <c r="NW14" s="350">
        <v>0</v>
      </c>
      <c r="NX14" s="348">
        <v>0</v>
      </c>
      <c r="NY14" s="345">
        <v>0</v>
      </c>
      <c r="NZ14" s="349">
        <v>0</v>
      </c>
      <c r="OA14" s="413">
        <v>0</v>
      </c>
      <c r="OB14" s="345">
        <v>275045</v>
      </c>
      <c r="OC14" s="345">
        <v>0</v>
      </c>
      <c r="OD14" s="345">
        <v>409242</v>
      </c>
      <c r="OE14" s="345">
        <v>4126997</v>
      </c>
      <c r="OF14" s="345">
        <v>3610405</v>
      </c>
      <c r="OG14" s="349">
        <v>8421689</v>
      </c>
      <c r="OH14" s="350">
        <v>8421689</v>
      </c>
      <c r="OI14" s="348">
        <v>13590409</v>
      </c>
      <c r="OJ14" s="345">
        <v>17971587</v>
      </c>
      <c r="OK14" s="346">
        <v>31561996</v>
      </c>
      <c r="OL14" s="351">
        <v>0</v>
      </c>
      <c r="OM14" s="345">
        <v>217948195</v>
      </c>
      <c r="ON14" s="345">
        <v>312209911</v>
      </c>
      <c r="OO14" s="345">
        <v>400769517</v>
      </c>
      <c r="OP14" s="345">
        <v>388295242</v>
      </c>
      <c r="OQ14" s="345">
        <v>261431361</v>
      </c>
      <c r="OR14" s="349">
        <v>1580654226</v>
      </c>
      <c r="OS14" s="354">
        <v>1612216222</v>
      </c>
    </row>
    <row r="15" spans="1:409" s="70" customFormat="1" ht="21" customHeight="1" x14ac:dyDescent="0.2">
      <c r="B15" s="410" t="s">
        <v>9</v>
      </c>
      <c r="C15" s="326">
        <v>13407927</v>
      </c>
      <c r="D15" s="327">
        <v>15700459</v>
      </c>
      <c r="E15" s="328">
        <v>29108386</v>
      </c>
      <c r="F15" s="332">
        <v>0</v>
      </c>
      <c r="G15" s="327">
        <v>152706725</v>
      </c>
      <c r="H15" s="327">
        <v>154000462</v>
      </c>
      <c r="I15" s="327">
        <v>167974703</v>
      </c>
      <c r="J15" s="327">
        <v>173201905</v>
      </c>
      <c r="K15" s="327">
        <v>137132128</v>
      </c>
      <c r="L15" s="329">
        <v>785015923</v>
      </c>
      <c r="M15" s="330">
        <v>814124309</v>
      </c>
      <c r="N15" s="326">
        <v>2719877</v>
      </c>
      <c r="O15" s="327">
        <v>3805805</v>
      </c>
      <c r="P15" s="328">
        <v>6525682</v>
      </c>
      <c r="Q15" s="326">
        <v>0</v>
      </c>
      <c r="R15" s="327">
        <v>42332774</v>
      </c>
      <c r="S15" s="327">
        <v>49630656</v>
      </c>
      <c r="T15" s="327">
        <v>58399998</v>
      </c>
      <c r="U15" s="327">
        <v>72871507</v>
      </c>
      <c r="V15" s="327">
        <v>74463675</v>
      </c>
      <c r="W15" s="328">
        <v>297698610</v>
      </c>
      <c r="X15" s="330">
        <v>304224292</v>
      </c>
      <c r="Y15" s="326">
        <v>0</v>
      </c>
      <c r="Z15" s="327">
        <v>0</v>
      </c>
      <c r="AA15" s="328">
        <v>0</v>
      </c>
      <c r="AB15" s="326">
        <v>0</v>
      </c>
      <c r="AC15" s="327">
        <v>18781299</v>
      </c>
      <c r="AD15" s="327">
        <v>24075788</v>
      </c>
      <c r="AE15" s="327">
        <v>33807148</v>
      </c>
      <c r="AF15" s="327">
        <v>47054883</v>
      </c>
      <c r="AG15" s="327">
        <v>47296344</v>
      </c>
      <c r="AH15" s="328">
        <v>171015462</v>
      </c>
      <c r="AI15" s="330">
        <v>171015462</v>
      </c>
      <c r="AJ15" s="326">
        <v>0</v>
      </c>
      <c r="AK15" s="327">
        <v>0</v>
      </c>
      <c r="AL15" s="328">
        <v>0</v>
      </c>
      <c r="AM15" s="326">
        <v>0</v>
      </c>
      <c r="AN15" s="327">
        <v>53077</v>
      </c>
      <c r="AO15" s="327">
        <v>577986</v>
      </c>
      <c r="AP15" s="327">
        <v>1467534</v>
      </c>
      <c r="AQ15" s="327">
        <v>3169901</v>
      </c>
      <c r="AR15" s="327">
        <v>7218775</v>
      </c>
      <c r="AS15" s="328">
        <v>12487273</v>
      </c>
      <c r="AT15" s="330">
        <v>12487273</v>
      </c>
      <c r="AU15" s="326">
        <v>1490228</v>
      </c>
      <c r="AV15" s="327">
        <v>2735161</v>
      </c>
      <c r="AW15" s="328">
        <v>4225389</v>
      </c>
      <c r="AX15" s="326">
        <v>0</v>
      </c>
      <c r="AY15" s="327">
        <v>14644099</v>
      </c>
      <c r="AZ15" s="327">
        <v>15307047</v>
      </c>
      <c r="BA15" s="327">
        <v>12987881</v>
      </c>
      <c r="BB15" s="327">
        <v>12460227</v>
      </c>
      <c r="BC15" s="327">
        <v>11781439</v>
      </c>
      <c r="BD15" s="328">
        <v>67180693</v>
      </c>
      <c r="BE15" s="330">
        <v>71406082</v>
      </c>
      <c r="BF15" s="326">
        <v>145760</v>
      </c>
      <c r="BG15" s="327">
        <v>371109</v>
      </c>
      <c r="BH15" s="331">
        <v>516869</v>
      </c>
      <c r="BI15" s="332">
        <v>0</v>
      </c>
      <c r="BJ15" s="327">
        <v>1143257</v>
      </c>
      <c r="BK15" s="327">
        <v>1306747</v>
      </c>
      <c r="BL15" s="327">
        <v>1041458</v>
      </c>
      <c r="BM15" s="327">
        <v>1065522</v>
      </c>
      <c r="BN15" s="327">
        <v>1023808</v>
      </c>
      <c r="BO15" s="328">
        <v>5580792</v>
      </c>
      <c r="BP15" s="330">
        <v>6097661</v>
      </c>
      <c r="BQ15" s="326">
        <v>1083889</v>
      </c>
      <c r="BR15" s="327">
        <v>699535</v>
      </c>
      <c r="BS15" s="328">
        <v>1783424</v>
      </c>
      <c r="BT15" s="326">
        <v>0</v>
      </c>
      <c r="BU15" s="327">
        <v>7711042</v>
      </c>
      <c r="BV15" s="327">
        <v>8363088</v>
      </c>
      <c r="BW15" s="327">
        <v>9095977</v>
      </c>
      <c r="BX15" s="327">
        <v>9120974</v>
      </c>
      <c r="BY15" s="327">
        <v>7143309</v>
      </c>
      <c r="BZ15" s="328">
        <v>41434390</v>
      </c>
      <c r="CA15" s="330">
        <v>43217814</v>
      </c>
      <c r="CB15" s="326">
        <v>913533</v>
      </c>
      <c r="CC15" s="327">
        <v>2693940</v>
      </c>
      <c r="CD15" s="328">
        <v>3607473</v>
      </c>
      <c r="CE15" s="326">
        <v>0</v>
      </c>
      <c r="CF15" s="327">
        <v>34629941</v>
      </c>
      <c r="CG15" s="327">
        <v>34410627</v>
      </c>
      <c r="CH15" s="327">
        <v>32115024</v>
      </c>
      <c r="CI15" s="327">
        <v>24003315</v>
      </c>
      <c r="CJ15" s="327">
        <v>8408392</v>
      </c>
      <c r="CK15" s="328">
        <v>133567299</v>
      </c>
      <c r="CL15" s="330">
        <v>137174772</v>
      </c>
      <c r="CM15" s="326">
        <v>0</v>
      </c>
      <c r="CN15" s="327">
        <v>0</v>
      </c>
      <c r="CO15" s="328">
        <v>0</v>
      </c>
      <c r="CP15" s="332">
        <v>0</v>
      </c>
      <c r="CQ15" s="327">
        <v>29605573</v>
      </c>
      <c r="CR15" s="327">
        <v>26808870</v>
      </c>
      <c r="CS15" s="327">
        <v>26037037</v>
      </c>
      <c r="CT15" s="327">
        <v>17324678</v>
      </c>
      <c r="CU15" s="327">
        <v>6761175</v>
      </c>
      <c r="CV15" s="328">
        <v>106537333</v>
      </c>
      <c r="CW15" s="330">
        <v>106537333</v>
      </c>
      <c r="CX15" s="326">
        <v>913533</v>
      </c>
      <c r="CY15" s="327">
        <v>2693940</v>
      </c>
      <c r="CZ15" s="328">
        <v>3607473</v>
      </c>
      <c r="DA15" s="326">
        <v>0</v>
      </c>
      <c r="DB15" s="327">
        <v>5024368</v>
      </c>
      <c r="DC15" s="327">
        <v>7601757</v>
      </c>
      <c r="DD15" s="327">
        <v>6077987</v>
      </c>
      <c r="DE15" s="327">
        <v>6678637</v>
      </c>
      <c r="DF15" s="327">
        <v>1647217</v>
      </c>
      <c r="DG15" s="328">
        <v>27029966</v>
      </c>
      <c r="DH15" s="330">
        <v>30637439</v>
      </c>
      <c r="DI15" s="326">
        <v>92476</v>
      </c>
      <c r="DJ15" s="327">
        <v>166753</v>
      </c>
      <c r="DK15" s="331">
        <v>259229</v>
      </c>
      <c r="DL15" s="332">
        <v>0</v>
      </c>
      <c r="DM15" s="327">
        <v>5042098</v>
      </c>
      <c r="DN15" s="327">
        <v>7830100</v>
      </c>
      <c r="DO15" s="327">
        <v>15518140</v>
      </c>
      <c r="DP15" s="327">
        <v>13722539</v>
      </c>
      <c r="DQ15" s="327">
        <v>7885842</v>
      </c>
      <c r="DR15" s="328">
        <v>49998719</v>
      </c>
      <c r="DS15" s="330">
        <v>50257948</v>
      </c>
      <c r="DT15" s="326">
        <v>92476</v>
      </c>
      <c r="DU15" s="327">
        <v>128394</v>
      </c>
      <c r="DV15" s="328">
        <v>220870</v>
      </c>
      <c r="DW15" s="326">
        <v>0</v>
      </c>
      <c r="DX15" s="327">
        <v>4381832</v>
      </c>
      <c r="DY15" s="327">
        <v>7295657</v>
      </c>
      <c r="DZ15" s="327">
        <v>13341167</v>
      </c>
      <c r="EA15" s="327">
        <v>12014209</v>
      </c>
      <c r="EB15" s="327">
        <v>6867149</v>
      </c>
      <c r="EC15" s="328">
        <v>43900014</v>
      </c>
      <c r="ED15" s="330">
        <v>44120884</v>
      </c>
      <c r="EE15" s="326">
        <v>0</v>
      </c>
      <c r="EF15" s="331">
        <v>38359</v>
      </c>
      <c r="EG15" s="328">
        <v>38359</v>
      </c>
      <c r="EH15" s="326">
        <v>0</v>
      </c>
      <c r="EI15" s="327">
        <v>660266</v>
      </c>
      <c r="EJ15" s="327">
        <v>534443</v>
      </c>
      <c r="EK15" s="327">
        <v>2176973</v>
      </c>
      <c r="EL15" s="327">
        <v>1708330</v>
      </c>
      <c r="EM15" s="327">
        <v>1018693</v>
      </c>
      <c r="EN15" s="331">
        <v>6098705</v>
      </c>
      <c r="EO15" s="330">
        <v>6137064</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4206465</v>
      </c>
      <c r="FM15" s="327">
        <v>4185156</v>
      </c>
      <c r="FN15" s="328">
        <v>8391621</v>
      </c>
      <c r="FO15" s="326">
        <v>0</v>
      </c>
      <c r="FP15" s="327">
        <v>9782882</v>
      </c>
      <c r="FQ15" s="327">
        <v>13767111</v>
      </c>
      <c r="FR15" s="327">
        <v>11513042</v>
      </c>
      <c r="FS15" s="327">
        <v>12081392</v>
      </c>
      <c r="FT15" s="327">
        <v>9804878</v>
      </c>
      <c r="FU15" s="328">
        <v>56949305</v>
      </c>
      <c r="FV15" s="330">
        <v>65340926</v>
      </c>
      <c r="FW15" s="333">
        <v>1835360</v>
      </c>
      <c r="FX15" s="327">
        <v>2688561</v>
      </c>
      <c r="FY15" s="331">
        <v>4523921</v>
      </c>
      <c r="FZ15" s="332">
        <v>0</v>
      </c>
      <c r="GA15" s="327">
        <v>7874444</v>
      </c>
      <c r="GB15" s="327">
        <v>12219351</v>
      </c>
      <c r="GC15" s="327">
        <v>11052639</v>
      </c>
      <c r="GD15" s="327">
        <v>11075342</v>
      </c>
      <c r="GE15" s="327">
        <v>9684206</v>
      </c>
      <c r="GF15" s="328">
        <v>51905982</v>
      </c>
      <c r="GG15" s="334">
        <v>56429903</v>
      </c>
      <c r="GH15" s="333">
        <v>64629</v>
      </c>
      <c r="GI15" s="327">
        <v>300721</v>
      </c>
      <c r="GJ15" s="331">
        <v>365350</v>
      </c>
      <c r="GK15" s="332">
        <v>0</v>
      </c>
      <c r="GL15" s="327">
        <v>465058</v>
      </c>
      <c r="GM15" s="327">
        <v>293480</v>
      </c>
      <c r="GN15" s="327">
        <v>297563</v>
      </c>
      <c r="GO15" s="327">
        <v>404750</v>
      </c>
      <c r="GP15" s="327">
        <v>52272</v>
      </c>
      <c r="GQ15" s="328">
        <v>1513123</v>
      </c>
      <c r="GR15" s="330">
        <v>1878473</v>
      </c>
      <c r="GS15" s="326">
        <v>2306476</v>
      </c>
      <c r="GT15" s="327">
        <v>1195874</v>
      </c>
      <c r="GU15" s="328">
        <v>3502350</v>
      </c>
      <c r="GV15" s="326">
        <v>0</v>
      </c>
      <c r="GW15" s="327">
        <v>1443380</v>
      </c>
      <c r="GX15" s="327">
        <v>1254280</v>
      </c>
      <c r="GY15" s="327">
        <v>162840</v>
      </c>
      <c r="GZ15" s="327">
        <v>601300</v>
      </c>
      <c r="HA15" s="327">
        <v>68400</v>
      </c>
      <c r="HB15" s="331">
        <v>3530200</v>
      </c>
      <c r="HC15" s="330">
        <v>7032550</v>
      </c>
      <c r="HD15" s="326">
        <v>3229762</v>
      </c>
      <c r="HE15" s="327">
        <v>1968942</v>
      </c>
      <c r="HF15" s="331">
        <v>5198704</v>
      </c>
      <c r="HG15" s="332">
        <v>0</v>
      </c>
      <c r="HH15" s="327">
        <v>34469442</v>
      </c>
      <c r="HI15" s="327">
        <v>29700264</v>
      </c>
      <c r="HJ15" s="327">
        <v>36155116</v>
      </c>
      <c r="HK15" s="327">
        <v>39649850</v>
      </c>
      <c r="HL15" s="327">
        <v>29495172</v>
      </c>
      <c r="HM15" s="328">
        <v>169469844</v>
      </c>
      <c r="HN15" s="329">
        <v>174668548</v>
      </c>
      <c r="HO15" s="333">
        <v>2245814</v>
      </c>
      <c r="HP15" s="327">
        <v>2879863</v>
      </c>
      <c r="HQ15" s="328">
        <v>5125677</v>
      </c>
      <c r="HR15" s="326">
        <v>0</v>
      </c>
      <c r="HS15" s="327">
        <v>26449588</v>
      </c>
      <c r="HT15" s="327">
        <v>18661704</v>
      </c>
      <c r="HU15" s="327">
        <v>14273383</v>
      </c>
      <c r="HV15" s="327">
        <v>10873302</v>
      </c>
      <c r="HW15" s="327">
        <v>7074169</v>
      </c>
      <c r="HX15" s="331">
        <v>77332146</v>
      </c>
      <c r="HY15" s="330">
        <v>82457823</v>
      </c>
      <c r="HZ15" s="360">
        <v>39269</v>
      </c>
      <c r="IA15" s="361">
        <v>241408</v>
      </c>
      <c r="IB15" s="362">
        <v>280677</v>
      </c>
      <c r="IC15" s="338">
        <v>0</v>
      </c>
      <c r="ID15" s="336">
        <v>29977462</v>
      </c>
      <c r="IE15" s="339">
        <v>39577193</v>
      </c>
      <c r="IF15" s="337">
        <v>45183611</v>
      </c>
      <c r="IG15" s="336">
        <v>39008847</v>
      </c>
      <c r="IH15" s="337">
        <v>24037799</v>
      </c>
      <c r="II15" s="340">
        <v>177784912</v>
      </c>
      <c r="IJ15" s="363">
        <v>178065589</v>
      </c>
      <c r="IK15" s="342">
        <v>0</v>
      </c>
      <c r="IL15" s="343">
        <v>0</v>
      </c>
      <c r="IM15" s="344">
        <v>0</v>
      </c>
      <c r="IN15" s="404">
        <v>0</v>
      </c>
      <c r="IO15" s="345">
        <v>0</v>
      </c>
      <c r="IP15" s="345">
        <v>381406</v>
      </c>
      <c r="IQ15" s="345">
        <v>410295</v>
      </c>
      <c r="IR15" s="345">
        <v>2233738</v>
      </c>
      <c r="IS15" s="345">
        <v>1220120</v>
      </c>
      <c r="IT15" s="346">
        <v>4245559</v>
      </c>
      <c r="IU15" s="347">
        <v>4245559</v>
      </c>
      <c r="IV15" s="348">
        <v>0</v>
      </c>
      <c r="IW15" s="345">
        <v>0</v>
      </c>
      <c r="IX15" s="349">
        <v>0</v>
      </c>
      <c r="IY15" s="413">
        <v>0</v>
      </c>
      <c r="IZ15" s="345">
        <v>0</v>
      </c>
      <c r="JA15" s="345">
        <v>0</v>
      </c>
      <c r="JB15" s="345">
        <v>0</v>
      </c>
      <c r="JC15" s="345">
        <v>0</v>
      </c>
      <c r="JD15" s="345">
        <v>0</v>
      </c>
      <c r="JE15" s="349">
        <v>0</v>
      </c>
      <c r="JF15" s="350">
        <v>0</v>
      </c>
      <c r="JG15" s="348">
        <v>0</v>
      </c>
      <c r="JH15" s="345">
        <v>0</v>
      </c>
      <c r="JI15" s="346">
        <v>0</v>
      </c>
      <c r="JJ15" s="351">
        <v>0</v>
      </c>
      <c r="JK15" s="345">
        <v>16876159</v>
      </c>
      <c r="JL15" s="345">
        <v>14821924</v>
      </c>
      <c r="JM15" s="345">
        <v>12733143</v>
      </c>
      <c r="JN15" s="345">
        <v>9591941</v>
      </c>
      <c r="JO15" s="345">
        <v>3342744</v>
      </c>
      <c r="JP15" s="349">
        <v>57365911</v>
      </c>
      <c r="JQ15" s="347">
        <v>57365911</v>
      </c>
      <c r="JR15" s="348">
        <v>0</v>
      </c>
      <c r="JS15" s="345">
        <v>0</v>
      </c>
      <c r="JT15" s="346">
        <v>0</v>
      </c>
      <c r="JU15" s="351">
        <v>0</v>
      </c>
      <c r="JV15" s="345">
        <v>479372</v>
      </c>
      <c r="JW15" s="345">
        <v>754532</v>
      </c>
      <c r="JX15" s="345">
        <v>1416775</v>
      </c>
      <c r="JY15" s="345">
        <v>0</v>
      </c>
      <c r="JZ15" s="345">
        <v>777522</v>
      </c>
      <c r="KA15" s="349">
        <v>3428201</v>
      </c>
      <c r="KB15" s="347">
        <v>3428201</v>
      </c>
      <c r="KC15" s="352">
        <v>39269</v>
      </c>
      <c r="KD15" s="353">
        <v>241408</v>
      </c>
      <c r="KE15" s="349">
        <v>280677</v>
      </c>
      <c r="KF15" s="351">
        <v>0</v>
      </c>
      <c r="KG15" s="345">
        <v>3477125</v>
      </c>
      <c r="KH15" s="345">
        <v>3829408</v>
      </c>
      <c r="KI15" s="345">
        <v>2780466</v>
      </c>
      <c r="KJ15" s="345">
        <v>4180981</v>
      </c>
      <c r="KK15" s="345">
        <v>1556227</v>
      </c>
      <c r="KL15" s="349">
        <v>15824207</v>
      </c>
      <c r="KM15" s="354">
        <v>16104884</v>
      </c>
      <c r="KN15" s="342">
        <v>0</v>
      </c>
      <c r="KO15" s="343">
        <v>0</v>
      </c>
      <c r="KP15" s="344">
        <v>0</v>
      </c>
      <c r="KQ15" s="413">
        <v>0</v>
      </c>
      <c r="KR15" s="345">
        <v>7975757</v>
      </c>
      <c r="KS15" s="345">
        <v>17204172</v>
      </c>
      <c r="KT15" s="345">
        <v>22808892</v>
      </c>
      <c r="KU15" s="345">
        <v>18244591</v>
      </c>
      <c r="KV15" s="345">
        <v>8601046</v>
      </c>
      <c r="KW15" s="349">
        <v>74834458</v>
      </c>
      <c r="KX15" s="347">
        <v>74834458</v>
      </c>
      <c r="KY15" s="348">
        <v>0</v>
      </c>
      <c r="KZ15" s="345">
        <v>0</v>
      </c>
      <c r="LA15" s="349">
        <v>0</v>
      </c>
      <c r="LB15" s="413">
        <v>0</v>
      </c>
      <c r="LC15" s="345">
        <v>0</v>
      </c>
      <c r="LD15" s="345">
        <v>0</v>
      </c>
      <c r="LE15" s="345">
        <v>0</v>
      </c>
      <c r="LF15" s="345">
        <v>0</v>
      </c>
      <c r="LG15" s="345">
        <v>0</v>
      </c>
      <c r="LH15" s="349">
        <v>0</v>
      </c>
      <c r="LI15" s="350">
        <v>0</v>
      </c>
      <c r="LJ15" s="348">
        <v>0</v>
      </c>
      <c r="LK15" s="345">
        <v>0</v>
      </c>
      <c r="LL15" s="349">
        <v>0</v>
      </c>
      <c r="LM15" s="413">
        <v>0</v>
      </c>
      <c r="LN15" s="345">
        <v>0</v>
      </c>
      <c r="LO15" s="345">
        <v>0</v>
      </c>
      <c r="LP15" s="345">
        <v>0</v>
      </c>
      <c r="LQ15" s="345">
        <v>333171</v>
      </c>
      <c r="LR15" s="345">
        <v>0</v>
      </c>
      <c r="LS15" s="349">
        <v>333171</v>
      </c>
      <c r="LT15" s="347">
        <v>333171</v>
      </c>
      <c r="LU15" s="348">
        <v>0</v>
      </c>
      <c r="LV15" s="345">
        <v>0</v>
      </c>
      <c r="LW15" s="349">
        <v>0</v>
      </c>
      <c r="LX15" s="413">
        <v>0</v>
      </c>
      <c r="LY15" s="345">
        <v>1169049</v>
      </c>
      <c r="LZ15" s="345">
        <v>2585751</v>
      </c>
      <c r="MA15" s="345">
        <v>5034040</v>
      </c>
      <c r="MB15" s="345">
        <v>4424425</v>
      </c>
      <c r="MC15" s="345">
        <v>8540140</v>
      </c>
      <c r="MD15" s="349">
        <v>21753405</v>
      </c>
      <c r="ME15" s="350">
        <v>21753405</v>
      </c>
      <c r="MF15" s="348">
        <v>0</v>
      </c>
      <c r="MG15" s="345">
        <v>0</v>
      </c>
      <c r="MH15" s="349">
        <v>0</v>
      </c>
      <c r="MI15" s="413">
        <v>0</v>
      </c>
      <c r="MJ15" s="345">
        <v>8390023</v>
      </c>
      <c r="MK15" s="345">
        <v>17721955</v>
      </c>
      <c r="ML15" s="345">
        <v>88126574</v>
      </c>
      <c r="MM15" s="345">
        <v>135926704</v>
      </c>
      <c r="MN15" s="345">
        <v>118245756</v>
      </c>
      <c r="MO15" s="349">
        <v>368411012</v>
      </c>
      <c r="MP15" s="354">
        <v>368411012</v>
      </c>
      <c r="MQ15" s="348">
        <v>0</v>
      </c>
      <c r="MR15" s="345">
        <v>0</v>
      </c>
      <c r="MS15" s="349">
        <v>0</v>
      </c>
      <c r="MT15" s="413">
        <v>0</v>
      </c>
      <c r="MU15" s="345">
        <v>437245</v>
      </c>
      <c r="MV15" s="345">
        <v>1225301</v>
      </c>
      <c r="MW15" s="345">
        <v>52025955</v>
      </c>
      <c r="MX15" s="345">
        <v>100806853</v>
      </c>
      <c r="MY15" s="345">
        <v>87636166</v>
      </c>
      <c r="MZ15" s="349">
        <v>242131520</v>
      </c>
      <c r="NA15" s="354">
        <v>242131520</v>
      </c>
      <c r="NB15" s="348">
        <v>0</v>
      </c>
      <c r="NC15" s="345">
        <v>0</v>
      </c>
      <c r="ND15" s="349">
        <v>0</v>
      </c>
      <c r="NE15" s="413">
        <v>0</v>
      </c>
      <c r="NF15" s="345">
        <v>7952778</v>
      </c>
      <c r="NG15" s="345">
        <v>16496654</v>
      </c>
      <c r="NH15" s="345">
        <v>36100619</v>
      </c>
      <c r="NI15" s="345">
        <v>33417432</v>
      </c>
      <c r="NJ15" s="345">
        <v>27142354</v>
      </c>
      <c r="NK15" s="349">
        <v>121109837</v>
      </c>
      <c r="NL15" s="347">
        <v>121109837</v>
      </c>
      <c r="NM15" s="348">
        <v>0</v>
      </c>
      <c r="NN15" s="345">
        <v>0</v>
      </c>
      <c r="NO15" s="349">
        <v>0</v>
      </c>
      <c r="NP15" s="413">
        <v>0</v>
      </c>
      <c r="NQ15" s="345">
        <v>0</v>
      </c>
      <c r="NR15" s="345">
        <v>0</v>
      </c>
      <c r="NS15" s="345">
        <v>0</v>
      </c>
      <c r="NT15" s="345">
        <v>0</v>
      </c>
      <c r="NU15" s="345">
        <v>0</v>
      </c>
      <c r="NV15" s="349">
        <v>0</v>
      </c>
      <c r="NW15" s="350">
        <v>0</v>
      </c>
      <c r="NX15" s="348">
        <v>0</v>
      </c>
      <c r="NY15" s="345">
        <v>0</v>
      </c>
      <c r="NZ15" s="349">
        <v>0</v>
      </c>
      <c r="OA15" s="413">
        <v>0</v>
      </c>
      <c r="OB15" s="345">
        <v>0</v>
      </c>
      <c r="OC15" s="345">
        <v>0</v>
      </c>
      <c r="OD15" s="345">
        <v>0</v>
      </c>
      <c r="OE15" s="345">
        <v>1702419</v>
      </c>
      <c r="OF15" s="345">
        <v>3467236</v>
      </c>
      <c r="OG15" s="349">
        <v>5169655</v>
      </c>
      <c r="OH15" s="350">
        <v>5169655</v>
      </c>
      <c r="OI15" s="348">
        <v>13447196</v>
      </c>
      <c r="OJ15" s="345">
        <v>15941867</v>
      </c>
      <c r="OK15" s="346">
        <v>29389063</v>
      </c>
      <c r="OL15" s="351">
        <v>0</v>
      </c>
      <c r="OM15" s="345">
        <v>191074210</v>
      </c>
      <c r="ON15" s="345">
        <v>211299610</v>
      </c>
      <c r="OO15" s="345">
        <v>301284888</v>
      </c>
      <c r="OP15" s="345">
        <v>348137456</v>
      </c>
      <c r="OQ15" s="345">
        <v>279415683</v>
      </c>
      <c r="OR15" s="349">
        <v>1331211847</v>
      </c>
      <c r="OS15" s="354">
        <v>1360600910</v>
      </c>
    </row>
    <row r="16" spans="1:409" s="70" customFormat="1" ht="21" customHeight="1" x14ac:dyDescent="0.2">
      <c r="B16" s="410" t="s">
        <v>10</v>
      </c>
      <c r="C16" s="326">
        <v>26335505</v>
      </c>
      <c r="D16" s="327">
        <v>42101245</v>
      </c>
      <c r="E16" s="328">
        <v>68436750</v>
      </c>
      <c r="F16" s="364">
        <v>0</v>
      </c>
      <c r="G16" s="327">
        <v>344343644</v>
      </c>
      <c r="H16" s="327">
        <v>287955805</v>
      </c>
      <c r="I16" s="327">
        <v>267624225</v>
      </c>
      <c r="J16" s="327">
        <v>260195301</v>
      </c>
      <c r="K16" s="327">
        <v>205647086</v>
      </c>
      <c r="L16" s="329">
        <v>1365766061</v>
      </c>
      <c r="M16" s="330">
        <v>1434202811</v>
      </c>
      <c r="N16" s="326">
        <v>6740681</v>
      </c>
      <c r="O16" s="327">
        <v>14103024</v>
      </c>
      <c r="P16" s="328">
        <v>20843705</v>
      </c>
      <c r="Q16" s="326">
        <v>0</v>
      </c>
      <c r="R16" s="327">
        <v>106194836</v>
      </c>
      <c r="S16" s="327">
        <v>97596596</v>
      </c>
      <c r="T16" s="327">
        <v>98632440</v>
      </c>
      <c r="U16" s="327">
        <v>114913882</v>
      </c>
      <c r="V16" s="327">
        <v>113743165</v>
      </c>
      <c r="W16" s="328">
        <v>531080919</v>
      </c>
      <c r="X16" s="330">
        <v>551924624</v>
      </c>
      <c r="Y16" s="326">
        <v>0</v>
      </c>
      <c r="Z16" s="327">
        <v>0</v>
      </c>
      <c r="AA16" s="328">
        <v>0</v>
      </c>
      <c r="AB16" s="326">
        <v>0</v>
      </c>
      <c r="AC16" s="327">
        <v>47021703</v>
      </c>
      <c r="AD16" s="327">
        <v>50347585</v>
      </c>
      <c r="AE16" s="327">
        <v>62304144</v>
      </c>
      <c r="AF16" s="327">
        <v>74459552</v>
      </c>
      <c r="AG16" s="327">
        <v>67877470</v>
      </c>
      <c r="AH16" s="328">
        <v>302010454</v>
      </c>
      <c r="AI16" s="330">
        <v>302010454</v>
      </c>
      <c r="AJ16" s="326">
        <v>0</v>
      </c>
      <c r="AK16" s="327">
        <v>45257</v>
      </c>
      <c r="AL16" s="328">
        <v>45257</v>
      </c>
      <c r="AM16" s="326">
        <v>0</v>
      </c>
      <c r="AN16" s="327">
        <v>362129</v>
      </c>
      <c r="AO16" s="327">
        <v>1588453</v>
      </c>
      <c r="AP16" s="327">
        <v>2533470</v>
      </c>
      <c r="AQ16" s="327">
        <v>5520493</v>
      </c>
      <c r="AR16" s="327">
        <v>12333154</v>
      </c>
      <c r="AS16" s="328">
        <v>22337699</v>
      </c>
      <c r="AT16" s="330">
        <v>22382956</v>
      </c>
      <c r="AU16" s="326">
        <v>3784933</v>
      </c>
      <c r="AV16" s="327">
        <v>9193939</v>
      </c>
      <c r="AW16" s="328">
        <v>12978872</v>
      </c>
      <c r="AX16" s="326">
        <v>0</v>
      </c>
      <c r="AY16" s="327">
        <v>36655772</v>
      </c>
      <c r="AZ16" s="327">
        <v>26213850</v>
      </c>
      <c r="BA16" s="327">
        <v>16671340</v>
      </c>
      <c r="BB16" s="327">
        <v>17387027</v>
      </c>
      <c r="BC16" s="327">
        <v>19084483</v>
      </c>
      <c r="BD16" s="328">
        <v>116012472</v>
      </c>
      <c r="BE16" s="330">
        <v>128991344</v>
      </c>
      <c r="BF16" s="326">
        <v>608359</v>
      </c>
      <c r="BG16" s="327">
        <v>1599150</v>
      </c>
      <c r="BH16" s="331">
        <v>2207509</v>
      </c>
      <c r="BI16" s="332">
        <v>0</v>
      </c>
      <c r="BJ16" s="327">
        <v>3148411</v>
      </c>
      <c r="BK16" s="327">
        <v>2819489</v>
      </c>
      <c r="BL16" s="327">
        <v>2193168</v>
      </c>
      <c r="BM16" s="327">
        <v>1540387</v>
      </c>
      <c r="BN16" s="327">
        <v>1408403</v>
      </c>
      <c r="BO16" s="328">
        <v>11109858</v>
      </c>
      <c r="BP16" s="330">
        <v>13317367</v>
      </c>
      <c r="BQ16" s="326">
        <v>2347389</v>
      </c>
      <c r="BR16" s="327">
        <v>3264678</v>
      </c>
      <c r="BS16" s="328">
        <v>5612067</v>
      </c>
      <c r="BT16" s="326">
        <v>0</v>
      </c>
      <c r="BU16" s="327">
        <v>19006821</v>
      </c>
      <c r="BV16" s="327">
        <v>16627219</v>
      </c>
      <c r="BW16" s="327">
        <v>14930318</v>
      </c>
      <c r="BX16" s="327">
        <v>16006423</v>
      </c>
      <c r="BY16" s="327">
        <v>13039655</v>
      </c>
      <c r="BZ16" s="328">
        <v>79610436</v>
      </c>
      <c r="CA16" s="330">
        <v>85222503</v>
      </c>
      <c r="CB16" s="326">
        <v>1143887</v>
      </c>
      <c r="CC16" s="327">
        <v>3255742</v>
      </c>
      <c r="CD16" s="328">
        <v>4399629</v>
      </c>
      <c r="CE16" s="326">
        <v>0</v>
      </c>
      <c r="CF16" s="327">
        <v>104617474</v>
      </c>
      <c r="CG16" s="327">
        <v>75734513</v>
      </c>
      <c r="CH16" s="327">
        <v>56178570</v>
      </c>
      <c r="CI16" s="327">
        <v>38227613</v>
      </c>
      <c r="CJ16" s="327">
        <v>18734897</v>
      </c>
      <c r="CK16" s="328">
        <v>293493067</v>
      </c>
      <c r="CL16" s="330">
        <v>297892696</v>
      </c>
      <c r="CM16" s="326">
        <v>0</v>
      </c>
      <c r="CN16" s="327">
        <v>0</v>
      </c>
      <c r="CO16" s="328">
        <v>0</v>
      </c>
      <c r="CP16" s="332">
        <v>0</v>
      </c>
      <c r="CQ16" s="327">
        <v>90779141</v>
      </c>
      <c r="CR16" s="327">
        <v>62922044</v>
      </c>
      <c r="CS16" s="327">
        <v>47504960</v>
      </c>
      <c r="CT16" s="327">
        <v>31500820</v>
      </c>
      <c r="CU16" s="327">
        <v>14988893</v>
      </c>
      <c r="CV16" s="328">
        <v>247695858</v>
      </c>
      <c r="CW16" s="330">
        <v>247695858</v>
      </c>
      <c r="CX16" s="326">
        <v>1143887</v>
      </c>
      <c r="CY16" s="327">
        <v>3255742</v>
      </c>
      <c r="CZ16" s="328">
        <v>4399629</v>
      </c>
      <c r="DA16" s="326">
        <v>0</v>
      </c>
      <c r="DB16" s="327">
        <v>13838333</v>
      </c>
      <c r="DC16" s="327">
        <v>12812469</v>
      </c>
      <c r="DD16" s="327">
        <v>8673610</v>
      </c>
      <c r="DE16" s="327">
        <v>6726793</v>
      </c>
      <c r="DF16" s="327">
        <v>3746004</v>
      </c>
      <c r="DG16" s="328">
        <v>45797209</v>
      </c>
      <c r="DH16" s="330">
        <v>50196838</v>
      </c>
      <c r="DI16" s="326">
        <v>56907</v>
      </c>
      <c r="DJ16" s="327">
        <v>730453</v>
      </c>
      <c r="DK16" s="331">
        <v>787360</v>
      </c>
      <c r="DL16" s="332">
        <v>0</v>
      </c>
      <c r="DM16" s="327">
        <v>12943817</v>
      </c>
      <c r="DN16" s="327">
        <v>14582056</v>
      </c>
      <c r="DO16" s="327">
        <v>24473991</v>
      </c>
      <c r="DP16" s="327">
        <v>20357689</v>
      </c>
      <c r="DQ16" s="327">
        <v>11642495</v>
      </c>
      <c r="DR16" s="328">
        <v>84000048</v>
      </c>
      <c r="DS16" s="330">
        <v>84787408</v>
      </c>
      <c r="DT16" s="326">
        <v>56907</v>
      </c>
      <c r="DU16" s="327">
        <v>730453</v>
      </c>
      <c r="DV16" s="328">
        <v>787360</v>
      </c>
      <c r="DW16" s="326">
        <v>0</v>
      </c>
      <c r="DX16" s="327">
        <v>12448348</v>
      </c>
      <c r="DY16" s="327">
        <v>13138667</v>
      </c>
      <c r="DZ16" s="327">
        <v>22821965</v>
      </c>
      <c r="EA16" s="327">
        <v>18928376</v>
      </c>
      <c r="EB16" s="327">
        <v>10959590</v>
      </c>
      <c r="EC16" s="328">
        <v>78296946</v>
      </c>
      <c r="ED16" s="330">
        <v>79084306</v>
      </c>
      <c r="EE16" s="326">
        <v>0</v>
      </c>
      <c r="EF16" s="331">
        <v>0</v>
      </c>
      <c r="EG16" s="328">
        <v>0</v>
      </c>
      <c r="EH16" s="326">
        <v>0</v>
      </c>
      <c r="EI16" s="327">
        <v>495469</v>
      </c>
      <c r="EJ16" s="327">
        <v>1443389</v>
      </c>
      <c r="EK16" s="327">
        <v>1652026</v>
      </c>
      <c r="EL16" s="327">
        <v>1429313</v>
      </c>
      <c r="EM16" s="327">
        <v>682905</v>
      </c>
      <c r="EN16" s="331">
        <v>5703102</v>
      </c>
      <c r="EO16" s="330">
        <v>5703102</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8058497</v>
      </c>
      <c r="FM16" s="327">
        <v>9954842</v>
      </c>
      <c r="FN16" s="328">
        <v>18013339</v>
      </c>
      <c r="FO16" s="326">
        <v>0</v>
      </c>
      <c r="FP16" s="327">
        <v>20093897</v>
      </c>
      <c r="FQ16" s="327">
        <v>25148289</v>
      </c>
      <c r="FR16" s="327">
        <v>19208244</v>
      </c>
      <c r="FS16" s="327">
        <v>18851915</v>
      </c>
      <c r="FT16" s="327">
        <v>14158965</v>
      </c>
      <c r="FU16" s="328">
        <v>97461310</v>
      </c>
      <c r="FV16" s="330">
        <v>115474649</v>
      </c>
      <c r="FW16" s="333">
        <v>5066824</v>
      </c>
      <c r="FX16" s="327">
        <v>8603774</v>
      </c>
      <c r="FY16" s="331">
        <v>13670598</v>
      </c>
      <c r="FZ16" s="332">
        <v>0</v>
      </c>
      <c r="GA16" s="327">
        <v>16762261</v>
      </c>
      <c r="GB16" s="327">
        <v>23876712</v>
      </c>
      <c r="GC16" s="327">
        <v>18003583</v>
      </c>
      <c r="GD16" s="327">
        <v>18085467</v>
      </c>
      <c r="GE16" s="327">
        <v>13952046</v>
      </c>
      <c r="GF16" s="328">
        <v>90680069</v>
      </c>
      <c r="GG16" s="334">
        <v>104350667</v>
      </c>
      <c r="GH16" s="333">
        <v>373342</v>
      </c>
      <c r="GI16" s="327">
        <v>413344</v>
      </c>
      <c r="GJ16" s="331">
        <v>786686</v>
      </c>
      <c r="GK16" s="332">
        <v>0</v>
      </c>
      <c r="GL16" s="327">
        <v>1172183</v>
      </c>
      <c r="GM16" s="327">
        <v>446956</v>
      </c>
      <c r="GN16" s="327">
        <v>667787</v>
      </c>
      <c r="GO16" s="327">
        <v>333548</v>
      </c>
      <c r="GP16" s="327">
        <v>206919</v>
      </c>
      <c r="GQ16" s="328">
        <v>2827393</v>
      </c>
      <c r="GR16" s="330">
        <v>3614079</v>
      </c>
      <c r="GS16" s="326">
        <v>2618331</v>
      </c>
      <c r="GT16" s="327">
        <v>937724</v>
      </c>
      <c r="GU16" s="328">
        <v>3556055</v>
      </c>
      <c r="GV16" s="326">
        <v>0</v>
      </c>
      <c r="GW16" s="327">
        <v>2159453</v>
      </c>
      <c r="GX16" s="327">
        <v>824621</v>
      </c>
      <c r="GY16" s="327">
        <v>536874</v>
      </c>
      <c r="GZ16" s="327">
        <v>432900</v>
      </c>
      <c r="HA16" s="327">
        <v>0</v>
      </c>
      <c r="HB16" s="331">
        <v>3953848</v>
      </c>
      <c r="HC16" s="330">
        <v>7509903</v>
      </c>
      <c r="HD16" s="326">
        <v>4515280</v>
      </c>
      <c r="HE16" s="327">
        <v>6452071</v>
      </c>
      <c r="HF16" s="331">
        <v>10967351</v>
      </c>
      <c r="HG16" s="332">
        <v>0</v>
      </c>
      <c r="HH16" s="327">
        <v>48670337</v>
      </c>
      <c r="HI16" s="327">
        <v>45646572</v>
      </c>
      <c r="HJ16" s="327">
        <v>48154850</v>
      </c>
      <c r="HK16" s="327">
        <v>51654042</v>
      </c>
      <c r="HL16" s="327">
        <v>36712381</v>
      </c>
      <c r="HM16" s="328">
        <v>230838182</v>
      </c>
      <c r="HN16" s="329">
        <v>241805533</v>
      </c>
      <c r="HO16" s="333">
        <v>5820253</v>
      </c>
      <c r="HP16" s="327">
        <v>7605113</v>
      </c>
      <c r="HQ16" s="328">
        <v>13425366</v>
      </c>
      <c r="HR16" s="326">
        <v>0</v>
      </c>
      <c r="HS16" s="327">
        <v>51823283</v>
      </c>
      <c r="HT16" s="327">
        <v>29247779</v>
      </c>
      <c r="HU16" s="327">
        <v>20976130</v>
      </c>
      <c r="HV16" s="327">
        <v>16190160</v>
      </c>
      <c r="HW16" s="327">
        <v>10655183</v>
      </c>
      <c r="HX16" s="331">
        <v>128892535</v>
      </c>
      <c r="HY16" s="330">
        <v>142317901</v>
      </c>
      <c r="HZ16" s="358">
        <v>422159</v>
      </c>
      <c r="IA16" s="356">
        <v>1582149</v>
      </c>
      <c r="IB16" s="358">
        <v>2004308</v>
      </c>
      <c r="IC16" s="355">
        <v>0</v>
      </c>
      <c r="ID16" s="356">
        <v>74070424</v>
      </c>
      <c r="IE16" s="357">
        <v>70607452</v>
      </c>
      <c r="IF16" s="358">
        <v>78004621</v>
      </c>
      <c r="IG16" s="356">
        <v>77365187</v>
      </c>
      <c r="IH16" s="358">
        <v>59125403</v>
      </c>
      <c r="II16" s="359">
        <v>359173087</v>
      </c>
      <c r="IJ16" s="358">
        <v>361177395</v>
      </c>
      <c r="IK16" s="342">
        <v>0</v>
      </c>
      <c r="IL16" s="343">
        <v>0</v>
      </c>
      <c r="IM16" s="344">
        <v>0</v>
      </c>
      <c r="IN16" s="404">
        <v>0</v>
      </c>
      <c r="IO16" s="345">
        <v>1526644</v>
      </c>
      <c r="IP16" s="345">
        <v>2583842</v>
      </c>
      <c r="IQ16" s="345">
        <v>2395622</v>
      </c>
      <c r="IR16" s="345">
        <v>4558119</v>
      </c>
      <c r="IS16" s="345">
        <v>4191216</v>
      </c>
      <c r="IT16" s="346">
        <v>15255443</v>
      </c>
      <c r="IU16" s="347">
        <v>15255443</v>
      </c>
      <c r="IV16" s="348">
        <v>0</v>
      </c>
      <c r="IW16" s="345">
        <v>0</v>
      </c>
      <c r="IX16" s="349">
        <v>0</v>
      </c>
      <c r="IY16" s="413">
        <v>0</v>
      </c>
      <c r="IZ16" s="345">
        <v>142924</v>
      </c>
      <c r="JA16" s="345">
        <v>47361</v>
      </c>
      <c r="JB16" s="345">
        <v>86880</v>
      </c>
      <c r="JC16" s="345">
        <v>247772</v>
      </c>
      <c r="JD16" s="345">
        <v>253346</v>
      </c>
      <c r="JE16" s="349">
        <v>778283</v>
      </c>
      <c r="JF16" s="350">
        <v>778283</v>
      </c>
      <c r="JG16" s="348">
        <v>0</v>
      </c>
      <c r="JH16" s="345">
        <v>0</v>
      </c>
      <c r="JI16" s="346">
        <v>0</v>
      </c>
      <c r="JJ16" s="351">
        <v>0</v>
      </c>
      <c r="JK16" s="345">
        <v>24996846</v>
      </c>
      <c r="JL16" s="345">
        <v>14975968</v>
      </c>
      <c r="JM16" s="345">
        <v>11464067</v>
      </c>
      <c r="JN16" s="345">
        <v>7353298</v>
      </c>
      <c r="JO16" s="345">
        <v>3076393</v>
      </c>
      <c r="JP16" s="349">
        <v>61866572</v>
      </c>
      <c r="JQ16" s="347">
        <v>61866572</v>
      </c>
      <c r="JR16" s="348">
        <v>0</v>
      </c>
      <c r="JS16" s="345">
        <v>46338</v>
      </c>
      <c r="JT16" s="346">
        <v>46338</v>
      </c>
      <c r="JU16" s="351">
        <v>0</v>
      </c>
      <c r="JV16" s="345">
        <v>970247</v>
      </c>
      <c r="JW16" s="345">
        <v>841176</v>
      </c>
      <c r="JX16" s="345">
        <v>3098372</v>
      </c>
      <c r="JY16" s="345">
        <v>1856719</v>
      </c>
      <c r="JZ16" s="345">
        <v>1654922</v>
      </c>
      <c r="KA16" s="349">
        <v>8421436</v>
      </c>
      <c r="KB16" s="347">
        <v>8467774</v>
      </c>
      <c r="KC16" s="352">
        <v>422159</v>
      </c>
      <c r="KD16" s="353">
        <v>1040056</v>
      </c>
      <c r="KE16" s="349">
        <v>1462215</v>
      </c>
      <c r="KF16" s="351">
        <v>0</v>
      </c>
      <c r="KG16" s="345">
        <v>8244359</v>
      </c>
      <c r="KH16" s="345">
        <v>11662923</v>
      </c>
      <c r="KI16" s="345">
        <v>14736734</v>
      </c>
      <c r="KJ16" s="345">
        <v>12645891</v>
      </c>
      <c r="KK16" s="345">
        <v>9711901</v>
      </c>
      <c r="KL16" s="349">
        <v>57001808</v>
      </c>
      <c r="KM16" s="354">
        <v>58464023</v>
      </c>
      <c r="KN16" s="342">
        <v>0</v>
      </c>
      <c r="KO16" s="343">
        <v>495755</v>
      </c>
      <c r="KP16" s="344">
        <v>495755</v>
      </c>
      <c r="KQ16" s="413">
        <v>0</v>
      </c>
      <c r="KR16" s="345">
        <v>27069681</v>
      </c>
      <c r="KS16" s="345">
        <v>28717304</v>
      </c>
      <c r="KT16" s="345">
        <v>31534229</v>
      </c>
      <c r="KU16" s="345">
        <v>23732229</v>
      </c>
      <c r="KV16" s="345">
        <v>20380926</v>
      </c>
      <c r="KW16" s="349">
        <v>131434369</v>
      </c>
      <c r="KX16" s="347">
        <v>131930124</v>
      </c>
      <c r="KY16" s="348">
        <v>0</v>
      </c>
      <c r="KZ16" s="345">
        <v>0</v>
      </c>
      <c r="LA16" s="349">
        <v>0</v>
      </c>
      <c r="LB16" s="413">
        <v>0</v>
      </c>
      <c r="LC16" s="345">
        <v>6457868</v>
      </c>
      <c r="LD16" s="345">
        <v>4777045</v>
      </c>
      <c r="LE16" s="345">
        <v>5654270</v>
      </c>
      <c r="LF16" s="345">
        <v>8655584</v>
      </c>
      <c r="LG16" s="345">
        <v>6881301</v>
      </c>
      <c r="LH16" s="349">
        <v>32426068</v>
      </c>
      <c r="LI16" s="350">
        <v>32426068</v>
      </c>
      <c r="LJ16" s="348">
        <v>0</v>
      </c>
      <c r="LK16" s="345">
        <v>0</v>
      </c>
      <c r="LL16" s="349">
        <v>0</v>
      </c>
      <c r="LM16" s="413">
        <v>0</v>
      </c>
      <c r="LN16" s="345">
        <v>0</v>
      </c>
      <c r="LO16" s="345">
        <v>211920</v>
      </c>
      <c r="LP16" s="345">
        <v>1112396</v>
      </c>
      <c r="LQ16" s="345">
        <v>5057712</v>
      </c>
      <c r="LR16" s="345">
        <v>4760231</v>
      </c>
      <c r="LS16" s="349">
        <v>11142259</v>
      </c>
      <c r="LT16" s="347">
        <v>11142259</v>
      </c>
      <c r="LU16" s="348">
        <v>0</v>
      </c>
      <c r="LV16" s="345">
        <v>0</v>
      </c>
      <c r="LW16" s="349">
        <v>0</v>
      </c>
      <c r="LX16" s="413">
        <v>0</v>
      </c>
      <c r="LY16" s="345">
        <v>4661855</v>
      </c>
      <c r="LZ16" s="345">
        <v>6789913</v>
      </c>
      <c r="MA16" s="345">
        <v>7922051</v>
      </c>
      <c r="MB16" s="345">
        <v>13257863</v>
      </c>
      <c r="MC16" s="345">
        <v>8215167</v>
      </c>
      <c r="MD16" s="349">
        <v>40846849</v>
      </c>
      <c r="ME16" s="350">
        <v>40846849</v>
      </c>
      <c r="MF16" s="348">
        <v>0</v>
      </c>
      <c r="MG16" s="345">
        <v>0</v>
      </c>
      <c r="MH16" s="349">
        <v>0</v>
      </c>
      <c r="MI16" s="413">
        <v>0</v>
      </c>
      <c r="MJ16" s="345">
        <v>27132806</v>
      </c>
      <c r="MK16" s="345">
        <v>43292283</v>
      </c>
      <c r="ML16" s="345">
        <v>125250266</v>
      </c>
      <c r="MM16" s="345">
        <v>232237816</v>
      </c>
      <c r="MN16" s="345">
        <v>179425150</v>
      </c>
      <c r="MO16" s="349">
        <v>607338321</v>
      </c>
      <c r="MP16" s="354">
        <v>607338321</v>
      </c>
      <c r="MQ16" s="348">
        <v>0</v>
      </c>
      <c r="MR16" s="345">
        <v>0</v>
      </c>
      <c r="MS16" s="349">
        <v>0</v>
      </c>
      <c r="MT16" s="413">
        <v>0</v>
      </c>
      <c r="MU16" s="345">
        <v>3451361</v>
      </c>
      <c r="MV16" s="345">
        <v>12142649</v>
      </c>
      <c r="MW16" s="345">
        <v>82217265</v>
      </c>
      <c r="MX16" s="345">
        <v>171394799</v>
      </c>
      <c r="MY16" s="345">
        <v>132966993</v>
      </c>
      <c r="MZ16" s="349">
        <v>402173067</v>
      </c>
      <c r="NA16" s="354">
        <v>402173067</v>
      </c>
      <c r="NB16" s="348">
        <v>0</v>
      </c>
      <c r="NC16" s="345">
        <v>0</v>
      </c>
      <c r="ND16" s="349">
        <v>0</v>
      </c>
      <c r="NE16" s="413">
        <v>0</v>
      </c>
      <c r="NF16" s="345">
        <v>23681445</v>
      </c>
      <c r="NG16" s="345">
        <v>31149634</v>
      </c>
      <c r="NH16" s="345">
        <v>42745049</v>
      </c>
      <c r="NI16" s="345">
        <v>59336371</v>
      </c>
      <c r="NJ16" s="345">
        <v>35324402</v>
      </c>
      <c r="NK16" s="349">
        <v>192236901</v>
      </c>
      <c r="NL16" s="347">
        <v>192236901</v>
      </c>
      <c r="NM16" s="348">
        <v>0</v>
      </c>
      <c r="NN16" s="345">
        <v>0</v>
      </c>
      <c r="NO16" s="349">
        <v>0</v>
      </c>
      <c r="NP16" s="413">
        <v>0</v>
      </c>
      <c r="NQ16" s="345">
        <v>0</v>
      </c>
      <c r="NR16" s="345">
        <v>0</v>
      </c>
      <c r="NS16" s="345">
        <v>0</v>
      </c>
      <c r="NT16" s="345">
        <v>0</v>
      </c>
      <c r="NU16" s="345">
        <v>0</v>
      </c>
      <c r="NV16" s="349">
        <v>0</v>
      </c>
      <c r="NW16" s="350">
        <v>0</v>
      </c>
      <c r="NX16" s="348">
        <v>0</v>
      </c>
      <c r="NY16" s="345">
        <v>0</v>
      </c>
      <c r="NZ16" s="349">
        <v>0</v>
      </c>
      <c r="OA16" s="413">
        <v>0</v>
      </c>
      <c r="OB16" s="345">
        <v>0</v>
      </c>
      <c r="OC16" s="345">
        <v>0</v>
      </c>
      <c r="OD16" s="345">
        <v>287952</v>
      </c>
      <c r="OE16" s="345">
        <v>1506646</v>
      </c>
      <c r="OF16" s="345">
        <v>11133755</v>
      </c>
      <c r="OG16" s="349">
        <v>12928353</v>
      </c>
      <c r="OH16" s="350">
        <v>12928353</v>
      </c>
      <c r="OI16" s="348">
        <v>26757664</v>
      </c>
      <c r="OJ16" s="345">
        <v>43683394</v>
      </c>
      <c r="OK16" s="346">
        <v>70441058</v>
      </c>
      <c r="OL16" s="351">
        <v>0</v>
      </c>
      <c r="OM16" s="345">
        <v>445546874</v>
      </c>
      <c r="ON16" s="345">
        <v>401855540</v>
      </c>
      <c r="OO16" s="345">
        <v>470879112</v>
      </c>
      <c r="OP16" s="345">
        <v>569798304</v>
      </c>
      <c r="OQ16" s="345">
        <v>444197639</v>
      </c>
      <c r="OR16" s="349">
        <v>2332277469</v>
      </c>
      <c r="OS16" s="354">
        <v>2402718527</v>
      </c>
    </row>
    <row r="17" spans="2:409" s="70" customFormat="1" ht="21" customHeight="1" x14ac:dyDescent="0.2">
      <c r="B17" s="410" t="s">
        <v>11</v>
      </c>
      <c r="C17" s="326">
        <v>12747251</v>
      </c>
      <c r="D17" s="327">
        <v>16829351</v>
      </c>
      <c r="E17" s="365">
        <v>29576602</v>
      </c>
      <c r="F17" s="332">
        <v>0</v>
      </c>
      <c r="G17" s="327">
        <v>156336812</v>
      </c>
      <c r="H17" s="327">
        <v>142877904</v>
      </c>
      <c r="I17" s="327">
        <v>135120318</v>
      </c>
      <c r="J17" s="327">
        <v>144306705</v>
      </c>
      <c r="K17" s="327">
        <v>95509232</v>
      </c>
      <c r="L17" s="329">
        <v>674150971</v>
      </c>
      <c r="M17" s="330">
        <v>703727573</v>
      </c>
      <c r="N17" s="326">
        <v>1710225</v>
      </c>
      <c r="O17" s="327">
        <v>2958376</v>
      </c>
      <c r="P17" s="328">
        <v>4668601</v>
      </c>
      <c r="Q17" s="326">
        <v>0</v>
      </c>
      <c r="R17" s="327">
        <v>37646579</v>
      </c>
      <c r="S17" s="327">
        <v>39498173</v>
      </c>
      <c r="T17" s="327">
        <v>42959708</v>
      </c>
      <c r="U17" s="327">
        <v>51179440</v>
      </c>
      <c r="V17" s="327">
        <v>47463308</v>
      </c>
      <c r="W17" s="328">
        <v>218747208</v>
      </c>
      <c r="X17" s="330">
        <v>223415809</v>
      </c>
      <c r="Y17" s="326">
        <v>0</v>
      </c>
      <c r="Z17" s="327">
        <v>0</v>
      </c>
      <c r="AA17" s="328">
        <v>0</v>
      </c>
      <c r="AB17" s="326">
        <v>0</v>
      </c>
      <c r="AC17" s="327">
        <v>18557714</v>
      </c>
      <c r="AD17" s="327">
        <v>21358095</v>
      </c>
      <c r="AE17" s="327">
        <v>26267604</v>
      </c>
      <c r="AF17" s="327">
        <v>28919072</v>
      </c>
      <c r="AG17" s="327">
        <v>31444010</v>
      </c>
      <c r="AH17" s="328">
        <v>126546495</v>
      </c>
      <c r="AI17" s="330">
        <v>126546495</v>
      </c>
      <c r="AJ17" s="326">
        <v>0</v>
      </c>
      <c r="AK17" s="327">
        <v>0</v>
      </c>
      <c r="AL17" s="328">
        <v>0</v>
      </c>
      <c r="AM17" s="326">
        <v>0</v>
      </c>
      <c r="AN17" s="327">
        <v>212013</v>
      </c>
      <c r="AO17" s="327">
        <v>540904</v>
      </c>
      <c r="AP17" s="327">
        <v>1358818</v>
      </c>
      <c r="AQ17" s="327">
        <v>4079141</v>
      </c>
      <c r="AR17" s="327">
        <v>4346662</v>
      </c>
      <c r="AS17" s="328">
        <v>10537538</v>
      </c>
      <c r="AT17" s="330">
        <v>10537538</v>
      </c>
      <c r="AU17" s="326">
        <v>1040312</v>
      </c>
      <c r="AV17" s="327">
        <v>2299958</v>
      </c>
      <c r="AW17" s="328">
        <v>3340270</v>
      </c>
      <c r="AX17" s="326">
        <v>0</v>
      </c>
      <c r="AY17" s="327">
        <v>12253904</v>
      </c>
      <c r="AZ17" s="327">
        <v>10014476</v>
      </c>
      <c r="BA17" s="327">
        <v>8431740</v>
      </c>
      <c r="BB17" s="327">
        <v>10605435</v>
      </c>
      <c r="BC17" s="327">
        <v>7406711</v>
      </c>
      <c r="BD17" s="328">
        <v>48712266</v>
      </c>
      <c r="BE17" s="330">
        <v>52052536</v>
      </c>
      <c r="BF17" s="326">
        <v>127441</v>
      </c>
      <c r="BG17" s="327">
        <v>194807</v>
      </c>
      <c r="BH17" s="331">
        <v>322248</v>
      </c>
      <c r="BI17" s="332">
        <v>0</v>
      </c>
      <c r="BJ17" s="327">
        <v>951618</v>
      </c>
      <c r="BK17" s="327">
        <v>951486</v>
      </c>
      <c r="BL17" s="327">
        <v>956987</v>
      </c>
      <c r="BM17" s="327">
        <v>1178151</v>
      </c>
      <c r="BN17" s="327">
        <v>203475</v>
      </c>
      <c r="BO17" s="328">
        <v>4241717</v>
      </c>
      <c r="BP17" s="330">
        <v>4563965</v>
      </c>
      <c r="BQ17" s="326">
        <v>542472</v>
      </c>
      <c r="BR17" s="327">
        <v>463611</v>
      </c>
      <c r="BS17" s="328">
        <v>1006083</v>
      </c>
      <c r="BT17" s="326">
        <v>0</v>
      </c>
      <c r="BU17" s="327">
        <v>5671330</v>
      </c>
      <c r="BV17" s="327">
        <v>6633212</v>
      </c>
      <c r="BW17" s="327">
        <v>5944559</v>
      </c>
      <c r="BX17" s="327">
        <v>6397641</v>
      </c>
      <c r="BY17" s="327">
        <v>4062450</v>
      </c>
      <c r="BZ17" s="328">
        <v>28709192</v>
      </c>
      <c r="CA17" s="330">
        <v>29715275</v>
      </c>
      <c r="CB17" s="326">
        <v>2630715</v>
      </c>
      <c r="CC17" s="327">
        <v>3574231</v>
      </c>
      <c r="CD17" s="328">
        <v>6204946</v>
      </c>
      <c r="CE17" s="326">
        <v>0</v>
      </c>
      <c r="CF17" s="327">
        <v>49744988</v>
      </c>
      <c r="CG17" s="327">
        <v>40850982</v>
      </c>
      <c r="CH17" s="327">
        <v>33980093</v>
      </c>
      <c r="CI17" s="327">
        <v>29169215</v>
      </c>
      <c r="CJ17" s="327">
        <v>12465679</v>
      </c>
      <c r="CK17" s="328">
        <v>166210957</v>
      </c>
      <c r="CL17" s="330">
        <v>172415903</v>
      </c>
      <c r="CM17" s="326">
        <v>0</v>
      </c>
      <c r="CN17" s="327">
        <v>0</v>
      </c>
      <c r="CO17" s="328">
        <v>0</v>
      </c>
      <c r="CP17" s="332">
        <v>0</v>
      </c>
      <c r="CQ17" s="327">
        <v>39485800</v>
      </c>
      <c r="CR17" s="327">
        <v>32002340</v>
      </c>
      <c r="CS17" s="327">
        <v>27551839</v>
      </c>
      <c r="CT17" s="327">
        <v>22654467</v>
      </c>
      <c r="CU17" s="327">
        <v>10117675</v>
      </c>
      <c r="CV17" s="328">
        <v>131812121</v>
      </c>
      <c r="CW17" s="330">
        <v>131812121</v>
      </c>
      <c r="CX17" s="326">
        <v>2630715</v>
      </c>
      <c r="CY17" s="327">
        <v>3574231</v>
      </c>
      <c r="CZ17" s="328">
        <v>6204946</v>
      </c>
      <c r="DA17" s="326">
        <v>0</v>
      </c>
      <c r="DB17" s="327">
        <v>10259188</v>
      </c>
      <c r="DC17" s="327">
        <v>8848642</v>
      </c>
      <c r="DD17" s="327">
        <v>6428254</v>
      </c>
      <c r="DE17" s="327">
        <v>6514748</v>
      </c>
      <c r="DF17" s="327">
        <v>2348004</v>
      </c>
      <c r="DG17" s="328">
        <v>34398836</v>
      </c>
      <c r="DH17" s="330">
        <v>40603782</v>
      </c>
      <c r="DI17" s="326">
        <v>156329</v>
      </c>
      <c r="DJ17" s="327">
        <v>539550</v>
      </c>
      <c r="DK17" s="331">
        <v>695879</v>
      </c>
      <c r="DL17" s="332">
        <v>0</v>
      </c>
      <c r="DM17" s="327">
        <v>5421477</v>
      </c>
      <c r="DN17" s="327">
        <v>6031762</v>
      </c>
      <c r="DO17" s="327">
        <v>12014218</v>
      </c>
      <c r="DP17" s="327">
        <v>9345203</v>
      </c>
      <c r="DQ17" s="327">
        <v>5408362</v>
      </c>
      <c r="DR17" s="328">
        <v>38221022</v>
      </c>
      <c r="DS17" s="330">
        <v>38916901</v>
      </c>
      <c r="DT17" s="326">
        <v>156329</v>
      </c>
      <c r="DU17" s="327">
        <v>446056</v>
      </c>
      <c r="DV17" s="328">
        <v>602385</v>
      </c>
      <c r="DW17" s="326">
        <v>0</v>
      </c>
      <c r="DX17" s="327">
        <v>4915112</v>
      </c>
      <c r="DY17" s="327">
        <v>5518695</v>
      </c>
      <c r="DZ17" s="327">
        <v>10977053</v>
      </c>
      <c r="EA17" s="327">
        <v>8730245</v>
      </c>
      <c r="EB17" s="327">
        <v>4406624</v>
      </c>
      <c r="EC17" s="328">
        <v>34547729</v>
      </c>
      <c r="ED17" s="330">
        <v>35150114</v>
      </c>
      <c r="EE17" s="326">
        <v>0</v>
      </c>
      <c r="EF17" s="331">
        <v>93494</v>
      </c>
      <c r="EG17" s="328">
        <v>93494</v>
      </c>
      <c r="EH17" s="326">
        <v>0</v>
      </c>
      <c r="EI17" s="327">
        <v>506365</v>
      </c>
      <c r="EJ17" s="327">
        <v>513067</v>
      </c>
      <c r="EK17" s="327">
        <v>1037165</v>
      </c>
      <c r="EL17" s="327">
        <v>614958</v>
      </c>
      <c r="EM17" s="327">
        <v>1001738</v>
      </c>
      <c r="EN17" s="331">
        <v>3673293</v>
      </c>
      <c r="EO17" s="330">
        <v>3766787</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3362694</v>
      </c>
      <c r="FM17" s="327">
        <v>4331984</v>
      </c>
      <c r="FN17" s="328">
        <v>7694678</v>
      </c>
      <c r="FO17" s="326">
        <v>0</v>
      </c>
      <c r="FP17" s="327">
        <v>8840782</v>
      </c>
      <c r="FQ17" s="327">
        <v>12984344</v>
      </c>
      <c r="FR17" s="327">
        <v>10491789</v>
      </c>
      <c r="FS17" s="327">
        <v>10926692</v>
      </c>
      <c r="FT17" s="327">
        <v>6751934</v>
      </c>
      <c r="FU17" s="328">
        <v>49995541</v>
      </c>
      <c r="FV17" s="330">
        <v>57690219</v>
      </c>
      <c r="FW17" s="333">
        <v>2032042</v>
      </c>
      <c r="FX17" s="327">
        <v>3052551</v>
      </c>
      <c r="FY17" s="331">
        <v>5084593</v>
      </c>
      <c r="FZ17" s="332">
        <v>0</v>
      </c>
      <c r="GA17" s="327">
        <v>6828748</v>
      </c>
      <c r="GB17" s="327">
        <v>11772552</v>
      </c>
      <c r="GC17" s="327">
        <v>9650272</v>
      </c>
      <c r="GD17" s="327">
        <v>10712645</v>
      </c>
      <c r="GE17" s="327">
        <v>6321383</v>
      </c>
      <c r="GF17" s="328">
        <v>45285600</v>
      </c>
      <c r="GG17" s="334">
        <v>50370193</v>
      </c>
      <c r="GH17" s="333">
        <v>244536</v>
      </c>
      <c r="GI17" s="327">
        <v>284633</v>
      </c>
      <c r="GJ17" s="331">
        <v>529169</v>
      </c>
      <c r="GK17" s="332">
        <v>0</v>
      </c>
      <c r="GL17" s="327">
        <v>580223</v>
      </c>
      <c r="GM17" s="327">
        <v>389502</v>
      </c>
      <c r="GN17" s="327">
        <v>301427</v>
      </c>
      <c r="GO17" s="327">
        <v>112167</v>
      </c>
      <c r="GP17" s="327">
        <v>58140</v>
      </c>
      <c r="GQ17" s="328">
        <v>1441459</v>
      </c>
      <c r="GR17" s="330">
        <v>1970628</v>
      </c>
      <c r="GS17" s="326">
        <v>1086116</v>
      </c>
      <c r="GT17" s="327">
        <v>994800</v>
      </c>
      <c r="GU17" s="328">
        <v>2080916</v>
      </c>
      <c r="GV17" s="326">
        <v>0</v>
      </c>
      <c r="GW17" s="327">
        <v>1431811</v>
      </c>
      <c r="GX17" s="327">
        <v>822290</v>
      </c>
      <c r="GY17" s="327">
        <v>540090</v>
      </c>
      <c r="GZ17" s="327">
        <v>101880</v>
      </c>
      <c r="HA17" s="327">
        <v>372411</v>
      </c>
      <c r="HB17" s="331">
        <v>3268482</v>
      </c>
      <c r="HC17" s="330">
        <v>5349398</v>
      </c>
      <c r="HD17" s="326">
        <v>2342552</v>
      </c>
      <c r="HE17" s="327">
        <v>2552400</v>
      </c>
      <c r="HF17" s="331">
        <v>4894952</v>
      </c>
      <c r="HG17" s="332">
        <v>0</v>
      </c>
      <c r="HH17" s="327">
        <v>29760395</v>
      </c>
      <c r="HI17" s="327">
        <v>27967541</v>
      </c>
      <c r="HJ17" s="327">
        <v>23079305</v>
      </c>
      <c r="HK17" s="327">
        <v>33779177</v>
      </c>
      <c r="HL17" s="327">
        <v>18707561</v>
      </c>
      <c r="HM17" s="328">
        <v>133293979</v>
      </c>
      <c r="HN17" s="329">
        <v>138188931</v>
      </c>
      <c r="HO17" s="333">
        <v>2544736</v>
      </c>
      <c r="HP17" s="327">
        <v>2872810</v>
      </c>
      <c r="HQ17" s="328">
        <v>5417546</v>
      </c>
      <c r="HR17" s="326">
        <v>0</v>
      </c>
      <c r="HS17" s="327">
        <v>24922591</v>
      </c>
      <c r="HT17" s="327">
        <v>15545102</v>
      </c>
      <c r="HU17" s="327">
        <v>12595205</v>
      </c>
      <c r="HV17" s="327">
        <v>9906978</v>
      </c>
      <c r="HW17" s="327">
        <v>4712388</v>
      </c>
      <c r="HX17" s="331">
        <v>67682264</v>
      </c>
      <c r="HY17" s="330">
        <v>73099810</v>
      </c>
      <c r="HZ17" s="335">
        <v>105678</v>
      </c>
      <c r="IA17" s="336">
        <v>1182860</v>
      </c>
      <c r="IB17" s="337">
        <v>1288538</v>
      </c>
      <c r="IC17" s="338">
        <v>0</v>
      </c>
      <c r="ID17" s="336">
        <v>48915027</v>
      </c>
      <c r="IE17" s="339">
        <v>44795713</v>
      </c>
      <c r="IF17" s="337">
        <v>52362346</v>
      </c>
      <c r="IG17" s="336">
        <v>32394465</v>
      </c>
      <c r="IH17" s="337">
        <v>15175213</v>
      </c>
      <c r="II17" s="340">
        <v>193642764</v>
      </c>
      <c r="IJ17" s="341">
        <v>194931302</v>
      </c>
      <c r="IK17" s="342">
        <v>0</v>
      </c>
      <c r="IL17" s="343">
        <v>0</v>
      </c>
      <c r="IM17" s="344">
        <v>0</v>
      </c>
      <c r="IN17" s="404">
        <v>0</v>
      </c>
      <c r="IO17" s="345">
        <v>640454</v>
      </c>
      <c r="IP17" s="345">
        <v>726783</v>
      </c>
      <c r="IQ17" s="345">
        <v>953662</v>
      </c>
      <c r="IR17" s="345">
        <v>1043507</v>
      </c>
      <c r="IS17" s="345">
        <v>1264034</v>
      </c>
      <c r="IT17" s="346">
        <v>4628440</v>
      </c>
      <c r="IU17" s="347">
        <v>4628440</v>
      </c>
      <c r="IV17" s="348">
        <v>0</v>
      </c>
      <c r="IW17" s="345">
        <v>0</v>
      </c>
      <c r="IX17" s="349">
        <v>0</v>
      </c>
      <c r="IY17" s="413">
        <v>0</v>
      </c>
      <c r="IZ17" s="345">
        <v>248078</v>
      </c>
      <c r="JA17" s="345">
        <v>268653</v>
      </c>
      <c r="JB17" s="345">
        <v>210535</v>
      </c>
      <c r="JC17" s="345">
        <v>487430</v>
      </c>
      <c r="JD17" s="345">
        <v>154010</v>
      </c>
      <c r="JE17" s="349">
        <v>1368706</v>
      </c>
      <c r="JF17" s="350">
        <v>1368706</v>
      </c>
      <c r="JG17" s="348">
        <v>0</v>
      </c>
      <c r="JH17" s="345">
        <v>0</v>
      </c>
      <c r="JI17" s="346">
        <v>0</v>
      </c>
      <c r="JJ17" s="351">
        <v>0</v>
      </c>
      <c r="JK17" s="345">
        <v>27199142</v>
      </c>
      <c r="JL17" s="345">
        <v>19635222</v>
      </c>
      <c r="JM17" s="345">
        <v>16884783</v>
      </c>
      <c r="JN17" s="345">
        <v>9738155</v>
      </c>
      <c r="JO17" s="345">
        <v>5172833</v>
      </c>
      <c r="JP17" s="349">
        <v>78630135</v>
      </c>
      <c r="JQ17" s="347">
        <v>78630135</v>
      </c>
      <c r="JR17" s="348">
        <v>0</v>
      </c>
      <c r="JS17" s="345">
        <v>0</v>
      </c>
      <c r="JT17" s="346">
        <v>0</v>
      </c>
      <c r="JU17" s="351">
        <v>0</v>
      </c>
      <c r="JV17" s="345">
        <v>1600205</v>
      </c>
      <c r="JW17" s="345">
        <v>1558304</v>
      </c>
      <c r="JX17" s="345">
        <v>1941482</v>
      </c>
      <c r="JY17" s="345">
        <v>169437</v>
      </c>
      <c r="JZ17" s="345">
        <v>155802</v>
      </c>
      <c r="KA17" s="349">
        <v>5425230</v>
      </c>
      <c r="KB17" s="347">
        <v>5425230</v>
      </c>
      <c r="KC17" s="352">
        <v>105678</v>
      </c>
      <c r="KD17" s="353">
        <v>685975</v>
      </c>
      <c r="KE17" s="349">
        <v>791653</v>
      </c>
      <c r="KF17" s="351">
        <v>0</v>
      </c>
      <c r="KG17" s="345">
        <v>5603892</v>
      </c>
      <c r="KH17" s="345">
        <v>6808368</v>
      </c>
      <c r="KI17" s="345">
        <v>11053670</v>
      </c>
      <c r="KJ17" s="345">
        <v>5676067</v>
      </c>
      <c r="KK17" s="345">
        <v>2513099</v>
      </c>
      <c r="KL17" s="349">
        <v>31655096</v>
      </c>
      <c r="KM17" s="354">
        <v>32446749</v>
      </c>
      <c r="KN17" s="342">
        <v>0</v>
      </c>
      <c r="KO17" s="343">
        <v>496885</v>
      </c>
      <c r="KP17" s="344">
        <v>496885</v>
      </c>
      <c r="KQ17" s="413">
        <v>0</v>
      </c>
      <c r="KR17" s="345">
        <v>12219149</v>
      </c>
      <c r="KS17" s="345">
        <v>15151925</v>
      </c>
      <c r="KT17" s="345">
        <v>19643634</v>
      </c>
      <c r="KU17" s="345">
        <v>12189637</v>
      </c>
      <c r="KV17" s="345">
        <v>5290368</v>
      </c>
      <c r="KW17" s="349">
        <v>64494713</v>
      </c>
      <c r="KX17" s="347">
        <v>64991598</v>
      </c>
      <c r="KY17" s="348">
        <v>0</v>
      </c>
      <c r="KZ17" s="345">
        <v>0</v>
      </c>
      <c r="LA17" s="349">
        <v>0</v>
      </c>
      <c r="LB17" s="413">
        <v>0</v>
      </c>
      <c r="LC17" s="345">
        <v>0</v>
      </c>
      <c r="LD17" s="345">
        <v>0</v>
      </c>
      <c r="LE17" s="345">
        <v>0</v>
      </c>
      <c r="LF17" s="345">
        <v>0</v>
      </c>
      <c r="LG17" s="345">
        <v>0</v>
      </c>
      <c r="LH17" s="349">
        <v>0</v>
      </c>
      <c r="LI17" s="350">
        <v>0</v>
      </c>
      <c r="LJ17" s="348">
        <v>0</v>
      </c>
      <c r="LK17" s="345">
        <v>0</v>
      </c>
      <c r="LL17" s="349">
        <v>0</v>
      </c>
      <c r="LM17" s="413">
        <v>0</v>
      </c>
      <c r="LN17" s="345">
        <v>0</v>
      </c>
      <c r="LO17" s="345">
        <v>241947</v>
      </c>
      <c r="LP17" s="345">
        <v>264663</v>
      </c>
      <c r="LQ17" s="345">
        <v>0</v>
      </c>
      <c r="LR17" s="345">
        <v>0</v>
      </c>
      <c r="LS17" s="349">
        <v>506610</v>
      </c>
      <c r="LT17" s="347">
        <v>506610</v>
      </c>
      <c r="LU17" s="348">
        <v>0</v>
      </c>
      <c r="LV17" s="345">
        <v>0</v>
      </c>
      <c r="LW17" s="349">
        <v>0</v>
      </c>
      <c r="LX17" s="413">
        <v>0</v>
      </c>
      <c r="LY17" s="345">
        <v>1404107</v>
      </c>
      <c r="LZ17" s="345">
        <v>404511</v>
      </c>
      <c r="MA17" s="345">
        <v>1409917</v>
      </c>
      <c r="MB17" s="345">
        <v>3090232</v>
      </c>
      <c r="MC17" s="345">
        <v>625067</v>
      </c>
      <c r="MD17" s="349">
        <v>6933834</v>
      </c>
      <c r="ME17" s="350">
        <v>6933834</v>
      </c>
      <c r="MF17" s="348">
        <v>0</v>
      </c>
      <c r="MG17" s="345">
        <v>0</v>
      </c>
      <c r="MH17" s="349">
        <v>0</v>
      </c>
      <c r="MI17" s="413">
        <v>0</v>
      </c>
      <c r="MJ17" s="345">
        <v>14590631</v>
      </c>
      <c r="MK17" s="345">
        <v>26256911</v>
      </c>
      <c r="ML17" s="345">
        <v>85613841</v>
      </c>
      <c r="MM17" s="345">
        <v>143213525</v>
      </c>
      <c r="MN17" s="345">
        <v>97853439</v>
      </c>
      <c r="MO17" s="349">
        <v>367528347</v>
      </c>
      <c r="MP17" s="354">
        <v>367528347</v>
      </c>
      <c r="MQ17" s="348">
        <v>0</v>
      </c>
      <c r="MR17" s="345">
        <v>0</v>
      </c>
      <c r="MS17" s="349">
        <v>0</v>
      </c>
      <c r="MT17" s="413">
        <v>0</v>
      </c>
      <c r="MU17" s="345">
        <v>190458</v>
      </c>
      <c r="MV17" s="345">
        <v>1653292</v>
      </c>
      <c r="MW17" s="345">
        <v>44095313</v>
      </c>
      <c r="MX17" s="345">
        <v>93715586</v>
      </c>
      <c r="MY17" s="345">
        <v>59294093</v>
      </c>
      <c r="MZ17" s="349">
        <v>198948742</v>
      </c>
      <c r="NA17" s="354">
        <v>198948742</v>
      </c>
      <c r="NB17" s="348">
        <v>0</v>
      </c>
      <c r="NC17" s="345">
        <v>0</v>
      </c>
      <c r="ND17" s="349">
        <v>0</v>
      </c>
      <c r="NE17" s="413">
        <v>0</v>
      </c>
      <c r="NF17" s="345">
        <v>13467812</v>
      </c>
      <c r="NG17" s="345">
        <v>23202254</v>
      </c>
      <c r="NH17" s="345">
        <v>38032141</v>
      </c>
      <c r="NI17" s="345">
        <v>45561727</v>
      </c>
      <c r="NJ17" s="345">
        <v>26208720</v>
      </c>
      <c r="NK17" s="349">
        <v>146472654</v>
      </c>
      <c r="NL17" s="347">
        <v>146472654</v>
      </c>
      <c r="NM17" s="348">
        <v>0</v>
      </c>
      <c r="NN17" s="345">
        <v>0</v>
      </c>
      <c r="NO17" s="349">
        <v>0</v>
      </c>
      <c r="NP17" s="413">
        <v>0</v>
      </c>
      <c r="NQ17" s="345">
        <v>0</v>
      </c>
      <c r="NR17" s="345">
        <v>0</v>
      </c>
      <c r="NS17" s="345">
        <v>0</v>
      </c>
      <c r="NT17" s="345">
        <v>0</v>
      </c>
      <c r="NU17" s="345">
        <v>0</v>
      </c>
      <c r="NV17" s="349">
        <v>0</v>
      </c>
      <c r="NW17" s="350">
        <v>0</v>
      </c>
      <c r="NX17" s="348">
        <v>0</v>
      </c>
      <c r="NY17" s="345">
        <v>0</v>
      </c>
      <c r="NZ17" s="349">
        <v>0</v>
      </c>
      <c r="OA17" s="413">
        <v>0</v>
      </c>
      <c r="OB17" s="345">
        <v>932361</v>
      </c>
      <c r="OC17" s="345">
        <v>1401365</v>
      </c>
      <c r="OD17" s="345">
        <v>3486387</v>
      </c>
      <c r="OE17" s="345">
        <v>3936212</v>
      </c>
      <c r="OF17" s="345">
        <v>12350626</v>
      </c>
      <c r="OG17" s="349">
        <v>22106951</v>
      </c>
      <c r="OH17" s="350">
        <v>22106951</v>
      </c>
      <c r="OI17" s="348">
        <v>12852929</v>
      </c>
      <c r="OJ17" s="345">
        <v>18012211</v>
      </c>
      <c r="OK17" s="346">
        <v>30865140</v>
      </c>
      <c r="OL17" s="351">
        <v>0</v>
      </c>
      <c r="OM17" s="345">
        <v>219842470</v>
      </c>
      <c r="ON17" s="345">
        <v>213930528</v>
      </c>
      <c r="OO17" s="345">
        <v>273096505</v>
      </c>
      <c r="OP17" s="345">
        <v>319914695</v>
      </c>
      <c r="OQ17" s="345">
        <v>208537884</v>
      </c>
      <c r="OR17" s="349">
        <v>1235322082</v>
      </c>
      <c r="OS17" s="354">
        <v>1266187222</v>
      </c>
    </row>
    <row r="18" spans="2:409" s="70" customFormat="1" ht="21" customHeight="1" x14ac:dyDescent="0.2">
      <c r="B18" s="410" t="s">
        <v>12</v>
      </c>
      <c r="C18" s="326">
        <v>15005876</v>
      </c>
      <c r="D18" s="327">
        <v>35980289</v>
      </c>
      <c r="E18" s="328">
        <v>50986165</v>
      </c>
      <c r="F18" s="329">
        <v>0</v>
      </c>
      <c r="G18" s="327">
        <v>140599907</v>
      </c>
      <c r="H18" s="366">
        <v>166575323</v>
      </c>
      <c r="I18" s="366">
        <v>149631847</v>
      </c>
      <c r="J18" s="366">
        <v>160485257</v>
      </c>
      <c r="K18" s="366">
        <v>114428934</v>
      </c>
      <c r="L18" s="331">
        <v>731721268</v>
      </c>
      <c r="M18" s="330">
        <v>782707433</v>
      </c>
      <c r="N18" s="326">
        <v>3594895</v>
      </c>
      <c r="O18" s="327">
        <v>11229363</v>
      </c>
      <c r="P18" s="328">
        <v>14824258</v>
      </c>
      <c r="Q18" s="326">
        <v>0</v>
      </c>
      <c r="R18" s="327">
        <v>38165513</v>
      </c>
      <c r="S18" s="327">
        <v>54244189</v>
      </c>
      <c r="T18" s="327">
        <v>48520799</v>
      </c>
      <c r="U18" s="327">
        <v>67401783</v>
      </c>
      <c r="V18" s="327">
        <v>58539705</v>
      </c>
      <c r="W18" s="328">
        <v>266871989</v>
      </c>
      <c r="X18" s="330">
        <v>281696247</v>
      </c>
      <c r="Y18" s="326">
        <v>0</v>
      </c>
      <c r="Z18" s="327">
        <v>0</v>
      </c>
      <c r="AA18" s="328">
        <v>0</v>
      </c>
      <c r="AB18" s="326">
        <v>0</v>
      </c>
      <c r="AC18" s="327">
        <v>21173604</v>
      </c>
      <c r="AD18" s="327">
        <v>28296365</v>
      </c>
      <c r="AE18" s="327">
        <v>30981800</v>
      </c>
      <c r="AF18" s="327">
        <v>43289379</v>
      </c>
      <c r="AG18" s="327">
        <v>37774800</v>
      </c>
      <c r="AH18" s="328">
        <v>161515948</v>
      </c>
      <c r="AI18" s="330">
        <v>161515948</v>
      </c>
      <c r="AJ18" s="326">
        <v>0</v>
      </c>
      <c r="AK18" s="327">
        <v>136652</v>
      </c>
      <c r="AL18" s="328">
        <v>136652</v>
      </c>
      <c r="AM18" s="326">
        <v>0</v>
      </c>
      <c r="AN18" s="327">
        <v>171807</v>
      </c>
      <c r="AO18" s="327">
        <v>924535</v>
      </c>
      <c r="AP18" s="327">
        <v>914800</v>
      </c>
      <c r="AQ18" s="327">
        <v>4710318</v>
      </c>
      <c r="AR18" s="327">
        <v>4896451</v>
      </c>
      <c r="AS18" s="328">
        <v>11617911</v>
      </c>
      <c r="AT18" s="330">
        <v>11754563</v>
      </c>
      <c r="AU18" s="326">
        <v>2624581</v>
      </c>
      <c r="AV18" s="327">
        <v>8937550</v>
      </c>
      <c r="AW18" s="328">
        <v>11562131</v>
      </c>
      <c r="AX18" s="326">
        <v>0</v>
      </c>
      <c r="AY18" s="327">
        <v>11558219</v>
      </c>
      <c r="AZ18" s="327">
        <v>17464372</v>
      </c>
      <c r="BA18" s="327">
        <v>9882021</v>
      </c>
      <c r="BB18" s="327">
        <v>11693685</v>
      </c>
      <c r="BC18" s="327">
        <v>10506845</v>
      </c>
      <c r="BD18" s="328">
        <v>61105142</v>
      </c>
      <c r="BE18" s="330">
        <v>72667273</v>
      </c>
      <c r="BF18" s="326">
        <v>108777</v>
      </c>
      <c r="BG18" s="327">
        <v>822214</v>
      </c>
      <c r="BH18" s="331">
        <v>930991</v>
      </c>
      <c r="BI18" s="332">
        <v>0</v>
      </c>
      <c r="BJ18" s="327">
        <v>615343</v>
      </c>
      <c r="BK18" s="327">
        <v>1842511</v>
      </c>
      <c r="BL18" s="327">
        <v>961012</v>
      </c>
      <c r="BM18" s="327">
        <v>765702</v>
      </c>
      <c r="BN18" s="327">
        <v>417756</v>
      </c>
      <c r="BO18" s="328">
        <v>4602324</v>
      </c>
      <c r="BP18" s="330">
        <v>5533315</v>
      </c>
      <c r="BQ18" s="326">
        <v>861537</v>
      </c>
      <c r="BR18" s="327">
        <v>1332947</v>
      </c>
      <c r="BS18" s="328">
        <v>2194484</v>
      </c>
      <c r="BT18" s="326">
        <v>0</v>
      </c>
      <c r="BU18" s="327">
        <v>4646540</v>
      </c>
      <c r="BV18" s="327">
        <v>5716406</v>
      </c>
      <c r="BW18" s="327">
        <v>5781166</v>
      </c>
      <c r="BX18" s="327">
        <v>6942699</v>
      </c>
      <c r="BY18" s="327">
        <v>4943853</v>
      </c>
      <c r="BZ18" s="328">
        <v>28030664</v>
      </c>
      <c r="CA18" s="330">
        <v>30225148</v>
      </c>
      <c r="CB18" s="326">
        <v>2210400</v>
      </c>
      <c r="CC18" s="327">
        <v>5757505</v>
      </c>
      <c r="CD18" s="328">
        <v>7967905</v>
      </c>
      <c r="CE18" s="326">
        <v>0</v>
      </c>
      <c r="CF18" s="327">
        <v>44965764</v>
      </c>
      <c r="CG18" s="327">
        <v>46903172</v>
      </c>
      <c r="CH18" s="327">
        <v>37462660</v>
      </c>
      <c r="CI18" s="327">
        <v>28758903</v>
      </c>
      <c r="CJ18" s="327">
        <v>15638220</v>
      </c>
      <c r="CK18" s="328">
        <v>173728719</v>
      </c>
      <c r="CL18" s="330">
        <v>181696624</v>
      </c>
      <c r="CM18" s="326">
        <v>0</v>
      </c>
      <c r="CN18" s="327">
        <v>0</v>
      </c>
      <c r="CO18" s="328">
        <v>0</v>
      </c>
      <c r="CP18" s="332">
        <v>0</v>
      </c>
      <c r="CQ18" s="327">
        <v>38887004</v>
      </c>
      <c r="CR18" s="327">
        <v>34861563</v>
      </c>
      <c r="CS18" s="327">
        <v>28292664</v>
      </c>
      <c r="CT18" s="327">
        <v>22833118</v>
      </c>
      <c r="CU18" s="327">
        <v>12973173</v>
      </c>
      <c r="CV18" s="328">
        <v>137847522</v>
      </c>
      <c r="CW18" s="330">
        <v>137847522</v>
      </c>
      <c r="CX18" s="326">
        <v>2210400</v>
      </c>
      <c r="CY18" s="327">
        <v>5757505</v>
      </c>
      <c r="CZ18" s="328">
        <v>7967905</v>
      </c>
      <c r="DA18" s="326">
        <v>0</v>
      </c>
      <c r="DB18" s="327">
        <v>6078760</v>
      </c>
      <c r="DC18" s="327">
        <v>12041609</v>
      </c>
      <c r="DD18" s="327">
        <v>9169996</v>
      </c>
      <c r="DE18" s="327">
        <v>5925785</v>
      </c>
      <c r="DF18" s="327">
        <v>2665047</v>
      </c>
      <c r="DG18" s="328">
        <v>35881197</v>
      </c>
      <c r="DH18" s="330">
        <v>43849102</v>
      </c>
      <c r="DI18" s="326">
        <v>102487</v>
      </c>
      <c r="DJ18" s="327">
        <v>672931</v>
      </c>
      <c r="DK18" s="331">
        <v>775418</v>
      </c>
      <c r="DL18" s="332">
        <v>0</v>
      </c>
      <c r="DM18" s="327">
        <v>5161135</v>
      </c>
      <c r="DN18" s="327">
        <v>8288424</v>
      </c>
      <c r="DO18" s="327">
        <v>13223714</v>
      </c>
      <c r="DP18" s="327">
        <v>10845914</v>
      </c>
      <c r="DQ18" s="327">
        <v>6958061</v>
      </c>
      <c r="DR18" s="328">
        <v>44477248</v>
      </c>
      <c r="DS18" s="330">
        <v>45252666</v>
      </c>
      <c r="DT18" s="326">
        <v>102487</v>
      </c>
      <c r="DU18" s="327">
        <v>659323</v>
      </c>
      <c r="DV18" s="328">
        <v>761810</v>
      </c>
      <c r="DW18" s="326">
        <v>0</v>
      </c>
      <c r="DX18" s="327">
        <v>4730933</v>
      </c>
      <c r="DY18" s="327">
        <v>7903193</v>
      </c>
      <c r="DZ18" s="327">
        <v>12790816</v>
      </c>
      <c r="EA18" s="327">
        <v>10478454</v>
      </c>
      <c r="EB18" s="327">
        <v>6648615</v>
      </c>
      <c r="EC18" s="328">
        <v>42552011</v>
      </c>
      <c r="ED18" s="330">
        <v>43313821</v>
      </c>
      <c r="EE18" s="326">
        <v>0</v>
      </c>
      <c r="EF18" s="331">
        <v>13608</v>
      </c>
      <c r="EG18" s="328">
        <v>13608</v>
      </c>
      <c r="EH18" s="326">
        <v>0</v>
      </c>
      <c r="EI18" s="327">
        <v>430202</v>
      </c>
      <c r="EJ18" s="327">
        <v>385231</v>
      </c>
      <c r="EK18" s="327">
        <v>432898</v>
      </c>
      <c r="EL18" s="327">
        <v>367460</v>
      </c>
      <c r="EM18" s="327">
        <v>309446</v>
      </c>
      <c r="EN18" s="331">
        <v>1925237</v>
      </c>
      <c r="EO18" s="330">
        <v>1938845</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3642164</v>
      </c>
      <c r="FM18" s="327">
        <v>8290403</v>
      </c>
      <c r="FN18" s="328">
        <v>11932567</v>
      </c>
      <c r="FO18" s="326">
        <v>0</v>
      </c>
      <c r="FP18" s="327">
        <v>5534317</v>
      </c>
      <c r="FQ18" s="327">
        <v>16158642</v>
      </c>
      <c r="FR18" s="327">
        <v>12312279</v>
      </c>
      <c r="FS18" s="327">
        <v>13188896</v>
      </c>
      <c r="FT18" s="327">
        <v>9130515</v>
      </c>
      <c r="FU18" s="328">
        <v>56324649</v>
      </c>
      <c r="FV18" s="330">
        <v>68257216</v>
      </c>
      <c r="FW18" s="333">
        <v>2371306</v>
      </c>
      <c r="FX18" s="327">
        <v>6131130</v>
      </c>
      <c r="FY18" s="331">
        <v>8502436</v>
      </c>
      <c r="FZ18" s="332">
        <v>0</v>
      </c>
      <c r="GA18" s="327">
        <v>4161030</v>
      </c>
      <c r="GB18" s="327">
        <v>14331861</v>
      </c>
      <c r="GC18" s="327">
        <v>11029776</v>
      </c>
      <c r="GD18" s="327">
        <v>12329190</v>
      </c>
      <c r="GE18" s="327">
        <v>8724463</v>
      </c>
      <c r="GF18" s="328">
        <v>50576320</v>
      </c>
      <c r="GG18" s="334">
        <v>59078756</v>
      </c>
      <c r="GH18" s="333">
        <v>223408</v>
      </c>
      <c r="GI18" s="327">
        <v>582153</v>
      </c>
      <c r="GJ18" s="331">
        <v>805561</v>
      </c>
      <c r="GK18" s="332">
        <v>0</v>
      </c>
      <c r="GL18" s="327">
        <v>205767</v>
      </c>
      <c r="GM18" s="327">
        <v>753471</v>
      </c>
      <c r="GN18" s="327">
        <v>319413</v>
      </c>
      <c r="GO18" s="327">
        <v>466786</v>
      </c>
      <c r="GP18" s="327">
        <v>203652</v>
      </c>
      <c r="GQ18" s="328">
        <v>1949089</v>
      </c>
      <c r="GR18" s="330">
        <v>2754650</v>
      </c>
      <c r="GS18" s="326">
        <v>1047450</v>
      </c>
      <c r="GT18" s="327">
        <v>1577120</v>
      </c>
      <c r="GU18" s="328">
        <v>2624570</v>
      </c>
      <c r="GV18" s="326">
        <v>0</v>
      </c>
      <c r="GW18" s="327">
        <v>1167520</v>
      </c>
      <c r="GX18" s="327">
        <v>1073310</v>
      </c>
      <c r="GY18" s="327">
        <v>963090</v>
      </c>
      <c r="GZ18" s="327">
        <v>392920</v>
      </c>
      <c r="HA18" s="327">
        <v>202400</v>
      </c>
      <c r="HB18" s="331">
        <v>3799240</v>
      </c>
      <c r="HC18" s="330">
        <v>6423810</v>
      </c>
      <c r="HD18" s="326">
        <v>2236984</v>
      </c>
      <c r="HE18" s="327">
        <v>4413110</v>
      </c>
      <c r="HF18" s="331">
        <v>6650094</v>
      </c>
      <c r="HG18" s="332">
        <v>0</v>
      </c>
      <c r="HH18" s="327">
        <v>23019807</v>
      </c>
      <c r="HI18" s="327">
        <v>20373003</v>
      </c>
      <c r="HJ18" s="327">
        <v>23817929</v>
      </c>
      <c r="HK18" s="327">
        <v>28304520</v>
      </c>
      <c r="HL18" s="327">
        <v>17173757</v>
      </c>
      <c r="HM18" s="328">
        <v>112689016</v>
      </c>
      <c r="HN18" s="329">
        <v>119339110</v>
      </c>
      <c r="HO18" s="333">
        <v>3218946</v>
      </c>
      <c r="HP18" s="327">
        <v>5616977</v>
      </c>
      <c r="HQ18" s="328">
        <v>8835923</v>
      </c>
      <c r="HR18" s="326">
        <v>0</v>
      </c>
      <c r="HS18" s="327">
        <v>23753371</v>
      </c>
      <c r="HT18" s="327">
        <v>20607893</v>
      </c>
      <c r="HU18" s="327">
        <v>14294466</v>
      </c>
      <c r="HV18" s="327">
        <v>11985241</v>
      </c>
      <c r="HW18" s="327">
        <v>6988676</v>
      </c>
      <c r="HX18" s="331">
        <v>77629647</v>
      </c>
      <c r="HY18" s="330">
        <v>86465570</v>
      </c>
      <c r="HZ18" s="358">
        <v>0</v>
      </c>
      <c r="IA18" s="356">
        <v>91512</v>
      </c>
      <c r="IB18" s="358">
        <v>91512</v>
      </c>
      <c r="IC18" s="355">
        <v>0</v>
      </c>
      <c r="ID18" s="356">
        <v>31853669</v>
      </c>
      <c r="IE18" s="357">
        <v>41082095</v>
      </c>
      <c r="IF18" s="358">
        <v>47629517</v>
      </c>
      <c r="IG18" s="356">
        <v>41076822</v>
      </c>
      <c r="IH18" s="358">
        <v>32491020</v>
      </c>
      <c r="II18" s="359">
        <v>194133123</v>
      </c>
      <c r="IJ18" s="358">
        <v>194224635</v>
      </c>
      <c r="IK18" s="342">
        <v>0</v>
      </c>
      <c r="IL18" s="343">
        <v>0</v>
      </c>
      <c r="IM18" s="344">
        <v>0</v>
      </c>
      <c r="IN18" s="404">
        <v>0</v>
      </c>
      <c r="IO18" s="345">
        <v>624870</v>
      </c>
      <c r="IP18" s="345">
        <v>449979</v>
      </c>
      <c r="IQ18" s="345">
        <v>576652</v>
      </c>
      <c r="IR18" s="345">
        <v>1106520</v>
      </c>
      <c r="IS18" s="345">
        <v>1134844</v>
      </c>
      <c r="IT18" s="346">
        <v>3892865</v>
      </c>
      <c r="IU18" s="347">
        <v>3892865</v>
      </c>
      <c r="IV18" s="348">
        <v>0</v>
      </c>
      <c r="IW18" s="345">
        <v>0</v>
      </c>
      <c r="IX18" s="349">
        <v>0</v>
      </c>
      <c r="IY18" s="413">
        <v>0</v>
      </c>
      <c r="IZ18" s="345">
        <v>0</v>
      </c>
      <c r="JA18" s="345">
        <v>0</v>
      </c>
      <c r="JB18" s="345">
        <v>0</v>
      </c>
      <c r="JC18" s="345">
        <v>0</v>
      </c>
      <c r="JD18" s="345">
        <v>0</v>
      </c>
      <c r="JE18" s="349">
        <v>0</v>
      </c>
      <c r="JF18" s="350">
        <v>0</v>
      </c>
      <c r="JG18" s="348">
        <v>0</v>
      </c>
      <c r="JH18" s="345">
        <v>0</v>
      </c>
      <c r="JI18" s="346">
        <v>0</v>
      </c>
      <c r="JJ18" s="351">
        <v>0</v>
      </c>
      <c r="JK18" s="345">
        <v>19318507</v>
      </c>
      <c r="JL18" s="345">
        <v>15679854</v>
      </c>
      <c r="JM18" s="345">
        <v>11316257</v>
      </c>
      <c r="JN18" s="345">
        <v>5723468</v>
      </c>
      <c r="JO18" s="345">
        <v>3602217</v>
      </c>
      <c r="JP18" s="349">
        <v>55640303</v>
      </c>
      <c r="JQ18" s="347">
        <v>55640303</v>
      </c>
      <c r="JR18" s="348">
        <v>0</v>
      </c>
      <c r="JS18" s="345">
        <v>0</v>
      </c>
      <c r="JT18" s="346">
        <v>0</v>
      </c>
      <c r="JU18" s="351">
        <v>0</v>
      </c>
      <c r="JV18" s="345">
        <v>451872</v>
      </c>
      <c r="JW18" s="345">
        <v>153941</v>
      </c>
      <c r="JX18" s="345">
        <v>39309</v>
      </c>
      <c r="JY18" s="345">
        <v>113967</v>
      </c>
      <c r="JZ18" s="345">
        <v>248268</v>
      </c>
      <c r="KA18" s="349">
        <v>1007357</v>
      </c>
      <c r="KB18" s="347">
        <v>1007357</v>
      </c>
      <c r="KC18" s="352">
        <v>0</v>
      </c>
      <c r="KD18" s="353">
        <v>91512</v>
      </c>
      <c r="KE18" s="349">
        <v>91512</v>
      </c>
      <c r="KF18" s="351">
        <v>0</v>
      </c>
      <c r="KG18" s="345">
        <v>3578071</v>
      </c>
      <c r="KH18" s="345">
        <v>8067367</v>
      </c>
      <c r="KI18" s="345">
        <v>12661586</v>
      </c>
      <c r="KJ18" s="345">
        <v>11092098</v>
      </c>
      <c r="KK18" s="345">
        <v>10135434</v>
      </c>
      <c r="KL18" s="349">
        <v>45534556</v>
      </c>
      <c r="KM18" s="354">
        <v>45626068</v>
      </c>
      <c r="KN18" s="342">
        <v>0</v>
      </c>
      <c r="KO18" s="343">
        <v>0</v>
      </c>
      <c r="KP18" s="344">
        <v>0</v>
      </c>
      <c r="KQ18" s="413">
        <v>0</v>
      </c>
      <c r="KR18" s="345">
        <v>6474586</v>
      </c>
      <c r="KS18" s="345">
        <v>11936827</v>
      </c>
      <c r="KT18" s="345">
        <v>10963918</v>
      </c>
      <c r="KU18" s="345">
        <v>8724019</v>
      </c>
      <c r="KV18" s="345">
        <v>9378593</v>
      </c>
      <c r="KW18" s="349">
        <v>47477943</v>
      </c>
      <c r="KX18" s="347">
        <v>47477943</v>
      </c>
      <c r="KY18" s="348">
        <v>0</v>
      </c>
      <c r="KZ18" s="345">
        <v>0</v>
      </c>
      <c r="LA18" s="349">
        <v>0</v>
      </c>
      <c r="LB18" s="413">
        <v>0</v>
      </c>
      <c r="LC18" s="345">
        <v>0</v>
      </c>
      <c r="LD18" s="345">
        <v>1124763</v>
      </c>
      <c r="LE18" s="345">
        <v>1810382</v>
      </c>
      <c r="LF18" s="345">
        <v>2382888</v>
      </c>
      <c r="LG18" s="345">
        <v>1255601</v>
      </c>
      <c r="LH18" s="349">
        <v>6573634</v>
      </c>
      <c r="LI18" s="350">
        <v>6573634</v>
      </c>
      <c r="LJ18" s="348">
        <v>0</v>
      </c>
      <c r="LK18" s="345">
        <v>0</v>
      </c>
      <c r="LL18" s="349">
        <v>0</v>
      </c>
      <c r="LM18" s="413">
        <v>0</v>
      </c>
      <c r="LN18" s="345">
        <v>0</v>
      </c>
      <c r="LO18" s="345">
        <v>0</v>
      </c>
      <c r="LP18" s="345">
        <v>3336206</v>
      </c>
      <c r="LQ18" s="345">
        <v>4100293</v>
      </c>
      <c r="LR18" s="345">
        <v>1298584</v>
      </c>
      <c r="LS18" s="349">
        <v>8735083</v>
      </c>
      <c r="LT18" s="347">
        <v>8735083</v>
      </c>
      <c r="LU18" s="348">
        <v>0</v>
      </c>
      <c r="LV18" s="345">
        <v>0</v>
      </c>
      <c r="LW18" s="349">
        <v>0</v>
      </c>
      <c r="LX18" s="413">
        <v>0</v>
      </c>
      <c r="LY18" s="345">
        <v>1405763</v>
      </c>
      <c r="LZ18" s="345">
        <v>3669364</v>
      </c>
      <c r="MA18" s="345">
        <v>6925207</v>
      </c>
      <c r="MB18" s="345">
        <v>7833569</v>
      </c>
      <c r="MC18" s="345">
        <v>5437479</v>
      </c>
      <c r="MD18" s="349">
        <v>25271382</v>
      </c>
      <c r="ME18" s="350">
        <v>25271382</v>
      </c>
      <c r="MF18" s="348">
        <v>0</v>
      </c>
      <c r="MG18" s="345">
        <v>0</v>
      </c>
      <c r="MH18" s="349">
        <v>0</v>
      </c>
      <c r="MI18" s="413">
        <v>0</v>
      </c>
      <c r="MJ18" s="345">
        <v>10455064</v>
      </c>
      <c r="MK18" s="345">
        <v>29449710</v>
      </c>
      <c r="ML18" s="345">
        <v>102164863</v>
      </c>
      <c r="MM18" s="345">
        <v>157099577</v>
      </c>
      <c r="MN18" s="345">
        <v>92399102</v>
      </c>
      <c r="MO18" s="349">
        <v>391568316</v>
      </c>
      <c r="MP18" s="354">
        <v>391568316</v>
      </c>
      <c r="MQ18" s="348">
        <v>0</v>
      </c>
      <c r="MR18" s="345">
        <v>0</v>
      </c>
      <c r="MS18" s="349">
        <v>0</v>
      </c>
      <c r="MT18" s="413">
        <v>0</v>
      </c>
      <c r="MU18" s="345">
        <v>676178</v>
      </c>
      <c r="MV18" s="345">
        <v>5187222</v>
      </c>
      <c r="MW18" s="345">
        <v>52286354</v>
      </c>
      <c r="MX18" s="345">
        <v>99845975</v>
      </c>
      <c r="MY18" s="345">
        <v>63214250</v>
      </c>
      <c r="MZ18" s="349">
        <v>221209979</v>
      </c>
      <c r="NA18" s="354">
        <v>221209979</v>
      </c>
      <c r="NB18" s="348">
        <v>0</v>
      </c>
      <c r="NC18" s="345">
        <v>0</v>
      </c>
      <c r="ND18" s="349">
        <v>0</v>
      </c>
      <c r="NE18" s="413">
        <v>0</v>
      </c>
      <c r="NF18" s="345">
        <v>9778886</v>
      </c>
      <c r="NG18" s="345">
        <v>23980761</v>
      </c>
      <c r="NH18" s="345">
        <v>48454089</v>
      </c>
      <c r="NI18" s="345">
        <v>51322038</v>
      </c>
      <c r="NJ18" s="345">
        <v>23935479</v>
      </c>
      <c r="NK18" s="349">
        <v>157471253</v>
      </c>
      <c r="NL18" s="347">
        <v>157471253</v>
      </c>
      <c r="NM18" s="348">
        <v>0</v>
      </c>
      <c r="NN18" s="345">
        <v>0</v>
      </c>
      <c r="NO18" s="349">
        <v>0</v>
      </c>
      <c r="NP18" s="413">
        <v>0</v>
      </c>
      <c r="NQ18" s="345">
        <v>0</v>
      </c>
      <c r="NR18" s="345">
        <v>0</v>
      </c>
      <c r="NS18" s="345">
        <v>0</v>
      </c>
      <c r="NT18" s="345">
        <v>0</v>
      </c>
      <c r="NU18" s="345">
        <v>0</v>
      </c>
      <c r="NV18" s="349">
        <v>0</v>
      </c>
      <c r="NW18" s="350">
        <v>0</v>
      </c>
      <c r="NX18" s="348">
        <v>0</v>
      </c>
      <c r="NY18" s="345">
        <v>0</v>
      </c>
      <c r="NZ18" s="349">
        <v>0</v>
      </c>
      <c r="OA18" s="413">
        <v>0</v>
      </c>
      <c r="OB18" s="345">
        <v>0</v>
      </c>
      <c r="OC18" s="345">
        <v>281727</v>
      </c>
      <c r="OD18" s="345">
        <v>1424420</v>
      </c>
      <c r="OE18" s="345">
        <v>5931564</v>
      </c>
      <c r="OF18" s="345">
        <v>5249373</v>
      </c>
      <c r="OG18" s="349">
        <v>12887084</v>
      </c>
      <c r="OH18" s="350">
        <v>12887084</v>
      </c>
      <c r="OI18" s="348">
        <v>15005876</v>
      </c>
      <c r="OJ18" s="345">
        <v>36071801</v>
      </c>
      <c r="OK18" s="346">
        <v>51077677</v>
      </c>
      <c r="OL18" s="351">
        <v>0</v>
      </c>
      <c r="OM18" s="345">
        <v>182908640</v>
      </c>
      <c r="ON18" s="345">
        <v>237107128</v>
      </c>
      <c r="OO18" s="345">
        <v>299426227</v>
      </c>
      <c r="OP18" s="345">
        <v>358661656</v>
      </c>
      <c r="OQ18" s="345">
        <v>239319056</v>
      </c>
      <c r="OR18" s="349">
        <v>1317422707</v>
      </c>
      <c r="OS18" s="354">
        <v>1368500384</v>
      </c>
    </row>
    <row r="19" spans="2:409" s="70" customFormat="1" ht="21" customHeight="1" x14ac:dyDescent="0.2">
      <c r="B19" s="410" t="s">
        <v>13</v>
      </c>
      <c r="C19" s="326">
        <v>2930183</v>
      </c>
      <c r="D19" s="327">
        <v>5451447</v>
      </c>
      <c r="E19" s="328">
        <v>8381630</v>
      </c>
      <c r="F19" s="326">
        <v>0</v>
      </c>
      <c r="G19" s="366">
        <v>52522584</v>
      </c>
      <c r="H19" s="327">
        <v>68804169</v>
      </c>
      <c r="I19" s="327">
        <v>59268214</v>
      </c>
      <c r="J19" s="327">
        <v>59255411</v>
      </c>
      <c r="K19" s="327">
        <v>52447681</v>
      </c>
      <c r="L19" s="331">
        <v>292298059</v>
      </c>
      <c r="M19" s="330">
        <v>300679689</v>
      </c>
      <c r="N19" s="326">
        <v>685253</v>
      </c>
      <c r="O19" s="327">
        <v>1171039</v>
      </c>
      <c r="P19" s="328">
        <v>1856292</v>
      </c>
      <c r="Q19" s="326">
        <v>0</v>
      </c>
      <c r="R19" s="327">
        <v>15070829</v>
      </c>
      <c r="S19" s="327">
        <v>23025307</v>
      </c>
      <c r="T19" s="327">
        <v>19893346</v>
      </c>
      <c r="U19" s="327">
        <v>23132085</v>
      </c>
      <c r="V19" s="327">
        <v>26250423</v>
      </c>
      <c r="W19" s="328">
        <v>107371990</v>
      </c>
      <c r="X19" s="330">
        <v>109228282</v>
      </c>
      <c r="Y19" s="326">
        <v>0</v>
      </c>
      <c r="Z19" s="327">
        <v>0</v>
      </c>
      <c r="AA19" s="328">
        <v>0</v>
      </c>
      <c r="AB19" s="326">
        <v>0</v>
      </c>
      <c r="AC19" s="327">
        <v>6705871</v>
      </c>
      <c r="AD19" s="327">
        <v>10779711</v>
      </c>
      <c r="AE19" s="327">
        <v>10861381</v>
      </c>
      <c r="AF19" s="327">
        <v>14705251</v>
      </c>
      <c r="AG19" s="327">
        <v>16919671</v>
      </c>
      <c r="AH19" s="328">
        <v>59971885</v>
      </c>
      <c r="AI19" s="330">
        <v>59971885</v>
      </c>
      <c r="AJ19" s="326">
        <v>0</v>
      </c>
      <c r="AK19" s="327">
        <v>0</v>
      </c>
      <c r="AL19" s="328">
        <v>0</v>
      </c>
      <c r="AM19" s="326">
        <v>0</v>
      </c>
      <c r="AN19" s="327">
        <v>52818</v>
      </c>
      <c r="AO19" s="327">
        <v>116570</v>
      </c>
      <c r="AP19" s="327">
        <v>346257</v>
      </c>
      <c r="AQ19" s="327">
        <v>1315326</v>
      </c>
      <c r="AR19" s="327">
        <v>2355107</v>
      </c>
      <c r="AS19" s="328">
        <v>4186078</v>
      </c>
      <c r="AT19" s="330">
        <v>4186078</v>
      </c>
      <c r="AU19" s="326">
        <v>374965</v>
      </c>
      <c r="AV19" s="327">
        <v>733962</v>
      </c>
      <c r="AW19" s="328">
        <v>1108927</v>
      </c>
      <c r="AX19" s="326">
        <v>0</v>
      </c>
      <c r="AY19" s="327">
        <v>4627880</v>
      </c>
      <c r="AZ19" s="327">
        <v>8275344</v>
      </c>
      <c r="BA19" s="327">
        <v>5090484</v>
      </c>
      <c r="BB19" s="327">
        <v>3950388</v>
      </c>
      <c r="BC19" s="327">
        <v>3813638</v>
      </c>
      <c r="BD19" s="328">
        <v>25757734</v>
      </c>
      <c r="BE19" s="330">
        <v>26866661</v>
      </c>
      <c r="BF19" s="326">
        <v>62151</v>
      </c>
      <c r="BG19" s="327">
        <v>117178</v>
      </c>
      <c r="BH19" s="331">
        <v>179329</v>
      </c>
      <c r="BI19" s="332">
        <v>0</v>
      </c>
      <c r="BJ19" s="327">
        <v>624248</v>
      </c>
      <c r="BK19" s="327">
        <v>531059</v>
      </c>
      <c r="BL19" s="327">
        <v>549812</v>
      </c>
      <c r="BM19" s="327">
        <v>159505</v>
      </c>
      <c r="BN19" s="327">
        <v>317844</v>
      </c>
      <c r="BO19" s="328">
        <v>2182468</v>
      </c>
      <c r="BP19" s="330">
        <v>2361797</v>
      </c>
      <c r="BQ19" s="326">
        <v>248137</v>
      </c>
      <c r="BR19" s="327">
        <v>319899</v>
      </c>
      <c r="BS19" s="328">
        <v>568036</v>
      </c>
      <c r="BT19" s="326">
        <v>0</v>
      </c>
      <c r="BU19" s="327">
        <v>3060012</v>
      </c>
      <c r="BV19" s="327">
        <v>3322623</v>
      </c>
      <c r="BW19" s="327">
        <v>3045412</v>
      </c>
      <c r="BX19" s="327">
        <v>3001615</v>
      </c>
      <c r="BY19" s="327">
        <v>2844163</v>
      </c>
      <c r="BZ19" s="328">
        <v>15273825</v>
      </c>
      <c r="CA19" s="330">
        <v>15841861</v>
      </c>
      <c r="CB19" s="326">
        <v>256546</v>
      </c>
      <c r="CC19" s="327">
        <v>728924</v>
      </c>
      <c r="CD19" s="328">
        <v>985470</v>
      </c>
      <c r="CE19" s="326">
        <v>0</v>
      </c>
      <c r="CF19" s="327">
        <v>10164142</v>
      </c>
      <c r="CG19" s="327">
        <v>16425808</v>
      </c>
      <c r="CH19" s="327">
        <v>11352794</v>
      </c>
      <c r="CI19" s="327">
        <v>7771577</v>
      </c>
      <c r="CJ19" s="327">
        <v>4911295</v>
      </c>
      <c r="CK19" s="328">
        <v>50625616</v>
      </c>
      <c r="CL19" s="330">
        <v>51611086</v>
      </c>
      <c r="CM19" s="326">
        <v>0</v>
      </c>
      <c r="CN19" s="327">
        <v>0</v>
      </c>
      <c r="CO19" s="328">
        <v>0</v>
      </c>
      <c r="CP19" s="332">
        <v>0</v>
      </c>
      <c r="CQ19" s="327">
        <v>8608035</v>
      </c>
      <c r="CR19" s="327">
        <v>14076807</v>
      </c>
      <c r="CS19" s="327">
        <v>9636646</v>
      </c>
      <c r="CT19" s="327">
        <v>5845611</v>
      </c>
      <c r="CU19" s="327">
        <v>3593134</v>
      </c>
      <c r="CV19" s="328">
        <v>41760233</v>
      </c>
      <c r="CW19" s="330">
        <v>41760233</v>
      </c>
      <c r="CX19" s="326">
        <v>256546</v>
      </c>
      <c r="CY19" s="327">
        <v>728924</v>
      </c>
      <c r="CZ19" s="328">
        <v>985470</v>
      </c>
      <c r="DA19" s="326">
        <v>0</v>
      </c>
      <c r="DB19" s="327">
        <v>1556107</v>
      </c>
      <c r="DC19" s="327">
        <v>2349001</v>
      </c>
      <c r="DD19" s="327">
        <v>1716148</v>
      </c>
      <c r="DE19" s="327">
        <v>1925966</v>
      </c>
      <c r="DF19" s="327">
        <v>1318161</v>
      </c>
      <c r="DG19" s="328">
        <v>8865383</v>
      </c>
      <c r="DH19" s="330">
        <v>9850853</v>
      </c>
      <c r="DI19" s="326">
        <v>0</v>
      </c>
      <c r="DJ19" s="327">
        <v>0</v>
      </c>
      <c r="DK19" s="331">
        <v>0</v>
      </c>
      <c r="DL19" s="332">
        <v>0</v>
      </c>
      <c r="DM19" s="327">
        <v>1167385</v>
      </c>
      <c r="DN19" s="327">
        <v>2001223</v>
      </c>
      <c r="DO19" s="327">
        <v>3842642</v>
      </c>
      <c r="DP19" s="327">
        <v>4174684</v>
      </c>
      <c r="DQ19" s="327">
        <v>4108628</v>
      </c>
      <c r="DR19" s="328">
        <v>15294562</v>
      </c>
      <c r="DS19" s="330">
        <v>15294562</v>
      </c>
      <c r="DT19" s="326">
        <v>0</v>
      </c>
      <c r="DU19" s="327">
        <v>0</v>
      </c>
      <c r="DV19" s="328">
        <v>0</v>
      </c>
      <c r="DW19" s="326">
        <v>0</v>
      </c>
      <c r="DX19" s="327">
        <v>929968</v>
      </c>
      <c r="DY19" s="327">
        <v>1709943</v>
      </c>
      <c r="DZ19" s="327">
        <v>3444205</v>
      </c>
      <c r="EA19" s="327">
        <v>3791579</v>
      </c>
      <c r="EB19" s="327">
        <v>3836808</v>
      </c>
      <c r="EC19" s="328">
        <v>13712503</v>
      </c>
      <c r="ED19" s="330">
        <v>13712503</v>
      </c>
      <c r="EE19" s="326">
        <v>0</v>
      </c>
      <c r="EF19" s="331">
        <v>0</v>
      </c>
      <c r="EG19" s="328">
        <v>0</v>
      </c>
      <c r="EH19" s="326">
        <v>0</v>
      </c>
      <c r="EI19" s="327">
        <v>237417</v>
      </c>
      <c r="EJ19" s="327">
        <v>291280</v>
      </c>
      <c r="EK19" s="327">
        <v>398437</v>
      </c>
      <c r="EL19" s="327">
        <v>383105</v>
      </c>
      <c r="EM19" s="327">
        <v>271820</v>
      </c>
      <c r="EN19" s="331">
        <v>1582059</v>
      </c>
      <c r="EO19" s="330">
        <v>1582059</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786192</v>
      </c>
      <c r="FM19" s="327">
        <v>1465653</v>
      </c>
      <c r="FN19" s="328">
        <v>2251845</v>
      </c>
      <c r="FO19" s="326">
        <v>0</v>
      </c>
      <c r="FP19" s="327">
        <v>2775744</v>
      </c>
      <c r="FQ19" s="327">
        <v>5960539</v>
      </c>
      <c r="FR19" s="327">
        <v>4663971</v>
      </c>
      <c r="FS19" s="327">
        <v>4120351</v>
      </c>
      <c r="FT19" s="327">
        <v>2856286</v>
      </c>
      <c r="FU19" s="328">
        <v>20376891</v>
      </c>
      <c r="FV19" s="330">
        <v>22628736</v>
      </c>
      <c r="FW19" s="333">
        <v>441123</v>
      </c>
      <c r="FX19" s="327">
        <v>989379</v>
      </c>
      <c r="FY19" s="331">
        <v>1430502</v>
      </c>
      <c r="FZ19" s="332">
        <v>0</v>
      </c>
      <c r="GA19" s="327">
        <v>1934161</v>
      </c>
      <c r="GB19" s="327">
        <v>5467116</v>
      </c>
      <c r="GC19" s="327">
        <v>3991635</v>
      </c>
      <c r="GD19" s="327">
        <v>3519373</v>
      </c>
      <c r="GE19" s="327">
        <v>2787580</v>
      </c>
      <c r="GF19" s="328">
        <v>17699865</v>
      </c>
      <c r="GG19" s="334">
        <v>19130367</v>
      </c>
      <c r="GH19" s="333">
        <v>22869</v>
      </c>
      <c r="GI19" s="327">
        <v>56265</v>
      </c>
      <c r="GJ19" s="331">
        <v>79134</v>
      </c>
      <c r="GK19" s="332">
        <v>0</v>
      </c>
      <c r="GL19" s="327">
        <v>176335</v>
      </c>
      <c r="GM19" s="327">
        <v>103323</v>
      </c>
      <c r="GN19" s="327">
        <v>218336</v>
      </c>
      <c r="GO19" s="327">
        <v>268342</v>
      </c>
      <c r="GP19" s="327">
        <v>48906</v>
      </c>
      <c r="GQ19" s="328">
        <v>815242</v>
      </c>
      <c r="GR19" s="330">
        <v>894376</v>
      </c>
      <c r="GS19" s="326">
        <v>322200</v>
      </c>
      <c r="GT19" s="327">
        <v>420009</v>
      </c>
      <c r="GU19" s="328">
        <v>742209</v>
      </c>
      <c r="GV19" s="326">
        <v>0</v>
      </c>
      <c r="GW19" s="327">
        <v>665248</v>
      </c>
      <c r="GX19" s="327">
        <v>390100</v>
      </c>
      <c r="GY19" s="327">
        <v>454000</v>
      </c>
      <c r="GZ19" s="327">
        <v>332636</v>
      </c>
      <c r="HA19" s="327">
        <v>19800</v>
      </c>
      <c r="HB19" s="331">
        <v>1861784</v>
      </c>
      <c r="HC19" s="330">
        <v>2603993</v>
      </c>
      <c r="HD19" s="326">
        <v>682387</v>
      </c>
      <c r="HE19" s="327">
        <v>1068192</v>
      </c>
      <c r="HF19" s="331">
        <v>1750579</v>
      </c>
      <c r="HG19" s="332">
        <v>0</v>
      </c>
      <c r="HH19" s="327">
        <v>14173395</v>
      </c>
      <c r="HI19" s="327">
        <v>12654168</v>
      </c>
      <c r="HJ19" s="327">
        <v>14043617</v>
      </c>
      <c r="HK19" s="327">
        <v>16297311</v>
      </c>
      <c r="HL19" s="327">
        <v>11583755</v>
      </c>
      <c r="HM19" s="328">
        <v>68752246</v>
      </c>
      <c r="HN19" s="329">
        <v>70502825</v>
      </c>
      <c r="HO19" s="333">
        <v>519805</v>
      </c>
      <c r="HP19" s="327">
        <v>1017639</v>
      </c>
      <c r="HQ19" s="328">
        <v>1537444</v>
      </c>
      <c r="HR19" s="326">
        <v>0</v>
      </c>
      <c r="HS19" s="327">
        <v>9171089</v>
      </c>
      <c r="HT19" s="327">
        <v>8737124</v>
      </c>
      <c r="HU19" s="327">
        <v>5471844</v>
      </c>
      <c r="HV19" s="327">
        <v>3759403</v>
      </c>
      <c r="HW19" s="327">
        <v>2737294</v>
      </c>
      <c r="HX19" s="331">
        <v>29876754</v>
      </c>
      <c r="HY19" s="330">
        <v>31414198</v>
      </c>
      <c r="HZ19" s="335">
        <v>33099</v>
      </c>
      <c r="IA19" s="336">
        <v>66888</v>
      </c>
      <c r="IB19" s="337">
        <v>99987</v>
      </c>
      <c r="IC19" s="338">
        <v>0</v>
      </c>
      <c r="ID19" s="336">
        <v>11311552</v>
      </c>
      <c r="IE19" s="339">
        <v>15050370</v>
      </c>
      <c r="IF19" s="337">
        <v>13461104</v>
      </c>
      <c r="IG19" s="336">
        <v>11113751</v>
      </c>
      <c r="IH19" s="337">
        <v>6931142</v>
      </c>
      <c r="II19" s="340">
        <v>57867919</v>
      </c>
      <c r="IJ19" s="341">
        <v>57967906</v>
      </c>
      <c r="IK19" s="342">
        <v>0</v>
      </c>
      <c r="IL19" s="343">
        <v>0</v>
      </c>
      <c r="IM19" s="344">
        <v>0</v>
      </c>
      <c r="IN19" s="404">
        <v>0</v>
      </c>
      <c r="IO19" s="345">
        <v>183185</v>
      </c>
      <c r="IP19" s="345">
        <v>131545</v>
      </c>
      <c r="IQ19" s="345">
        <v>161343</v>
      </c>
      <c r="IR19" s="345">
        <v>0</v>
      </c>
      <c r="IS19" s="345">
        <v>620444</v>
      </c>
      <c r="IT19" s="346">
        <v>1096517</v>
      </c>
      <c r="IU19" s="347">
        <v>1096517</v>
      </c>
      <c r="IV19" s="348">
        <v>0</v>
      </c>
      <c r="IW19" s="345">
        <v>0</v>
      </c>
      <c r="IX19" s="349">
        <v>0</v>
      </c>
      <c r="IY19" s="413">
        <v>0</v>
      </c>
      <c r="IZ19" s="345">
        <v>0</v>
      </c>
      <c r="JA19" s="345">
        <v>0</v>
      </c>
      <c r="JB19" s="345">
        <v>0</v>
      </c>
      <c r="JC19" s="345">
        <v>0</v>
      </c>
      <c r="JD19" s="345">
        <v>0</v>
      </c>
      <c r="JE19" s="349">
        <v>0</v>
      </c>
      <c r="JF19" s="350">
        <v>0</v>
      </c>
      <c r="JG19" s="348">
        <v>0</v>
      </c>
      <c r="JH19" s="345">
        <v>0</v>
      </c>
      <c r="JI19" s="346">
        <v>0</v>
      </c>
      <c r="JJ19" s="351">
        <v>0</v>
      </c>
      <c r="JK19" s="345">
        <v>5841151</v>
      </c>
      <c r="JL19" s="345">
        <v>8558780</v>
      </c>
      <c r="JM19" s="345">
        <v>5691964</v>
      </c>
      <c r="JN19" s="345">
        <v>3565933</v>
      </c>
      <c r="JO19" s="345">
        <v>1781459</v>
      </c>
      <c r="JP19" s="349">
        <v>25439287</v>
      </c>
      <c r="JQ19" s="347">
        <v>25439287</v>
      </c>
      <c r="JR19" s="348">
        <v>0</v>
      </c>
      <c r="JS19" s="345">
        <v>0</v>
      </c>
      <c r="JT19" s="346">
        <v>0</v>
      </c>
      <c r="JU19" s="351">
        <v>0</v>
      </c>
      <c r="JV19" s="345">
        <v>136138</v>
      </c>
      <c r="JW19" s="345">
        <v>523761</v>
      </c>
      <c r="JX19" s="345">
        <v>1489441</v>
      </c>
      <c r="JY19" s="345">
        <v>793864</v>
      </c>
      <c r="JZ19" s="345">
        <v>814813</v>
      </c>
      <c r="KA19" s="349">
        <v>3758017</v>
      </c>
      <c r="KB19" s="347">
        <v>3758017</v>
      </c>
      <c r="KC19" s="352">
        <v>33099</v>
      </c>
      <c r="KD19" s="353">
        <v>66888</v>
      </c>
      <c r="KE19" s="349">
        <v>99987</v>
      </c>
      <c r="KF19" s="351">
        <v>0</v>
      </c>
      <c r="KG19" s="345">
        <v>1352775</v>
      </c>
      <c r="KH19" s="345">
        <v>1762754</v>
      </c>
      <c r="KI19" s="345">
        <v>1903970</v>
      </c>
      <c r="KJ19" s="345">
        <v>7180</v>
      </c>
      <c r="KK19" s="345">
        <v>1130390</v>
      </c>
      <c r="KL19" s="349">
        <v>6157069</v>
      </c>
      <c r="KM19" s="354">
        <v>6257056</v>
      </c>
      <c r="KN19" s="342">
        <v>0</v>
      </c>
      <c r="KO19" s="343">
        <v>0</v>
      </c>
      <c r="KP19" s="344">
        <v>0</v>
      </c>
      <c r="KQ19" s="413">
        <v>0</v>
      </c>
      <c r="KR19" s="345">
        <v>3103551</v>
      </c>
      <c r="KS19" s="345">
        <v>3878385</v>
      </c>
      <c r="KT19" s="345">
        <v>3688550</v>
      </c>
      <c r="KU19" s="345">
        <v>5556429</v>
      </c>
      <c r="KV19" s="345">
        <v>2323873</v>
      </c>
      <c r="KW19" s="349">
        <v>18550788</v>
      </c>
      <c r="KX19" s="347">
        <v>18550788</v>
      </c>
      <c r="KY19" s="348">
        <v>0</v>
      </c>
      <c r="KZ19" s="345">
        <v>0</v>
      </c>
      <c r="LA19" s="349">
        <v>0</v>
      </c>
      <c r="LB19" s="413">
        <v>0</v>
      </c>
      <c r="LC19" s="345">
        <v>694752</v>
      </c>
      <c r="LD19" s="345">
        <v>195145</v>
      </c>
      <c r="LE19" s="345">
        <v>525836</v>
      </c>
      <c r="LF19" s="345">
        <v>1190345</v>
      </c>
      <c r="LG19" s="345">
        <v>260163</v>
      </c>
      <c r="LH19" s="349">
        <v>2866241</v>
      </c>
      <c r="LI19" s="350">
        <v>2866241</v>
      </c>
      <c r="LJ19" s="348">
        <v>0</v>
      </c>
      <c r="LK19" s="345">
        <v>0</v>
      </c>
      <c r="LL19" s="349">
        <v>0</v>
      </c>
      <c r="LM19" s="413">
        <v>0</v>
      </c>
      <c r="LN19" s="345">
        <v>0</v>
      </c>
      <c r="LO19" s="345">
        <v>0</v>
      </c>
      <c r="LP19" s="345">
        <v>0</v>
      </c>
      <c r="LQ19" s="345">
        <v>0</v>
      </c>
      <c r="LR19" s="345">
        <v>0</v>
      </c>
      <c r="LS19" s="349">
        <v>0</v>
      </c>
      <c r="LT19" s="347">
        <v>0</v>
      </c>
      <c r="LU19" s="348">
        <v>0</v>
      </c>
      <c r="LV19" s="345">
        <v>0</v>
      </c>
      <c r="LW19" s="349">
        <v>0</v>
      </c>
      <c r="LX19" s="413">
        <v>0</v>
      </c>
      <c r="LY19" s="345">
        <v>0</v>
      </c>
      <c r="LZ19" s="345">
        <v>0</v>
      </c>
      <c r="MA19" s="345">
        <v>0</v>
      </c>
      <c r="MB19" s="345">
        <v>0</v>
      </c>
      <c r="MC19" s="345">
        <v>0</v>
      </c>
      <c r="MD19" s="349">
        <v>0</v>
      </c>
      <c r="ME19" s="350">
        <v>0</v>
      </c>
      <c r="MF19" s="348">
        <v>0</v>
      </c>
      <c r="MG19" s="345">
        <v>0</v>
      </c>
      <c r="MH19" s="349">
        <v>0</v>
      </c>
      <c r="MI19" s="413">
        <v>0</v>
      </c>
      <c r="MJ19" s="345">
        <v>3070698</v>
      </c>
      <c r="MK19" s="345">
        <v>7208862</v>
      </c>
      <c r="ML19" s="345">
        <v>25846290</v>
      </c>
      <c r="MM19" s="345">
        <v>49009852</v>
      </c>
      <c r="MN19" s="345">
        <v>48989045</v>
      </c>
      <c r="MO19" s="349">
        <v>134124747</v>
      </c>
      <c r="MP19" s="354">
        <v>134124747</v>
      </c>
      <c r="MQ19" s="348">
        <v>0</v>
      </c>
      <c r="MR19" s="345">
        <v>0</v>
      </c>
      <c r="MS19" s="349">
        <v>0</v>
      </c>
      <c r="MT19" s="413">
        <v>0</v>
      </c>
      <c r="MU19" s="345">
        <v>237662</v>
      </c>
      <c r="MV19" s="345">
        <v>1493071</v>
      </c>
      <c r="MW19" s="345">
        <v>15213465</v>
      </c>
      <c r="MX19" s="345">
        <v>39239190</v>
      </c>
      <c r="MY19" s="345">
        <v>39834778</v>
      </c>
      <c r="MZ19" s="349">
        <v>96018166</v>
      </c>
      <c r="NA19" s="354">
        <v>96018166</v>
      </c>
      <c r="NB19" s="348">
        <v>0</v>
      </c>
      <c r="NC19" s="345">
        <v>0</v>
      </c>
      <c r="ND19" s="349">
        <v>0</v>
      </c>
      <c r="NE19" s="413">
        <v>0</v>
      </c>
      <c r="NF19" s="345">
        <v>2833036</v>
      </c>
      <c r="NG19" s="345">
        <v>5715791</v>
      </c>
      <c r="NH19" s="345">
        <v>10277162</v>
      </c>
      <c r="NI19" s="345">
        <v>9770662</v>
      </c>
      <c r="NJ19" s="345">
        <v>9154267</v>
      </c>
      <c r="NK19" s="349">
        <v>37750918</v>
      </c>
      <c r="NL19" s="347">
        <v>37750918</v>
      </c>
      <c r="NM19" s="348">
        <v>0</v>
      </c>
      <c r="NN19" s="345">
        <v>0</v>
      </c>
      <c r="NO19" s="349">
        <v>0</v>
      </c>
      <c r="NP19" s="413">
        <v>0</v>
      </c>
      <c r="NQ19" s="345">
        <v>0</v>
      </c>
      <c r="NR19" s="345">
        <v>0</v>
      </c>
      <c r="NS19" s="345">
        <v>0</v>
      </c>
      <c r="NT19" s="345">
        <v>0</v>
      </c>
      <c r="NU19" s="345">
        <v>0</v>
      </c>
      <c r="NV19" s="349">
        <v>0</v>
      </c>
      <c r="NW19" s="350">
        <v>0</v>
      </c>
      <c r="NX19" s="348">
        <v>0</v>
      </c>
      <c r="NY19" s="345">
        <v>0</v>
      </c>
      <c r="NZ19" s="349">
        <v>0</v>
      </c>
      <c r="OA19" s="413">
        <v>0</v>
      </c>
      <c r="OB19" s="345">
        <v>0</v>
      </c>
      <c r="OC19" s="345">
        <v>0</v>
      </c>
      <c r="OD19" s="345">
        <v>355663</v>
      </c>
      <c r="OE19" s="345">
        <v>0</v>
      </c>
      <c r="OF19" s="345">
        <v>0</v>
      </c>
      <c r="OG19" s="349">
        <v>355663</v>
      </c>
      <c r="OH19" s="350">
        <v>355663</v>
      </c>
      <c r="OI19" s="348">
        <v>2963282</v>
      </c>
      <c r="OJ19" s="345">
        <v>5518335</v>
      </c>
      <c r="OK19" s="346">
        <v>8481617</v>
      </c>
      <c r="OL19" s="351">
        <v>0</v>
      </c>
      <c r="OM19" s="345">
        <v>66904834</v>
      </c>
      <c r="ON19" s="345">
        <v>91063401</v>
      </c>
      <c r="OO19" s="345">
        <v>98575608</v>
      </c>
      <c r="OP19" s="345">
        <v>119379014</v>
      </c>
      <c r="OQ19" s="345">
        <v>108367868</v>
      </c>
      <c r="OR19" s="349">
        <v>484290725</v>
      </c>
      <c r="OS19" s="354">
        <v>492772342</v>
      </c>
    </row>
    <row r="20" spans="2:409" s="70" customFormat="1" ht="21" customHeight="1" x14ac:dyDescent="0.2">
      <c r="B20" s="410" t="s">
        <v>15</v>
      </c>
      <c r="C20" s="326">
        <v>3141334</v>
      </c>
      <c r="D20" s="327">
        <v>4306938</v>
      </c>
      <c r="E20" s="328">
        <v>7448272</v>
      </c>
      <c r="F20" s="329">
        <v>0</v>
      </c>
      <c r="G20" s="327">
        <v>35247875</v>
      </c>
      <c r="H20" s="327">
        <v>42795812</v>
      </c>
      <c r="I20" s="327">
        <v>39889232</v>
      </c>
      <c r="J20" s="327">
        <v>38307369</v>
      </c>
      <c r="K20" s="327">
        <v>24452289</v>
      </c>
      <c r="L20" s="329">
        <v>180692577</v>
      </c>
      <c r="M20" s="330">
        <v>188140849</v>
      </c>
      <c r="N20" s="326">
        <v>389109</v>
      </c>
      <c r="O20" s="327">
        <v>785187</v>
      </c>
      <c r="P20" s="328">
        <v>1174296</v>
      </c>
      <c r="Q20" s="326">
        <v>0</v>
      </c>
      <c r="R20" s="327">
        <v>7019218</v>
      </c>
      <c r="S20" s="327">
        <v>12480564</v>
      </c>
      <c r="T20" s="327">
        <v>11332070</v>
      </c>
      <c r="U20" s="327">
        <v>12791608</v>
      </c>
      <c r="V20" s="327">
        <v>12398488</v>
      </c>
      <c r="W20" s="328">
        <v>56021948</v>
      </c>
      <c r="X20" s="330">
        <v>57196244</v>
      </c>
      <c r="Y20" s="326">
        <v>0</v>
      </c>
      <c r="Z20" s="327">
        <v>0</v>
      </c>
      <c r="AA20" s="328">
        <v>0</v>
      </c>
      <c r="AB20" s="326">
        <v>0</v>
      </c>
      <c r="AC20" s="327">
        <v>2824069</v>
      </c>
      <c r="AD20" s="327">
        <v>6247324</v>
      </c>
      <c r="AE20" s="327">
        <v>6582630</v>
      </c>
      <c r="AF20" s="327">
        <v>7634684</v>
      </c>
      <c r="AG20" s="327">
        <v>7220463</v>
      </c>
      <c r="AH20" s="328">
        <v>30509170</v>
      </c>
      <c r="AI20" s="330">
        <v>30509170</v>
      </c>
      <c r="AJ20" s="326">
        <v>0</v>
      </c>
      <c r="AK20" s="327">
        <v>0</v>
      </c>
      <c r="AL20" s="328">
        <v>0</v>
      </c>
      <c r="AM20" s="326">
        <v>0</v>
      </c>
      <c r="AN20" s="327">
        <v>0</v>
      </c>
      <c r="AO20" s="327">
        <v>154726</v>
      </c>
      <c r="AP20" s="327">
        <v>439233</v>
      </c>
      <c r="AQ20" s="327">
        <v>999992</v>
      </c>
      <c r="AR20" s="327">
        <v>1354748</v>
      </c>
      <c r="AS20" s="328">
        <v>2948699</v>
      </c>
      <c r="AT20" s="330">
        <v>2948699</v>
      </c>
      <c r="AU20" s="326">
        <v>187437</v>
      </c>
      <c r="AV20" s="327">
        <v>600692</v>
      </c>
      <c r="AW20" s="328">
        <v>788129</v>
      </c>
      <c r="AX20" s="326">
        <v>0</v>
      </c>
      <c r="AY20" s="327">
        <v>2203575</v>
      </c>
      <c r="AZ20" s="327">
        <v>3793679</v>
      </c>
      <c r="BA20" s="327">
        <v>2538388</v>
      </c>
      <c r="BB20" s="327">
        <v>2059737</v>
      </c>
      <c r="BC20" s="327">
        <v>2504024</v>
      </c>
      <c r="BD20" s="328">
        <v>13099403</v>
      </c>
      <c r="BE20" s="330">
        <v>13887532</v>
      </c>
      <c r="BF20" s="326">
        <v>0</v>
      </c>
      <c r="BG20" s="327">
        <v>60056</v>
      </c>
      <c r="BH20" s="331">
        <v>60056</v>
      </c>
      <c r="BI20" s="332">
        <v>0</v>
      </c>
      <c r="BJ20" s="327">
        <v>259808</v>
      </c>
      <c r="BK20" s="327">
        <v>461087</v>
      </c>
      <c r="BL20" s="327">
        <v>216207</v>
      </c>
      <c r="BM20" s="327">
        <v>164782</v>
      </c>
      <c r="BN20" s="327">
        <v>207197</v>
      </c>
      <c r="BO20" s="328">
        <v>1309081</v>
      </c>
      <c r="BP20" s="330">
        <v>1369137</v>
      </c>
      <c r="BQ20" s="326">
        <v>201672</v>
      </c>
      <c r="BR20" s="327">
        <v>124439</v>
      </c>
      <c r="BS20" s="328">
        <v>326111</v>
      </c>
      <c r="BT20" s="326">
        <v>0</v>
      </c>
      <c r="BU20" s="327">
        <v>1731766</v>
      </c>
      <c r="BV20" s="327">
        <v>1823748</v>
      </c>
      <c r="BW20" s="327">
        <v>1555612</v>
      </c>
      <c r="BX20" s="327">
        <v>1932413</v>
      </c>
      <c r="BY20" s="327">
        <v>1112056</v>
      </c>
      <c r="BZ20" s="328">
        <v>8155595</v>
      </c>
      <c r="CA20" s="330">
        <v>8481706</v>
      </c>
      <c r="CB20" s="326">
        <v>69352</v>
      </c>
      <c r="CC20" s="327">
        <v>227325</v>
      </c>
      <c r="CD20" s="328">
        <v>296677</v>
      </c>
      <c r="CE20" s="326">
        <v>0</v>
      </c>
      <c r="CF20" s="327">
        <v>8589050</v>
      </c>
      <c r="CG20" s="327">
        <v>11795725</v>
      </c>
      <c r="CH20" s="327">
        <v>8338726</v>
      </c>
      <c r="CI20" s="327">
        <v>4026460</v>
      </c>
      <c r="CJ20" s="327">
        <v>1837954</v>
      </c>
      <c r="CK20" s="328">
        <v>34587915</v>
      </c>
      <c r="CL20" s="330">
        <v>34884592</v>
      </c>
      <c r="CM20" s="326">
        <v>0</v>
      </c>
      <c r="CN20" s="327">
        <v>0</v>
      </c>
      <c r="CO20" s="328">
        <v>0</v>
      </c>
      <c r="CP20" s="332">
        <v>0</v>
      </c>
      <c r="CQ20" s="327">
        <v>6605749</v>
      </c>
      <c r="CR20" s="327">
        <v>9074184</v>
      </c>
      <c r="CS20" s="327">
        <v>6135731</v>
      </c>
      <c r="CT20" s="327">
        <v>2906280</v>
      </c>
      <c r="CU20" s="327">
        <v>1241937</v>
      </c>
      <c r="CV20" s="328">
        <v>25963881</v>
      </c>
      <c r="CW20" s="330">
        <v>25963881</v>
      </c>
      <c r="CX20" s="326">
        <v>69352</v>
      </c>
      <c r="CY20" s="327">
        <v>227325</v>
      </c>
      <c r="CZ20" s="328">
        <v>296677</v>
      </c>
      <c r="DA20" s="326">
        <v>0</v>
      </c>
      <c r="DB20" s="327">
        <v>1983301</v>
      </c>
      <c r="DC20" s="327">
        <v>2721541</v>
      </c>
      <c r="DD20" s="327">
        <v>2202995</v>
      </c>
      <c r="DE20" s="327">
        <v>1120180</v>
      </c>
      <c r="DF20" s="327">
        <v>596017</v>
      </c>
      <c r="DG20" s="328">
        <v>8624034</v>
      </c>
      <c r="DH20" s="330">
        <v>8920711</v>
      </c>
      <c r="DI20" s="326">
        <v>0</v>
      </c>
      <c r="DJ20" s="327">
        <v>0</v>
      </c>
      <c r="DK20" s="331">
        <v>0</v>
      </c>
      <c r="DL20" s="332">
        <v>0</v>
      </c>
      <c r="DM20" s="327">
        <v>1739118</v>
      </c>
      <c r="DN20" s="327">
        <v>2192532</v>
      </c>
      <c r="DO20" s="327">
        <v>7572071</v>
      </c>
      <c r="DP20" s="327">
        <v>7149474</v>
      </c>
      <c r="DQ20" s="327">
        <v>2754405</v>
      </c>
      <c r="DR20" s="328">
        <v>21407600</v>
      </c>
      <c r="DS20" s="330">
        <v>21407600</v>
      </c>
      <c r="DT20" s="326">
        <v>0</v>
      </c>
      <c r="DU20" s="327">
        <v>0</v>
      </c>
      <c r="DV20" s="328">
        <v>0</v>
      </c>
      <c r="DW20" s="326">
        <v>0</v>
      </c>
      <c r="DX20" s="327">
        <v>1577088</v>
      </c>
      <c r="DY20" s="327">
        <v>1900681</v>
      </c>
      <c r="DZ20" s="327">
        <v>7328085</v>
      </c>
      <c r="EA20" s="327">
        <v>6666431</v>
      </c>
      <c r="EB20" s="327">
        <v>2593808</v>
      </c>
      <c r="EC20" s="328">
        <v>20066093</v>
      </c>
      <c r="ED20" s="330">
        <v>20066093</v>
      </c>
      <c r="EE20" s="326">
        <v>0</v>
      </c>
      <c r="EF20" s="331">
        <v>0</v>
      </c>
      <c r="EG20" s="328">
        <v>0</v>
      </c>
      <c r="EH20" s="326">
        <v>0</v>
      </c>
      <c r="EI20" s="327">
        <v>162030</v>
      </c>
      <c r="EJ20" s="327">
        <v>291851</v>
      </c>
      <c r="EK20" s="327">
        <v>243986</v>
      </c>
      <c r="EL20" s="327">
        <v>483043</v>
      </c>
      <c r="EM20" s="327">
        <v>160597</v>
      </c>
      <c r="EN20" s="331">
        <v>1341507</v>
      </c>
      <c r="EO20" s="330">
        <v>1341507</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735419</v>
      </c>
      <c r="FM20" s="327">
        <v>968504</v>
      </c>
      <c r="FN20" s="328">
        <v>1703923</v>
      </c>
      <c r="FO20" s="326">
        <v>0</v>
      </c>
      <c r="FP20" s="327">
        <v>1692897</v>
      </c>
      <c r="FQ20" s="327">
        <v>4479778</v>
      </c>
      <c r="FR20" s="327">
        <v>2964794</v>
      </c>
      <c r="FS20" s="327">
        <v>2680953</v>
      </c>
      <c r="FT20" s="327">
        <v>1655688</v>
      </c>
      <c r="FU20" s="328">
        <v>13474110</v>
      </c>
      <c r="FV20" s="330">
        <v>15178033</v>
      </c>
      <c r="FW20" s="333">
        <v>343402</v>
      </c>
      <c r="FX20" s="327">
        <v>865076</v>
      </c>
      <c r="FY20" s="331">
        <v>1208478</v>
      </c>
      <c r="FZ20" s="332">
        <v>0</v>
      </c>
      <c r="GA20" s="327">
        <v>1375197</v>
      </c>
      <c r="GB20" s="327">
        <v>4238452</v>
      </c>
      <c r="GC20" s="327">
        <v>2775070</v>
      </c>
      <c r="GD20" s="327">
        <v>2524722</v>
      </c>
      <c r="GE20" s="327">
        <v>1599852</v>
      </c>
      <c r="GF20" s="328">
        <v>12513293</v>
      </c>
      <c r="GG20" s="334">
        <v>13721771</v>
      </c>
      <c r="GH20" s="333">
        <v>19324</v>
      </c>
      <c r="GI20" s="327">
        <v>0</v>
      </c>
      <c r="GJ20" s="331">
        <v>19324</v>
      </c>
      <c r="GK20" s="332">
        <v>0</v>
      </c>
      <c r="GL20" s="327">
        <v>0</v>
      </c>
      <c r="GM20" s="327">
        <v>124326</v>
      </c>
      <c r="GN20" s="327">
        <v>60984</v>
      </c>
      <c r="GO20" s="327">
        <v>156231</v>
      </c>
      <c r="GP20" s="327">
        <v>55836</v>
      </c>
      <c r="GQ20" s="328">
        <v>397377</v>
      </c>
      <c r="GR20" s="330">
        <v>416701</v>
      </c>
      <c r="GS20" s="326">
        <v>372693</v>
      </c>
      <c r="GT20" s="327">
        <v>103428</v>
      </c>
      <c r="GU20" s="328">
        <v>476121</v>
      </c>
      <c r="GV20" s="326">
        <v>0</v>
      </c>
      <c r="GW20" s="327">
        <v>317700</v>
      </c>
      <c r="GX20" s="327">
        <v>117000</v>
      </c>
      <c r="GY20" s="327">
        <v>128740</v>
      </c>
      <c r="GZ20" s="327">
        <v>0</v>
      </c>
      <c r="HA20" s="327">
        <v>0</v>
      </c>
      <c r="HB20" s="331">
        <v>563440</v>
      </c>
      <c r="HC20" s="330">
        <v>1039561</v>
      </c>
      <c r="HD20" s="326">
        <v>1423919</v>
      </c>
      <c r="HE20" s="327">
        <v>1113724</v>
      </c>
      <c r="HF20" s="331">
        <v>2537643</v>
      </c>
      <c r="HG20" s="332">
        <v>0</v>
      </c>
      <c r="HH20" s="327">
        <v>9152228</v>
      </c>
      <c r="HI20" s="327">
        <v>4389533</v>
      </c>
      <c r="HJ20" s="327">
        <v>4959934</v>
      </c>
      <c r="HK20" s="327">
        <v>8765283</v>
      </c>
      <c r="HL20" s="327">
        <v>4143599</v>
      </c>
      <c r="HM20" s="328">
        <v>31410577</v>
      </c>
      <c r="HN20" s="329">
        <v>33948220</v>
      </c>
      <c r="HO20" s="333">
        <v>523535</v>
      </c>
      <c r="HP20" s="327">
        <v>1212198</v>
      </c>
      <c r="HQ20" s="328">
        <v>1735733</v>
      </c>
      <c r="HR20" s="326">
        <v>0</v>
      </c>
      <c r="HS20" s="327">
        <v>7055364</v>
      </c>
      <c r="HT20" s="327">
        <v>7457680</v>
      </c>
      <c r="HU20" s="327">
        <v>4721637</v>
      </c>
      <c r="HV20" s="327">
        <v>2893591</v>
      </c>
      <c r="HW20" s="327">
        <v>1662155</v>
      </c>
      <c r="HX20" s="331">
        <v>23790427</v>
      </c>
      <c r="HY20" s="330">
        <v>25526160</v>
      </c>
      <c r="HZ20" s="358">
        <v>100802</v>
      </c>
      <c r="IA20" s="356">
        <v>1780482</v>
      </c>
      <c r="IB20" s="358">
        <v>1881284</v>
      </c>
      <c r="IC20" s="355">
        <v>0</v>
      </c>
      <c r="ID20" s="356">
        <v>19765660</v>
      </c>
      <c r="IE20" s="357">
        <v>23779445</v>
      </c>
      <c r="IF20" s="358">
        <v>22953699</v>
      </c>
      <c r="IG20" s="356">
        <v>17634575</v>
      </c>
      <c r="IH20" s="358">
        <v>8645592</v>
      </c>
      <c r="II20" s="359">
        <v>92778971</v>
      </c>
      <c r="IJ20" s="358">
        <v>94660255</v>
      </c>
      <c r="IK20" s="342">
        <v>0</v>
      </c>
      <c r="IL20" s="343">
        <v>0</v>
      </c>
      <c r="IM20" s="344">
        <v>0</v>
      </c>
      <c r="IN20" s="404">
        <v>0</v>
      </c>
      <c r="IO20" s="345">
        <v>376974</v>
      </c>
      <c r="IP20" s="345">
        <v>335732</v>
      </c>
      <c r="IQ20" s="345">
        <v>728404</v>
      </c>
      <c r="IR20" s="345">
        <v>1000667</v>
      </c>
      <c r="IS20" s="345">
        <v>419859</v>
      </c>
      <c r="IT20" s="346">
        <v>2861636</v>
      </c>
      <c r="IU20" s="347">
        <v>2861636</v>
      </c>
      <c r="IV20" s="348">
        <v>0</v>
      </c>
      <c r="IW20" s="345">
        <v>0</v>
      </c>
      <c r="IX20" s="349">
        <v>0</v>
      </c>
      <c r="IY20" s="413">
        <v>0</v>
      </c>
      <c r="IZ20" s="345">
        <v>0</v>
      </c>
      <c r="JA20" s="345">
        <v>0</v>
      </c>
      <c r="JB20" s="345">
        <v>0</v>
      </c>
      <c r="JC20" s="345">
        <v>0</v>
      </c>
      <c r="JD20" s="345">
        <v>0</v>
      </c>
      <c r="JE20" s="349">
        <v>0</v>
      </c>
      <c r="JF20" s="350">
        <v>0</v>
      </c>
      <c r="JG20" s="348">
        <v>0</v>
      </c>
      <c r="JH20" s="345">
        <v>0</v>
      </c>
      <c r="JI20" s="346">
        <v>0</v>
      </c>
      <c r="JJ20" s="351">
        <v>0</v>
      </c>
      <c r="JK20" s="345">
        <v>7650994</v>
      </c>
      <c r="JL20" s="345">
        <v>10373588</v>
      </c>
      <c r="JM20" s="345">
        <v>6335359</v>
      </c>
      <c r="JN20" s="345">
        <v>3373157</v>
      </c>
      <c r="JO20" s="345">
        <v>1590345</v>
      </c>
      <c r="JP20" s="349">
        <v>29323443</v>
      </c>
      <c r="JQ20" s="347">
        <v>29323443</v>
      </c>
      <c r="JR20" s="348">
        <v>0</v>
      </c>
      <c r="JS20" s="345">
        <v>85364</v>
      </c>
      <c r="JT20" s="346">
        <v>85364</v>
      </c>
      <c r="JU20" s="351">
        <v>0</v>
      </c>
      <c r="JV20" s="345">
        <v>76751</v>
      </c>
      <c r="JW20" s="345">
        <v>114962</v>
      </c>
      <c r="JX20" s="345">
        <v>909561</v>
      </c>
      <c r="JY20" s="345">
        <v>198147</v>
      </c>
      <c r="JZ20" s="345">
        <v>296050</v>
      </c>
      <c r="KA20" s="349">
        <v>1595471</v>
      </c>
      <c r="KB20" s="347">
        <v>1680835</v>
      </c>
      <c r="KC20" s="352">
        <v>100802</v>
      </c>
      <c r="KD20" s="353">
        <v>1200681</v>
      </c>
      <c r="KE20" s="349">
        <v>1301483</v>
      </c>
      <c r="KF20" s="351">
        <v>0</v>
      </c>
      <c r="KG20" s="345">
        <v>2145248</v>
      </c>
      <c r="KH20" s="345">
        <v>1832785</v>
      </c>
      <c r="KI20" s="345">
        <v>947988</v>
      </c>
      <c r="KJ20" s="345">
        <v>2440168</v>
      </c>
      <c r="KK20" s="345">
        <v>918349</v>
      </c>
      <c r="KL20" s="349">
        <v>8284538</v>
      </c>
      <c r="KM20" s="354">
        <v>9586021</v>
      </c>
      <c r="KN20" s="342">
        <v>0</v>
      </c>
      <c r="KO20" s="343">
        <v>494437</v>
      </c>
      <c r="KP20" s="344">
        <v>494437</v>
      </c>
      <c r="KQ20" s="413">
        <v>0</v>
      </c>
      <c r="KR20" s="345">
        <v>8894693</v>
      </c>
      <c r="KS20" s="345">
        <v>9258427</v>
      </c>
      <c r="KT20" s="345">
        <v>9711343</v>
      </c>
      <c r="KU20" s="345">
        <v>6410708</v>
      </c>
      <c r="KV20" s="345">
        <v>2584863</v>
      </c>
      <c r="KW20" s="349">
        <v>36860034</v>
      </c>
      <c r="KX20" s="347">
        <v>37354471</v>
      </c>
      <c r="KY20" s="348">
        <v>0</v>
      </c>
      <c r="KZ20" s="345">
        <v>0</v>
      </c>
      <c r="LA20" s="349">
        <v>0</v>
      </c>
      <c r="LB20" s="413">
        <v>0</v>
      </c>
      <c r="LC20" s="345">
        <v>0</v>
      </c>
      <c r="LD20" s="345">
        <v>0</v>
      </c>
      <c r="LE20" s="345">
        <v>0</v>
      </c>
      <c r="LF20" s="345">
        <v>0</v>
      </c>
      <c r="LG20" s="345">
        <v>0</v>
      </c>
      <c r="LH20" s="349">
        <v>0</v>
      </c>
      <c r="LI20" s="350">
        <v>0</v>
      </c>
      <c r="LJ20" s="348">
        <v>0</v>
      </c>
      <c r="LK20" s="345">
        <v>0</v>
      </c>
      <c r="LL20" s="349">
        <v>0</v>
      </c>
      <c r="LM20" s="413">
        <v>0</v>
      </c>
      <c r="LN20" s="345">
        <v>0</v>
      </c>
      <c r="LO20" s="345">
        <v>0</v>
      </c>
      <c r="LP20" s="345">
        <v>2953923</v>
      </c>
      <c r="LQ20" s="345">
        <v>3905719</v>
      </c>
      <c r="LR20" s="345">
        <v>2477321</v>
      </c>
      <c r="LS20" s="349">
        <v>9336963</v>
      </c>
      <c r="LT20" s="347">
        <v>9336963</v>
      </c>
      <c r="LU20" s="348">
        <v>0</v>
      </c>
      <c r="LV20" s="345">
        <v>0</v>
      </c>
      <c r="LW20" s="349">
        <v>0</v>
      </c>
      <c r="LX20" s="413">
        <v>0</v>
      </c>
      <c r="LY20" s="345">
        <v>621000</v>
      </c>
      <c r="LZ20" s="345">
        <v>1863951</v>
      </c>
      <c r="MA20" s="345">
        <v>1367121</v>
      </c>
      <c r="MB20" s="345">
        <v>306009</v>
      </c>
      <c r="MC20" s="345">
        <v>358805</v>
      </c>
      <c r="MD20" s="349">
        <v>4516886</v>
      </c>
      <c r="ME20" s="350">
        <v>4516886</v>
      </c>
      <c r="MF20" s="348">
        <v>0</v>
      </c>
      <c r="MG20" s="345">
        <v>0</v>
      </c>
      <c r="MH20" s="349">
        <v>0</v>
      </c>
      <c r="MI20" s="413">
        <v>0</v>
      </c>
      <c r="MJ20" s="345">
        <v>4311167</v>
      </c>
      <c r="MK20" s="345">
        <v>9828681</v>
      </c>
      <c r="ML20" s="345">
        <v>34830527</v>
      </c>
      <c r="MM20" s="345">
        <v>50869640</v>
      </c>
      <c r="MN20" s="345">
        <v>28247375</v>
      </c>
      <c r="MO20" s="349">
        <v>128087390</v>
      </c>
      <c r="MP20" s="354">
        <v>128087390</v>
      </c>
      <c r="MQ20" s="348">
        <v>0</v>
      </c>
      <c r="MR20" s="345">
        <v>0</v>
      </c>
      <c r="MS20" s="349">
        <v>0</v>
      </c>
      <c r="MT20" s="413">
        <v>0</v>
      </c>
      <c r="MU20" s="345">
        <v>0</v>
      </c>
      <c r="MV20" s="345">
        <v>233165</v>
      </c>
      <c r="MW20" s="345">
        <v>20730151</v>
      </c>
      <c r="MX20" s="345">
        <v>31730718</v>
      </c>
      <c r="MY20" s="345">
        <v>19565709</v>
      </c>
      <c r="MZ20" s="349">
        <v>72259743</v>
      </c>
      <c r="NA20" s="354">
        <v>72259743</v>
      </c>
      <c r="NB20" s="348">
        <v>0</v>
      </c>
      <c r="NC20" s="345">
        <v>0</v>
      </c>
      <c r="ND20" s="349">
        <v>0</v>
      </c>
      <c r="NE20" s="413">
        <v>0</v>
      </c>
      <c r="NF20" s="345">
        <v>4311167</v>
      </c>
      <c r="NG20" s="345">
        <v>9595516</v>
      </c>
      <c r="NH20" s="345">
        <v>14100376</v>
      </c>
      <c r="NI20" s="345">
        <v>19138922</v>
      </c>
      <c r="NJ20" s="345">
        <v>8681666</v>
      </c>
      <c r="NK20" s="349">
        <v>55827647</v>
      </c>
      <c r="NL20" s="347">
        <v>55827647</v>
      </c>
      <c r="NM20" s="348">
        <v>0</v>
      </c>
      <c r="NN20" s="345">
        <v>0</v>
      </c>
      <c r="NO20" s="349">
        <v>0</v>
      </c>
      <c r="NP20" s="413">
        <v>0</v>
      </c>
      <c r="NQ20" s="345">
        <v>0</v>
      </c>
      <c r="NR20" s="345">
        <v>0</v>
      </c>
      <c r="NS20" s="345">
        <v>0</v>
      </c>
      <c r="NT20" s="345">
        <v>0</v>
      </c>
      <c r="NU20" s="345">
        <v>0</v>
      </c>
      <c r="NV20" s="349">
        <v>0</v>
      </c>
      <c r="NW20" s="350">
        <v>0</v>
      </c>
      <c r="NX20" s="348">
        <v>0</v>
      </c>
      <c r="NY20" s="345">
        <v>0</v>
      </c>
      <c r="NZ20" s="349">
        <v>0</v>
      </c>
      <c r="OA20" s="413">
        <v>0</v>
      </c>
      <c r="OB20" s="345">
        <v>0</v>
      </c>
      <c r="OC20" s="345">
        <v>0</v>
      </c>
      <c r="OD20" s="345">
        <v>0</v>
      </c>
      <c r="OE20" s="345">
        <v>0</v>
      </c>
      <c r="OF20" s="345">
        <v>0</v>
      </c>
      <c r="OG20" s="349">
        <v>0</v>
      </c>
      <c r="OH20" s="350">
        <v>0</v>
      </c>
      <c r="OI20" s="348">
        <v>3242136</v>
      </c>
      <c r="OJ20" s="345">
        <v>6087420</v>
      </c>
      <c r="OK20" s="346">
        <v>9329556</v>
      </c>
      <c r="OL20" s="351">
        <v>0</v>
      </c>
      <c r="OM20" s="345">
        <v>59324702</v>
      </c>
      <c r="ON20" s="345">
        <v>76403938</v>
      </c>
      <c r="OO20" s="345">
        <v>97673458</v>
      </c>
      <c r="OP20" s="345">
        <v>106811584</v>
      </c>
      <c r="OQ20" s="345">
        <v>61345256</v>
      </c>
      <c r="OR20" s="349">
        <v>401558938</v>
      </c>
      <c r="OS20" s="354">
        <v>410888494</v>
      </c>
    </row>
    <row r="21" spans="2:409" s="70" customFormat="1" ht="21" customHeight="1" x14ac:dyDescent="0.2">
      <c r="B21" s="410" t="s">
        <v>16</v>
      </c>
      <c r="C21" s="326">
        <v>6568492</v>
      </c>
      <c r="D21" s="327">
        <v>14260931</v>
      </c>
      <c r="E21" s="328">
        <v>20829423</v>
      </c>
      <c r="F21" s="329">
        <v>0</v>
      </c>
      <c r="G21" s="327">
        <v>78227021</v>
      </c>
      <c r="H21" s="327">
        <v>135889462</v>
      </c>
      <c r="I21" s="327">
        <v>96487773</v>
      </c>
      <c r="J21" s="327">
        <v>103181792</v>
      </c>
      <c r="K21" s="327">
        <v>65887514</v>
      </c>
      <c r="L21" s="329">
        <v>479673562</v>
      </c>
      <c r="M21" s="330">
        <v>500502985</v>
      </c>
      <c r="N21" s="326">
        <v>1429879</v>
      </c>
      <c r="O21" s="327">
        <v>2341839</v>
      </c>
      <c r="P21" s="328">
        <v>3771718</v>
      </c>
      <c r="Q21" s="326">
        <v>0</v>
      </c>
      <c r="R21" s="327">
        <v>16302521</v>
      </c>
      <c r="S21" s="327">
        <v>31869895</v>
      </c>
      <c r="T21" s="327">
        <v>24774672</v>
      </c>
      <c r="U21" s="327">
        <v>29416094</v>
      </c>
      <c r="V21" s="327">
        <v>23931806</v>
      </c>
      <c r="W21" s="328">
        <v>126294988</v>
      </c>
      <c r="X21" s="330">
        <v>130066706</v>
      </c>
      <c r="Y21" s="326">
        <v>0</v>
      </c>
      <c r="Z21" s="327">
        <v>0</v>
      </c>
      <c r="AA21" s="328">
        <v>0</v>
      </c>
      <c r="AB21" s="326">
        <v>0</v>
      </c>
      <c r="AC21" s="327">
        <v>6423271</v>
      </c>
      <c r="AD21" s="327">
        <v>11589471</v>
      </c>
      <c r="AE21" s="327">
        <v>11823362</v>
      </c>
      <c r="AF21" s="327">
        <v>13738634</v>
      </c>
      <c r="AG21" s="327">
        <v>11623142</v>
      </c>
      <c r="AH21" s="328">
        <v>55197880</v>
      </c>
      <c r="AI21" s="330">
        <v>55197880</v>
      </c>
      <c r="AJ21" s="326">
        <v>0</v>
      </c>
      <c r="AK21" s="327">
        <v>0</v>
      </c>
      <c r="AL21" s="328">
        <v>0</v>
      </c>
      <c r="AM21" s="326">
        <v>0</v>
      </c>
      <c r="AN21" s="327">
        <v>62513</v>
      </c>
      <c r="AO21" s="327">
        <v>366988</v>
      </c>
      <c r="AP21" s="327">
        <v>408925</v>
      </c>
      <c r="AQ21" s="327">
        <v>1598875</v>
      </c>
      <c r="AR21" s="327">
        <v>2899691</v>
      </c>
      <c r="AS21" s="328">
        <v>5336992</v>
      </c>
      <c r="AT21" s="330">
        <v>5336992</v>
      </c>
      <c r="AU21" s="326">
        <v>735732</v>
      </c>
      <c r="AV21" s="327">
        <v>1468995</v>
      </c>
      <c r="AW21" s="328">
        <v>2204727</v>
      </c>
      <c r="AX21" s="326">
        <v>0</v>
      </c>
      <c r="AY21" s="327">
        <v>6256737</v>
      </c>
      <c r="AZ21" s="327">
        <v>13398105</v>
      </c>
      <c r="BA21" s="327">
        <v>8014578</v>
      </c>
      <c r="BB21" s="327">
        <v>9184470</v>
      </c>
      <c r="BC21" s="327">
        <v>6019436</v>
      </c>
      <c r="BD21" s="328">
        <v>42873326</v>
      </c>
      <c r="BE21" s="330">
        <v>45078053</v>
      </c>
      <c r="BF21" s="326">
        <v>170609</v>
      </c>
      <c r="BG21" s="327">
        <v>279324</v>
      </c>
      <c r="BH21" s="331">
        <v>449933</v>
      </c>
      <c r="BI21" s="332">
        <v>0</v>
      </c>
      <c r="BJ21" s="327">
        <v>331921</v>
      </c>
      <c r="BK21" s="327">
        <v>1742322</v>
      </c>
      <c r="BL21" s="327">
        <v>598984</v>
      </c>
      <c r="BM21" s="327">
        <v>280925</v>
      </c>
      <c r="BN21" s="327">
        <v>420316</v>
      </c>
      <c r="BO21" s="328">
        <v>3374468</v>
      </c>
      <c r="BP21" s="330">
        <v>3824401</v>
      </c>
      <c r="BQ21" s="326">
        <v>523538</v>
      </c>
      <c r="BR21" s="327">
        <v>593520</v>
      </c>
      <c r="BS21" s="328">
        <v>1117058</v>
      </c>
      <c r="BT21" s="326">
        <v>0</v>
      </c>
      <c r="BU21" s="327">
        <v>3228079</v>
      </c>
      <c r="BV21" s="327">
        <v>4773009</v>
      </c>
      <c r="BW21" s="327">
        <v>3928823</v>
      </c>
      <c r="BX21" s="327">
        <v>4613190</v>
      </c>
      <c r="BY21" s="327">
        <v>2969221</v>
      </c>
      <c r="BZ21" s="328">
        <v>19512322</v>
      </c>
      <c r="CA21" s="330">
        <v>20629380</v>
      </c>
      <c r="CB21" s="326">
        <v>1099617</v>
      </c>
      <c r="CC21" s="327">
        <v>4602118</v>
      </c>
      <c r="CD21" s="328">
        <v>5701735</v>
      </c>
      <c r="CE21" s="326">
        <v>0</v>
      </c>
      <c r="CF21" s="327">
        <v>27980309</v>
      </c>
      <c r="CG21" s="327">
        <v>48310358</v>
      </c>
      <c r="CH21" s="327">
        <v>30102795</v>
      </c>
      <c r="CI21" s="327">
        <v>24958920</v>
      </c>
      <c r="CJ21" s="327">
        <v>13937767</v>
      </c>
      <c r="CK21" s="328">
        <v>145290149</v>
      </c>
      <c r="CL21" s="330">
        <v>150991884</v>
      </c>
      <c r="CM21" s="326">
        <v>0</v>
      </c>
      <c r="CN21" s="327">
        <v>0</v>
      </c>
      <c r="CO21" s="328">
        <v>0</v>
      </c>
      <c r="CP21" s="332">
        <v>0</v>
      </c>
      <c r="CQ21" s="327">
        <v>18788022</v>
      </c>
      <c r="CR21" s="327">
        <v>29881744</v>
      </c>
      <c r="CS21" s="327">
        <v>22504336</v>
      </c>
      <c r="CT21" s="327">
        <v>19602772</v>
      </c>
      <c r="CU21" s="327">
        <v>11105036</v>
      </c>
      <c r="CV21" s="328">
        <v>101881910</v>
      </c>
      <c r="CW21" s="330">
        <v>101881910</v>
      </c>
      <c r="CX21" s="326">
        <v>1099617</v>
      </c>
      <c r="CY21" s="327">
        <v>4602118</v>
      </c>
      <c r="CZ21" s="328">
        <v>5701735</v>
      </c>
      <c r="DA21" s="326">
        <v>0</v>
      </c>
      <c r="DB21" s="327">
        <v>9192287</v>
      </c>
      <c r="DC21" s="327">
        <v>18428614</v>
      </c>
      <c r="DD21" s="327">
        <v>7598459</v>
      </c>
      <c r="DE21" s="327">
        <v>5356148</v>
      </c>
      <c r="DF21" s="327">
        <v>2832731</v>
      </c>
      <c r="DG21" s="328">
        <v>43408239</v>
      </c>
      <c r="DH21" s="330">
        <v>49109974</v>
      </c>
      <c r="DI21" s="326">
        <v>80445</v>
      </c>
      <c r="DJ21" s="327">
        <v>93080</v>
      </c>
      <c r="DK21" s="331">
        <v>173525</v>
      </c>
      <c r="DL21" s="332">
        <v>0</v>
      </c>
      <c r="DM21" s="327">
        <v>2026520</v>
      </c>
      <c r="DN21" s="327">
        <v>6471748</v>
      </c>
      <c r="DO21" s="327">
        <v>5521208</v>
      </c>
      <c r="DP21" s="327">
        <v>5755891</v>
      </c>
      <c r="DQ21" s="327">
        <v>2858814</v>
      </c>
      <c r="DR21" s="328">
        <v>22634181</v>
      </c>
      <c r="DS21" s="330">
        <v>22807706</v>
      </c>
      <c r="DT21" s="326">
        <v>80445</v>
      </c>
      <c r="DU21" s="327">
        <v>93080</v>
      </c>
      <c r="DV21" s="328">
        <v>173525</v>
      </c>
      <c r="DW21" s="326">
        <v>0</v>
      </c>
      <c r="DX21" s="327">
        <v>1801982</v>
      </c>
      <c r="DY21" s="327">
        <v>6015806</v>
      </c>
      <c r="DZ21" s="327">
        <v>4926934</v>
      </c>
      <c r="EA21" s="327">
        <v>5268055</v>
      </c>
      <c r="EB21" s="327">
        <v>2684762</v>
      </c>
      <c r="EC21" s="328">
        <v>20697539</v>
      </c>
      <c r="ED21" s="330">
        <v>20871064</v>
      </c>
      <c r="EE21" s="326">
        <v>0</v>
      </c>
      <c r="EF21" s="331">
        <v>0</v>
      </c>
      <c r="EG21" s="328">
        <v>0</v>
      </c>
      <c r="EH21" s="326">
        <v>0</v>
      </c>
      <c r="EI21" s="327">
        <v>224538</v>
      </c>
      <c r="EJ21" s="327">
        <v>455942</v>
      </c>
      <c r="EK21" s="327">
        <v>594274</v>
      </c>
      <c r="EL21" s="327">
        <v>487836</v>
      </c>
      <c r="EM21" s="327">
        <v>174052</v>
      </c>
      <c r="EN21" s="331">
        <v>1936642</v>
      </c>
      <c r="EO21" s="330">
        <v>1936642</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1212351</v>
      </c>
      <c r="FM21" s="327">
        <v>3318553</v>
      </c>
      <c r="FN21" s="328">
        <v>4530904</v>
      </c>
      <c r="FO21" s="326">
        <v>0</v>
      </c>
      <c r="FP21" s="327">
        <v>3663614</v>
      </c>
      <c r="FQ21" s="327">
        <v>12218059</v>
      </c>
      <c r="FR21" s="327">
        <v>7101051</v>
      </c>
      <c r="FS21" s="327">
        <v>7000194</v>
      </c>
      <c r="FT21" s="327">
        <v>5055895</v>
      </c>
      <c r="FU21" s="328">
        <v>35038813</v>
      </c>
      <c r="FV21" s="330">
        <v>39569717</v>
      </c>
      <c r="FW21" s="333">
        <v>814880</v>
      </c>
      <c r="FX21" s="327">
        <v>2472143</v>
      </c>
      <c r="FY21" s="331">
        <v>3287023</v>
      </c>
      <c r="FZ21" s="332">
        <v>0</v>
      </c>
      <c r="GA21" s="327">
        <v>2812065</v>
      </c>
      <c r="GB21" s="327">
        <v>11107862</v>
      </c>
      <c r="GC21" s="327">
        <v>6406371</v>
      </c>
      <c r="GD21" s="327">
        <v>6464725</v>
      </c>
      <c r="GE21" s="327">
        <v>4894147</v>
      </c>
      <c r="GF21" s="328">
        <v>31685170</v>
      </c>
      <c r="GG21" s="334">
        <v>34972193</v>
      </c>
      <c r="GH21" s="333">
        <v>107613</v>
      </c>
      <c r="GI21" s="327">
        <v>185526</v>
      </c>
      <c r="GJ21" s="331">
        <v>293139</v>
      </c>
      <c r="GK21" s="332">
        <v>0</v>
      </c>
      <c r="GL21" s="327">
        <v>449749</v>
      </c>
      <c r="GM21" s="327">
        <v>258346</v>
      </c>
      <c r="GN21" s="327">
        <v>183546</v>
      </c>
      <c r="GO21" s="327">
        <v>390588</v>
      </c>
      <c r="GP21" s="327">
        <v>24948</v>
      </c>
      <c r="GQ21" s="328">
        <v>1307177</v>
      </c>
      <c r="GR21" s="330">
        <v>1600316</v>
      </c>
      <c r="GS21" s="326">
        <v>289858</v>
      </c>
      <c r="GT21" s="327">
        <v>660884</v>
      </c>
      <c r="GU21" s="328">
        <v>950742</v>
      </c>
      <c r="GV21" s="326">
        <v>0</v>
      </c>
      <c r="GW21" s="327">
        <v>401800</v>
      </c>
      <c r="GX21" s="327">
        <v>851851</v>
      </c>
      <c r="GY21" s="327">
        <v>511134</v>
      </c>
      <c r="GZ21" s="327">
        <v>144881</v>
      </c>
      <c r="HA21" s="327">
        <v>136800</v>
      </c>
      <c r="HB21" s="331">
        <v>2046466</v>
      </c>
      <c r="HC21" s="330">
        <v>2997208</v>
      </c>
      <c r="HD21" s="326">
        <v>1675605</v>
      </c>
      <c r="HE21" s="327">
        <v>1573213</v>
      </c>
      <c r="HF21" s="331">
        <v>3248818</v>
      </c>
      <c r="HG21" s="332">
        <v>0</v>
      </c>
      <c r="HH21" s="327">
        <v>16650256</v>
      </c>
      <c r="HI21" s="327">
        <v>20910098</v>
      </c>
      <c r="HJ21" s="327">
        <v>19715917</v>
      </c>
      <c r="HK21" s="327">
        <v>29349738</v>
      </c>
      <c r="HL21" s="327">
        <v>16184492</v>
      </c>
      <c r="HM21" s="328">
        <v>102810501</v>
      </c>
      <c r="HN21" s="329">
        <v>106059319</v>
      </c>
      <c r="HO21" s="333">
        <v>1070595</v>
      </c>
      <c r="HP21" s="327">
        <v>2332128</v>
      </c>
      <c r="HQ21" s="328">
        <v>3402723</v>
      </c>
      <c r="HR21" s="326">
        <v>0</v>
      </c>
      <c r="HS21" s="327">
        <v>11603801</v>
      </c>
      <c r="HT21" s="327">
        <v>16109304</v>
      </c>
      <c r="HU21" s="327">
        <v>9272130</v>
      </c>
      <c r="HV21" s="327">
        <v>6700955</v>
      </c>
      <c r="HW21" s="327">
        <v>3918740</v>
      </c>
      <c r="HX21" s="331">
        <v>47604930</v>
      </c>
      <c r="HY21" s="330">
        <v>51007653</v>
      </c>
      <c r="HZ21" s="335">
        <v>146676</v>
      </c>
      <c r="IA21" s="336">
        <v>322580</v>
      </c>
      <c r="IB21" s="337">
        <v>469256</v>
      </c>
      <c r="IC21" s="338">
        <v>0</v>
      </c>
      <c r="ID21" s="336">
        <v>15724019</v>
      </c>
      <c r="IE21" s="339">
        <v>27430009</v>
      </c>
      <c r="IF21" s="337">
        <v>29378470</v>
      </c>
      <c r="IG21" s="336">
        <v>22672027</v>
      </c>
      <c r="IH21" s="337">
        <v>17232312</v>
      </c>
      <c r="II21" s="340">
        <v>112436837</v>
      </c>
      <c r="IJ21" s="341">
        <v>112906093</v>
      </c>
      <c r="IK21" s="342">
        <v>0</v>
      </c>
      <c r="IL21" s="343">
        <v>0</v>
      </c>
      <c r="IM21" s="344">
        <v>0</v>
      </c>
      <c r="IN21" s="404">
        <v>0</v>
      </c>
      <c r="IO21" s="345">
        <v>489890</v>
      </c>
      <c r="IP21" s="345">
        <v>1670063</v>
      </c>
      <c r="IQ21" s="345">
        <v>2419299</v>
      </c>
      <c r="IR21" s="345">
        <v>1950510</v>
      </c>
      <c r="IS21" s="345">
        <v>2459496</v>
      </c>
      <c r="IT21" s="346">
        <v>8989258</v>
      </c>
      <c r="IU21" s="347">
        <v>8989258</v>
      </c>
      <c r="IV21" s="348">
        <v>0</v>
      </c>
      <c r="IW21" s="345">
        <v>0</v>
      </c>
      <c r="IX21" s="349">
        <v>0</v>
      </c>
      <c r="IY21" s="413">
        <v>0</v>
      </c>
      <c r="IZ21" s="345">
        <v>0</v>
      </c>
      <c r="JA21" s="345">
        <v>18033</v>
      </c>
      <c r="JB21" s="345">
        <v>36384</v>
      </c>
      <c r="JC21" s="345">
        <v>32058</v>
      </c>
      <c r="JD21" s="345">
        <v>18351</v>
      </c>
      <c r="JE21" s="349">
        <v>104826</v>
      </c>
      <c r="JF21" s="350">
        <v>104826</v>
      </c>
      <c r="JG21" s="348">
        <v>0</v>
      </c>
      <c r="JH21" s="345">
        <v>0</v>
      </c>
      <c r="JI21" s="346">
        <v>0</v>
      </c>
      <c r="JJ21" s="351">
        <v>0</v>
      </c>
      <c r="JK21" s="345">
        <v>6395277</v>
      </c>
      <c r="JL21" s="345">
        <v>9321753</v>
      </c>
      <c r="JM21" s="345">
        <v>7157629</v>
      </c>
      <c r="JN21" s="345">
        <v>3421082</v>
      </c>
      <c r="JO21" s="345">
        <v>1692927</v>
      </c>
      <c r="JP21" s="349">
        <v>27988668</v>
      </c>
      <c r="JQ21" s="347">
        <v>27988668</v>
      </c>
      <c r="JR21" s="348">
        <v>0</v>
      </c>
      <c r="JS21" s="345">
        <v>0</v>
      </c>
      <c r="JT21" s="346">
        <v>0</v>
      </c>
      <c r="JU21" s="351">
        <v>0</v>
      </c>
      <c r="JV21" s="345">
        <v>566034</v>
      </c>
      <c r="JW21" s="345">
        <v>795459</v>
      </c>
      <c r="JX21" s="345">
        <v>780354</v>
      </c>
      <c r="JY21" s="345">
        <v>738511</v>
      </c>
      <c r="JZ21" s="345">
        <v>535179</v>
      </c>
      <c r="KA21" s="349">
        <v>3415537</v>
      </c>
      <c r="KB21" s="347">
        <v>3415537</v>
      </c>
      <c r="KC21" s="352">
        <v>146676</v>
      </c>
      <c r="KD21" s="353">
        <v>322580</v>
      </c>
      <c r="KE21" s="349">
        <v>469256</v>
      </c>
      <c r="KF21" s="351">
        <v>0</v>
      </c>
      <c r="KG21" s="345">
        <v>2383170</v>
      </c>
      <c r="KH21" s="345">
        <v>4661977</v>
      </c>
      <c r="KI21" s="345">
        <v>4497330</v>
      </c>
      <c r="KJ21" s="345">
        <v>5367626</v>
      </c>
      <c r="KK21" s="345">
        <v>2529709</v>
      </c>
      <c r="KL21" s="349">
        <v>19439812</v>
      </c>
      <c r="KM21" s="354">
        <v>19909068</v>
      </c>
      <c r="KN21" s="342">
        <v>0</v>
      </c>
      <c r="KO21" s="343">
        <v>0</v>
      </c>
      <c r="KP21" s="344">
        <v>0</v>
      </c>
      <c r="KQ21" s="413">
        <v>0</v>
      </c>
      <c r="KR21" s="345">
        <v>5785049</v>
      </c>
      <c r="KS21" s="345">
        <v>9342660</v>
      </c>
      <c r="KT21" s="345">
        <v>11029059</v>
      </c>
      <c r="KU21" s="345">
        <v>6595686</v>
      </c>
      <c r="KV21" s="345">
        <v>5605241</v>
      </c>
      <c r="KW21" s="349">
        <v>38357695</v>
      </c>
      <c r="KX21" s="347">
        <v>38357695</v>
      </c>
      <c r="KY21" s="348">
        <v>0</v>
      </c>
      <c r="KZ21" s="345">
        <v>0</v>
      </c>
      <c r="LA21" s="349">
        <v>0</v>
      </c>
      <c r="LB21" s="413">
        <v>0</v>
      </c>
      <c r="LC21" s="345">
        <v>0</v>
      </c>
      <c r="LD21" s="345">
        <v>0</v>
      </c>
      <c r="LE21" s="345">
        <v>0</v>
      </c>
      <c r="LF21" s="345">
        <v>0</v>
      </c>
      <c r="LG21" s="345">
        <v>0</v>
      </c>
      <c r="LH21" s="349">
        <v>0</v>
      </c>
      <c r="LI21" s="350">
        <v>0</v>
      </c>
      <c r="LJ21" s="348">
        <v>0</v>
      </c>
      <c r="LK21" s="345">
        <v>0</v>
      </c>
      <c r="LL21" s="349">
        <v>0</v>
      </c>
      <c r="LM21" s="413">
        <v>0</v>
      </c>
      <c r="LN21" s="345">
        <v>0</v>
      </c>
      <c r="LO21" s="345">
        <v>494278</v>
      </c>
      <c r="LP21" s="345">
        <v>1889972</v>
      </c>
      <c r="LQ21" s="345">
        <v>3695753</v>
      </c>
      <c r="LR21" s="345">
        <v>2234188</v>
      </c>
      <c r="LS21" s="349">
        <v>8314191</v>
      </c>
      <c r="LT21" s="347">
        <v>8314191</v>
      </c>
      <c r="LU21" s="348">
        <v>0</v>
      </c>
      <c r="LV21" s="345">
        <v>0</v>
      </c>
      <c r="LW21" s="349">
        <v>0</v>
      </c>
      <c r="LX21" s="413">
        <v>0</v>
      </c>
      <c r="LY21" s="345">
        <v>104599</v>
      </c>
      <c r="LZ21" s="345">
        <v>1125786</v>
      </c>
      <c r="MA21" s="345">
        <v>1568443</v>
      </c>
      <c r="MB21" s="345">
        <v>870801</v>
      </c>
      <c r="MC21" s="345">
        <v>2157221</v>
      </c>
      <c r="MD21" s="349">
        <v>5826850</v>
      </c>
      <c r="ME21" s="350">
        <v>5826850</v>
      </c>
      <c r="MF21" s="348">
        <v>0</v>
      </c>
      <c r="MG21" s="345">
        <v>0</v>
      </c>
      <c r="MH21" s="349">
        <v>0</v>
      </c>
      <c r="MI21" s="413">
        <v>0</v>
      </c>
      <c r="MJ21" s="345">
        <v>13452621</v>
      </c>
      <c r="MK21" s="345">
        <v>29906683</v>
      </c>
      <c r="ML21" s="345">
        <v>92610550</v>
      </c>
      <c r="MM21" s="345">
        <v>119865097</v>
      </c>
      <c r="MN21" s="345">
        <v>68430446</v>
      </c>
      <c r="MO21" s="349">
        <v>324265397</v>
      </c>
      <c r="MP21" s="354">
        <v>324265397</v>
      </c>
      <c r="MQ21" s="348">
        <v>0</v>
      </c>
      <c r="MR21" s="345">
        <v>0</v>
      </c>
      <c r="MS21" s="349">
        <v>0</v>
      </c>
      <c r="MT21" s="413">
        <v>0</v>
      </c>
      <c r="MU21" s="345">
        <v>1072522</v>
      </c>
      <c r="MV21" s="345">
        <v>3953817</v>
      </c>
      <c r="MW21" s="345">
        <v>53065640</v>
      </c>
      <c r="MX21" s="345">
        <v>72427454</v>
      </c>
      <c r="MY21" s="345">
        <v>45518472</v>
      </c>
      <c r="MZ21" s="349">
        <v>176037905</v>
      </c>
      <c r="NA21" s="354">
        <v>176037905</v>
      </c>
      <c r="NB21" s="348">
        <v>0</v>
      </c>
      <c r="NC21" s="345">
        <v>0</v>
      </c>
      <c r="ND21" s="349">
        <v>0</v>
      </c>
      <c r="NE21" s="413">
        <v>0</v>
      </c>
      <c r="NF21" s="345">
        <v>12380099</v>
      </c>
      <c r="NG21" s="345">
        <v>25952866</v>
      </c>
      <c r="NH21" s="345">
        <v>38860909</v>
      </c>
      <c r="NI21" s="345">
        <v>43120369</v>
      </c>
      <c r="NJ21" s="345">
        <v>18807304</v>
      </c>
      <c r="NK21" s="349">
        <v>139121547</v>
      </c>
      <c r="NL21" s="347">
        <v>139121547</v>
      </c>
      <c r="NM21" s="348">
        <v>0</v>
      </c>
      <c r="NN21" s="345">
        <v>0</v>
      </c>
      <c r="NO21" s="349">
        <v>0</v>
      </c>
      <c r="NP21" s="413">
        <v>0</v>
      </c>
      <c r="NQ21" s="345">
        <v>0</v>
      </c>
      <c r="NR21" s="345">
        <v>0</v>
      </c>
      <c r="NS21" s="345">
        <v>0</v>
      </c>
      <c r="NT21" s="345">
        <v>0</v>
      </c>
      <c r="NU21" s="345">
        <v>0</v>
      </c>
      <c r="NV21" s="349">
        <v>0</v>
      </c>
      <c r="NW21" s="350">
        <v>0</v>
      </c>
      <c r="NX21" s="348">
        <v>0</v>
      </c>
      <c r="NY21" s="345">
        <v>0</v>
      </c>
      <c r="NZ21" s="349">
        <v>0</v>
      </c>
      <c r="OA21" s="413">
        <v>0</v>
      </c>
      <c r="OB21" s="345">
        <v>0</v>
      </c>
      <c r="OC21" s="345">
        <v>0</v>
      </c>
      <c r="OD21" s="345">
        <v>684001</v>
      </c>
      <c r="OE21" s="345">
        <v>4317274</v>
      </c>
      <c r="OF21" s="345">
        <v>4104670</v>
      </c>
      <c r="OG21" s="349">
        <v>9105945</v>
      </c>
      <c r="OH21" s="350">
        <v>9105945</v>
      </c>
      <c r="OI21" s="348">
        <v>6715168</v>
      </c>
      <c r="OJ21" s="345">
        <v>14583511</v>
      </c>
      <c r="OK21" s="346">
        <v>21298679</v>
      </c>
      <c r="OL21" s="351">
        <v>0</v>
      </c>
      <c r="OM21" s="345">
        <v>107403661</v>
      </c>
      <c r="ON21" s="345">
        <v>193226154</v>
      </c>
      <c r="OO21" s="345">
        <v>218476793</v>
      </c>
      <c r="OP21" s="345">
        <v>245718916</v>
      </c>
      <c r="OQ21" s="345">
        <v>151550272</v>
      </c>
      <c r="OR21" s="349">
        <v>916375796</v>
      </c>
      <c r="OS21" s="354">
        <v>937674475</v>
      </c>
    </row>
    <row r="22" spans="2:409" s="70" customFormat="1" ht="21" customHeight="1" x14ac:dyDescent="0.2">
      <c r="B22" s="410" t="s">
        <v>17</v>
      </c>
      <c r="C22" s="326">
        <v>7179094</v>
      </c>
      <c r="D22" s="327">
        <v>17665262</v>
      </c>
      <c r="E22" s="328">
        <v>24844356</v>
      </c>
      <c r="F22" s="329">
        <v>0</v>
      </c>
      <c r="G22" s="327">
        <v>79139408</v>
      </c>
      <c r="H22" s="327">
        <v>181307774</v>
      </c>
      <c r="I22" s="327">
        <v>149823926</v>
      </c>
      <c r="J22" s="327">
        <v>142536102</v>
      </c>
      <c r="K22" s="327">
        <v>99245109</v>
      </c>
      <c r="L22" s="329">
        <v>652052319</v>
      </c>
      <c r="M22" s="330">
        <v>676896675</v>
      </c>
      <c r="N22" s="326">
        <v>1615114</v>
      </c>
      <c r="O22" s="327">
        <v>4092672</v>
      </c>
      <c r="P22" s="328">
        <v>5707786</v>
      </c>
      <c r="Q22" s="326">
        <v>0</v>
      </c>
      <c r="R22" s="327">
        <v>19758051</v>
      </c>
      <c r="S22" s="327">
        <v>52328183</v>
      </c>
      <c r="T22" s="327">
        <v>49891253</v>
      </c>
      <c r="U22" s="327">
        <v>55831281</v>
      </c>
      <c r="V22" s="327">
        <v>49317182</v>
      </c>
      <c r="W22" s="328">
        <v>227125950</v>
      </c>
      <c r="X22" s="330">
        <v>232833736</v>
      </c>
      <c r="Y22" s="326">
        <v>0</v>
      </c>
      <c r="Z22" s="327">
        <v>0</v>
      </c>
      <c r="AA22" s="328">
        <v>0</v>
      </c>
      <c r="AB22" s="326">
        <v>0</v>
      </c>
      <c r="AC22" s="327">
        <v>8060641</v>
      </c>
      <c r="AD22" s="327">
        <v>25793776</v>
      </c>
      <c r="AE22" s="327">
        <v>29256757</v>
      </c>
      <c r="AF22" s="327">
        <v>33190209</v>
      </c>
      <c r="AG22" s="327">
        <v>28490153</v>
      </c>
      <c r="AH22" s="328">
        <v>124791536</v>
      </c>
      <c r="AI22" s="330">
        <v>124791536</v>
      </c>
      <c r="AJ22" s="326">
        <v>0</v>
      </c>
      <c r="AK22" s="327">
        <v>36915</v>
      </c>
      <c r="AL22" s="328">
        <v>36915</v>
      </c>
      <c r="AM22" s="326">
        <v>0</v>
      </c>
      <c r="AN22" s="327">
        <v>0</v>
      </c>
      <c r="AO22" s="327">
        <v>356383</v>
      </c>
      <c r="AP22" s="327">
        <v>917656</v>
      </c>
      <c r="AQ22" s="327">
        <v>3200275</v>
      </c>
      <c r="AR22" s="327">
        <v>5521909</v>
      </c>
      <c r="AS22" s="328">
        <v>9996223</v>
      </c>
      <c r="AT22" s="330">
        <v>10033138</v>
      </c>
      <c r="AU22" s="326">
        <v>806388</v>
      </c>
      <c r="AV22" s="327">
        <v>2971410</v>
      </c>
      <c r="AW22" s="328">
        <v>3777798</v>
      </c>
      <c r="AX22" s="326">
        <v>0</v>
      </c>
      <c r="AY22" s="327">
        <v>7762270</v>
      </c>
      <c r="AZ22" s="327">
        <v>16753343</v>
      </c>
      <c r="BA22" s="327">
        <v>11457502</v>
      </c>
      <c r="BB22" s="327">
        <v>11092624</v>
      </c>
      <c r="BC22" s="327">
        <v>9436237</v>
      </c>
      <c r="BD22" s="328">
        <v>56501976</v>
      </c>
      <c r="BE22" s="330">
        <v>60279774</v>
      </c>
      <c r="BF22" s="326">
        <v>153500</v>
      </c>
      <c r="BG22" s="327">
        <v>296894</v>
      </c>
      <c r="BH22" s="331">
        <v>450394</v>
      </c>
      <c r="BI22" s="332">
        <v>0</v>
      </c>
      <c r="BJ22" s="327">
        <v>341479</v>
      </c>
      <c r="BK22" s="327">
        <v>1872600</v>
      </c>
      <c r="BL22" s="327">
        <v>978125</v>
      </c>
      <c r="BM22" s="327">
        <v>1050937</v>
      </c>
      <c r="BN22" s="327">
        <v>850004</v>
      </c>
      <c r="BO22" s="328">
        <v>5093145</v>
      </c>
      <c r="BP22" s="330">
        <v>5543539</v>
      </c>
      <c r="BQ22" s="326">
        <v>655226</v>
      </c>
      <c r="BR22" s="327">
        <v>787453</v>
      </c>
      <c r="BS22" s="328">
        <v>1442679</v>
      </c>
      <c r="BT22" s="326">
        <v>0</v>
      </c>
      <c r="BU22" s="327">
        <v>3593661</v>
      </c>
      <c r="BV22" s="327">
        <v>7552081</v>
      </c>
      <c r="BW22" s="327">
        <v>7281213</v>
      </c>
      <c r="BX22" s="327">
        <v>7297236</v>
      </c>
      <c r="BY22" s="327">
        <v>5018879</v>
      </c>
      <c r="BZ22" s="328">
        <v>30743070</v>
      </c>
      <c r="CA22" s="330">
        <v>32185749</v>
      </c>
      <c r="CB22" s="326">
        <v>908018</v>
      </c>
      <c r="CC22" s="327">
        <v>3180777</v>
      </c>
      <c r="CD22" s="328">
        <v>4088795</v>
      </c>
      <c r="CE22" s="326">
        <v>0</v>
      </c>
      <c r="CF22" s="327">
        <v>24654777</v>
      </c>
      <c r="CG22" s="327">
        <v>56719921</v>
      </c>
      <c r="CH22" s="327">
        <v>43806983</v>
      </c>
      <c r="CI22" s="327">
        <v>27975747</v>
      </c>
      <c r="CJ22" s="327">
        <v>16016275</v>
      </c>
      <c r="CK22" s="328">
        <v>169173703</v>
      </c>
      <c r="CL22" s="330">
        <v>173262498</v>
      </c>
      <c r="CM22" s="326">
        <v>0</v>
      </c>
      <c r="CN22" s="327">
        <v>0</v>
      </c>
      <c r="CO22" s="328">
        <v>0</v>
      </c>
      <c r="CP22" s="332">
        <v>0</v>
      </c>
      <c r="CQ22" s="327">
        <v>21522390</v>
      </c>
      <c r="CR22" s="327">
        <v>43156180</v>
      </c>
      <c r="CS22" s="327">
        <v>34737883</v>
      </c>
      <c r="CT22" s="327">
        <v>23425069</v>
      </c>
      <c r="CU22" s="327">
        <v>13969235</v>
      </c>
      <c r="CV22" s="328">
        <v>136810757</v>
      </c>
      <c r="CW22" s="330">
        <v>136810757</v>
      </c>
      <c r="CX22" s="326">
        <v>908018</v>
      </c>
      <c r="CY22" s="327">
        <v>3180777</v>
      </c>
      <c r="CZ22" s="328">
        <v>4088795</v>
      </c>
      <c r="DA22" s="326">
        <v>0</v>
      </c>
      <c r="DB22" s="327">
        <v>3132387</v>
      </c>
      <c r="DC22" s="327">
        <v>13563741</v>
      </c>
      <c r="DD22" s="327">
        <v>9069100</v>
      </c>
      <c r="DE22" s="327">
        <v>4550678</v>
      </c>
      <c r="DF22" s="327">
        <v>2047040</v>
      </c>
      <c r="DG22" s="328">
        <v>32362946</v>
      </c>
      <c r="DH22" s="330">
        <v>36451741</v>
      </c>
      <c r="DI22" s="326">
        <v>21579</v>
      </c>
      <c r="DJ22" s="327">
        <v>89972</v>
      </c>
      <c r="DK22" s="331">
        <v>111551</v>
      </c>
      <c r="DL22" s="332">
        <v>0</v>
      </c>
      <c r="DM22" s="327">
        <v>2188969</v>
      </c>
      <c r="DN22" s="327">
        <v>7894845</v>
      </c>
      <c r="DO22" s="327">
        <v>11169138</v>
      </c>
      <c r="DP22" s="327">
        <v>12777370</v>
      </c>
      <c r="DQ22" s="327">
        <v>5421072</v>
      </c>
      <c r="DR22" s="328">
        <v>39451394</v>
      </c>
      <c r="DS22" s="330">
        <v>39562945</v>
      </c>
      <c r="DT22" s="326">
        <v>21579</v>
      </c>
      <c r="DU22" s="327">
        <v>89972</v>
      </c>
      <c r="DV22" s="328">
        <v>111551</v>
      </c>
      <c r="DW22" s="326">
        <v>0</v>
      </c>
      <c r="DX22" s="327">
        <v>1826629</v>
      </c>
      <c r="DY22" s="327">
        <v>6996152</v>
      </c>
      <c r="DZ22" s="327">
        <v>9561607</v>
      </c>
      <c r="EA22" s="327">
        <v>11542370</v>
      </c>
      <c r="EB22" s="327">
        <v>4627222</v>
      </c>
      <c r="EC22" s="328">
        <v>34553980</v>
      </c>
      <c r="ED22" s="330">
        <v>34665531</v>
      </c>
      <c r="EE22" s="326">
        <v>0</v>
      </c>
      <c r="EF22" s="331">
        <v>0</v>
      </c>
      <c r="EG22" s="328">
        <v>0</v>
      </c>
      <c r="EH22" s="326">
        <v>0</v>
      </c>
      <c r="EI22" s="327">
        <v>362340</v>
      </c>
      <c r="EJ22" s="327">
        <v>898693</v>
      </c>
      <c r="EK22" s="327">
        <v>1607531</v>
      </c>
      <c r="EL22" s="327">
        <v>1235000</v>
      </c>
      <c r="EM22" s="327">
        <v>793850</v>
      </c>
      <c r="EN22" s="331">
        <v>4897414</v>
      </c>
      <c r="EO22" s="330">
        <v>4897414</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1575321</v>
      </c>
      <c r="FM22" s="327">
        <v>3906142</v>
      </c>
      <c r="FN22" s="328">
        <v>5481463</v>
      </c>
      <c r="FO22" s="326">
        <v>0</v>
      </c>
      <c r="FP22" s="327">
        <v>3880185</v>
      </c>
      <c r="FQ22" s="327">
        <v>18118924</v>
      </c>
      <c r="FR22" s="327">
        <v>12913541</v>
      </c>
      <c r="FS22" s="327">
        <v>11440549</v>
      </c>
      <c r="FT22" s="327">
        <v>7069311</v>
      </c>
      <c r="FU22" s="328">
        <v>53422510</v>
      </c>
      <c r="FV22" s="330">
        <v>58903973</v>
      </c>
      <c r="FW22" s="333">
        <v>962372</v>
      </c>
      <c r="FX22" s="327">
        <v>3356785</v>
      </c>
      <c r="FY22" s="331">
        <v>4319157</v>
      </c>
      <c r="FZ22" s="332">
        <v>0</v>
      </c>
      <c r="GA22" s="327">
        <v>3104984</v>
      </c>
      <c r="GB22" s="327">
        <v>16913818</v>
      </c>
      <c r="GC22" s="327">
        <v>11947660</v>
      </c>
      <c r="GD22" s="327">
        <v>10512636</v>
      </c>
      <c r="GE22" s="327">
        <v>6950115</v>
      </c>
      <c r="GF22" s="328">
        <v>49429213</v>
      </c>
      <c r="GG22" s="334">
        <v>53748370</v>
      </c>
      <c r="GH22" s="333">
        <v>66960</v>
      </c>
      <c r="GI22" s="327">
        <v>39996</v>
      </c>
      <c r="GJ22" s="331">
        <v>106956</v>
      </c>
      <c r="GK22" s="332">
        <v>0</v>
      </c>
      <c r="GL22" s="327">
        <v>205487</v>
      </c>
      <c r="GM22" s="327">
        <v>429876</v>
      </c>
      <c r="GN22" s="327">
        <v>164753</v>
      </c>
      <c r="GO22" s="327">
        <v>203490</v>
      </c>
      <c r="GP22" s="327">
        <v>13896</v>
      </c>
      <c r="GQ22" s="328">
        <v>1017502</v>
      </c>
      <c r="GR22" s="330">
        <v>1124458</v>
      </c>
      <c r="GS22" s="326">
        <v>545989</v>
      </c>
      <c r="GT22" s="327">
        <v>509361</v>
      </c>
      <c r="GU22" s="328">
        <v>1055350</v>
      </c>
      <c r="GV22" s="326">
        <v>0</v>
      </c>
      <c r="GW22" s="327">
        <v>569714</v>
      </c>
      <c r="GX22" s="327">
        <v>775230</v>
      </c>
      <c r="GY22" s="327">
        <v>801128</v>
      </c>
      <c r="GZ22" s="327">
        <v>724423</v>
      </c>
      <c r="HA22" s="327">
        <v>105300</v>
      </c>
      <c r="HB22" s="331">
        <v>2975795</v>
      </c>
      <c r="HC22" s="330">
        <v>4031145</v>
      </c>
      <c r="HD22" s="326">
        <v>1750941</v>
      </c>
      <c r="HE22" s="327">
        <v>3310325</v>
      </c>
      <c r="HF22" s="331">
        <v>5061266</v>
      </c>
      <c r="HG22" s="332">
        <v>0</v>
      </c>
      <c r="HH22" s="327">
        <v>14148826</v>
      </c>
      <c r="HI22" s="327">
        <v>21886490</v>
      </c>
      <c r="HJ22" s="327">
        <v>15396562</v>
      </c>
      <c r="HK22" s="327">
        <v>22920225</v>
      </c>
      <c r="HL22" s="327">
        <v>15574886</v>
      </c>
      <c r="HM22" s="328">
        <v>89926989</v>
      </c>
      <c r="HN22" s="329">
        <v>94988255</v>
      </c>
      <c r="HO22" s="333">
        <v>1308121</v>
      </c>
      <c r="HP22" s="327">
        <v>3085374</v>
      </c>
      <c r="HQ22" s="328">
        <v>4393495</v>
      </c>
      <c r="HR22" s="326">
        <v>0</v>
      </c>
      <c r="HS22" s="327">
        <v>14508600</v>
      </c>
      <c r="HT22" s="327">
        <v>24359411</v>
      </c>
      <c r="HU22" s="327">
        <v>16646449</v>
      </c>
      <c r="HV22" s="327">
        <v>11590930</v>
      </c>
      <c r="HW22" s="327">
        <v>5846383</v>
      </c>
      <c r="HX22" s="331">
        <v>72951773</v>
      </c>
      <c r="HY22" s="330">
        <v>77345268</v>
      </c>
      <c r="HZ22" s="358">
        <v>183263</v>
      </c>
      <c r="IA22" s="356">
        <v>559457</v>
      </c>
      <c r="IB22" s="358">
        <v>742720</v>
      </c>
      <c r="IC22" s="355">
        <v>0</v>
      </c>
      <c r="ID22" s="356">
        <v>23679297</v>
      </c>
      <c r="IE22" s="357">
        <v>44309773</v>
      </c>
      <c r="IF22" s="358">
        <v>53387205</v>
      </c>
      <c r="IG22" s="356">
        <v>40172625</v>
      </c>
      <c r="IH22" s="358">
        <v>23232274</v>
      </c>
      <c r="II22" s="359">
        <v>184781174</v>
      </c>
      <c r="IJ22" s="358">
        <v>185523894</v>
      </c>
      <c r="IK22" s="342">
        <v>0</v>
      </c>
      <c r="IL22" s="343">
        <v>0</v>
      </c>
      <c r="IM22" s="344">
        <v>0</v>
      </c>
      <c r="IN22" s="404">
        <v>0</v>
      </c>
      <c r="IO22" s="345">
        <v>0</v>
      </c>
      <c r="IP22" s="345">
        <v>233946</v>
      </c>
      <c r="IQ22" s="345">
        <v>426201</v>
      </c>
      <c r="IR22" s="345">
        <v>473201</v>
      </c>
      <c r="IS22" s="345">
        <v>587800</v>
      </c>
      <c r="IT22" s="346">
        <v>1721148</v>
      </c>
      <c r="IU22" s="347">
        <v>1721148</v>
      </c>
      <c r="IV22" s="348">
        <v>0</v>
      </c>
      <c r="IW22" s="345">
        <v>0</v>
      </c>
      <c r="IX22" s="349">
        <v>0</v>
      </c>
      <c r="IY22" s="413">
        <v>0</v>
      </c>
      <c r="IZ22" s="345">
        <v>0</v>
      </c>
      <c r="JA22" s="345">
        <v>0</v>
      </c>
      <c r="JB22" s="345">
        <v>0</v>
      </c>
      <c r="JC22" s="345">
        <v>0</v>
      </c>
      <c r="JD22" s="345">
        <v>0</v>
      </c>
      <c r="JE22" s="349">
        <v>0</v>
      </c>
      <c r="JF22" s="350">
        <v>0</v>
      </c>
      <c r="JG22" s="348">
        <v>0</v>
      </c>
      <c r="JH22" s="345">
        <v>5066</v>
      </c>
      <c r="JI22" s="346">
        <v>5066</v>
      </c>
      <c r="JJ22" s="351">
        <v>0</v>
      </c>
      <c r="JK22" s="345">
        <v>13533689</v>
      </c>
      <c r="JL22" s="345">
        <v>19780861</v>
      </c>
      <c r="JM22" s="345">
        <v>13940836</v>
      </c>
      <c r="JN22" s="345">
        <v>11916890</v>
      </c>
      <c r="JO22" s="345">
        <v>4960458</v>
      </c>
      <c r="JP22" s="349">
        <v>64132734</v>
      </c>
      <c r="JQ22" s="347">
        <v>64137800</v>
      </c>
      <c r="JR22" s="348">
        <v>64419</v>
      </c>
      <c r="JS22" s="345">
        <v>200492</v>
      </c>
      <c r="JT22" s="346">
        <v>264911</v>
      </c>
      <c r="JU22" s="351">
        <v>0</v>
      </c>
      <c r="JV22" s="345">
        <v>2372466</v>
      </c>
      <c r="JW22" s="345">
        <v>3447053</v>
      </c>
      <c r="JX22" s="345">
        <v>2951819</v>
      </c>
      <c r="JY22" s="345">
        <v>2535425</v>
      </c>
      <c r="JZ22" s="345">
        <v>686971</v>
      </c>
      <c r="KA22" s="349">
        <v>11993734</v>
      </c>
      <c r="KB22" s="347">
        <v>12258645</v>
      </c>
      <c r="KC22" s="352">
        <v>118844</v>
      </c>
      <c r="KD22" s="353">
        <v>353899</v>
      </c>
      <c r="KE22" s="349">
        <v>472743</v>
      </c>
      <c r="KF22" s="351">
        <v>0</v>
      </c>
      <c r="KG22" s="345">
        <v>1143688</v>
      </c>
      <c r="KH22" s="345">
        <v>7338017</v>
      </c>
      <c r="KI22" s="345">
        <v>11345691</v>
      </c>
      <c r="KJ22" s="345">
        <v>8928039</v>
      </c>
      <c r="KK22" s="345">
        <v>4616289</v>
      </c>
      <c r="KL22" s="349">
        <v>33371724</v>
      </c>
      <c r="KM22" s="354">
        <v>33844467</v>
      </c>
      <c r="KN22" s="342">
        <v>0</v>
      </c>
      <c r="KO22" s="343">
        <v>0</v>
      </c>
      <c r="KP22" s="344">
        <v>0</v>
      </c>
      <c r="KQ22" s="413">
        <v>0</v>
      </c>
      <c r="KR22" s="345">
        <v>6529217</v>
      </c>
      <c r="KS22" s="345">
        <v>12759712</v>
      </c>
      <c r="KT22" s="345">
        <v>19849870</v>
      </c>
      <c r="KU22" s="345">
        <v>8493652</v>
      </c>
      <c r="KV22" s="345">
        <v>5633298</v>
      </c>
      <c r="KW22" s="349">
        <v>53265749</v>
      </c>
      <c r="KX22" s="347">
        <v>53265749</v>
      </c>
      <c r="KY22" s="348">
        <v>0</v>
      </c>
      <c r="KZ22" s="345">
        <v>0</v>
      </c>
      <c r="LA22" s="349">
        <v>0</v>
      </c>
      <c r="LB22" s="413">
        <v>0</v>
      </c>
      <c r="LC22" s="345">
        <v>0</v>
      </c>
      <c r="LD22" s="345">
        <v>0</v>
      </c>
      <c r="LE22" s="345">
        <v>0</v>
      </c>
      <c r="LF22" s="345">
        <v>0</v>
      </c>
      <c r="LG22" s="345">
        <v>0</v>
      </c>
      <c r="LH22" s="349">
        <v>0</v>
      </c>
      <c r="LI22" s="350">
        <v>0</v>
      </c>
      <c r="LJ22" s="348">
        <v>0</v>
      </c>
      <c r="LK22" s="345">
        <v>0</v>
      </c>
      <c r="LL22" s="349">
        <v>0</v>
      </c>
      <c r="LM22" s="413">
        <v>0</v>
      </c>
      <c r="LN22" s="345">
        <v>0</v>
      </c>
      <c r="LO22" s="345">
        <v>0</v>
      </c>
      <c r="LP22" s="345">
        <v>3219893</v>
      </c>
      <c r="LQ22" s="345">
        <v>6333252</v>
      </c>
      <c r="LR22" s="345">
        <v>4204530</v>
      </c>
      <c r="LS22" s="349">
        <v>13757675</v>
      </c>
      <c r="LT22" s="347">
        <v>13757675</v>
      </c>
      <c r="LU22" s="348">
        <v>0</v>
      </c>
      <c r="LV22" s="345">
        <v>0</v>
      </c>
      <c r="LW22" s="349">
        <v>0</v>
      </c>
      <c r="LX22" s="413">
        <v>0</v>
      </c>
      <c r="LY22" s="345">
        <v>100237</v>
      </c>
      <c r="LZ22" s="345">
        <v>750184</v>
      </c>
      <c r="MA22" s="345">
        <v>1652895</v>
      </c>
      <c r="MB22" s="345">
        <v>1492166</v>
      </c>
      <c r="MC22" s="345">
        <v>2542928</v>
      </c>
      <c r="MD22" s="349">
        <v>6538410</v>
      </c>
      <c r="ME22" s="350">
        <v>6538410</v>
      </c>
      <c r="MF22" s="348">
        <v>0</v>
      </c>
      <c r="MG22" s="345">
        <v>0</v>
      </c>
      <c r="MH22" s="349">
        <v>0</v>
      </c>
      <c r="MI22" s="413">
        <v>0</v>
      </c>
      <c r="MJ22" s="345">
        <v>10728472</v>
      </c>
      <c r="MK22" s="345">
        <v>31175367</v>
      </c>
      <c r="ML22" s="345">
        <v>94151917</v>
      </c>
      <c r="MM22" s="345">
        <v>126652194</v>
      </c>
      <c r="MN22" s="345">
        <v>97381019</v>
      </c>
      <c r="MO22" s="349">
        <v>360088969</v>
      </c>
      <c r="MP22" s="354">
        <v>360088969</v>
      </c>
      <c r="MQ22" s="348">
        <v>0</v>
      </c>
      <c r="MR22" s="345">
        <v>0</v>
      </c>
      <c r="MS22" s="349">
        <v>0</v>
      </c>
      <c r="MT22" s="413">
        <v>0</v>
      </c>
      <c r="MU22" s="345">
        <v>1056893</v>
      </c>
      <c r="MV22" s="345">
        <v>3318273</v>
      </c>
      <c r="MW22" s="345">
        <v>52636219</v>
      </c>
      <c r="MX22" s="345">
        <v>82275445</v>
      </c>
      <c r="MY22" s="345">
        <v>66543554</v>
      </c>
      <c r="MZ22" s="349">
        <v>205830384</v>
      </c>
      <c r="NA22" s="354">
        <v>205830384</v>
      </c>
      <c r="NB22" s="348">
        <v>0</v>
      </c>
      <c r="NC22" s="345">
        <v>0</v>
      </c>
      <c r="ND22" s="349">
        <v>0</v>
      </c>
      <c r="NE22" s="413">
        <v>0</v>
      </c>
      <c r="NF22" s="345">
        <v>9671579</v>
      </c>
      <c r="NG22" s="345">
        <v>27857094</v>
      </c>
      <c r="NH22" s="345">
        <v>41515698</v>
      </c>
      <c r="NI22" s="345">
        <v>42550948</v>
      </c>
      <c r="NJ22" s="345">
        <v>23683128</v>
      </c>
      <c r="NK22" s="349">
        <v>145278447</v>
      </c>
      <c r="NL22" s="347">
        <v>145278447</v>
      </c>
      <c r="NM22" s="348">
        <v>0</v>
      </c>
      <c r="NN22" s="345">
        <v>0</v>
      </c>
      <c r="NO22" s="349">
        <v>0</v>
      </c>
      <c r="NP22" s="413">
        <v>0</v>
      </c>
      <c r="NQ22" s="345">
        <v>0</v>
      </c>
      <c r="NR22" s="345">
        <v>0</v>
      </c>
      <c r="NS22" s="345">
        <v>0</v>
      </c>
      <c r="NT22" s="345">
        <v>0</v>
      </c>
      <c r="NU22" s="345">
        <v>0</v>
      </c>
      <c r="NV22" s="349">
        <v>0</v>
      </c>
      <c r="NW22" s="350">
        <v>0</v>
      </c>
      <c r="NX22" s="348">
        <v>0</v>
      </c>
      <c r="NY22" s="345">
        <v>0</v>
      </c>
      <c r="NZ22" s="349">
        <v>0</v>
      </c>
      <c r="OA22" s="413">
        <v>0</v>
      </c>
      <c r="OB22" s="345">
        <v>0</v>
      </c>
      <c r="OC22" s="345">
        <v>0</v>
      </c>
      <c r="OD22" s="345">
        <v>0</v>
      </c>
      <c r="OE22" s="345">
        <v>1825801</v>
      </c>
      <c r="OF22" s="345">
        <v>7154337</v>
      </c>
      <c r="OG22" s="349">
        <v>8980138</v>
      </c>
      <c r="OH22" s="350">
        <v>8980138</v>
      </c>
      <c r="OI22" s="348">
        <v>7362357</v>
      </c>
      <c r="OJ22" s="345">
        <v>18224719</v>
      </c>
      <c r="OK22" s="346">
        <v>25587076</v>
      </c>
      <c r="OL22" s="351">
        <v>0</v>
      </c>
      <c r="OM22" s="345">
        <v>113547177</v>
      </c>
      <c r="ON22" s="345">
        <v>256792914</v>
      </c>
      <c r="OO22" s="345">
        <v>297363048</v>
      </c>
      <c r="OP22" s="345">
        <v>309360921</v>
      </c>
      <c r="OQ22" s="345">
        <v>219858402</v>
      </c>
      <c r="OR22" s="349">
        <v>1196922462</v>
      </c>
      <c r="OS22" s="354">
        <v>1222509538</v>
      </c>
    </row>
    <row r="23" spans="2:409" s="70" customFormat="1" ht="21" customHeight="1" x14ac:dyDescent="0.2">
      <c r="B23" s="410" t="s">
        <v>18</v>
      </c>
      <c r="C23" s="326">
        <v>10267584</v>
      </c>
      <c r="D23" s="327">
        <v>19172796</v>
      </c>
      <c r="E23" s="328">
        <v>29440380</v>
      </c>
      <c r="F23" s="329">
        <v>0</v>
      </c>
      <c r="G23" s="327">
        <v>146068614</v>
      </c>
      <c r="H23" s="327">
        <v>181766583</v>
      </c>
      <c r="I23" s="327">
        <v>165339261</v>
      </c>
      <c r="J23" s="327">
        <v>148945442</v>
      </c>
      <c r="K23" s="327">
        <v>113826311</v>
      </c>
      <c r="L23" s="329">
        <v>755946211</v>
      </c>
      <c r="M23" s="330">
        <v>785386591</v>
      </c>
      <c r="N23" s="326">
        <v>2358063</v>
      </c>
      <c r="O23" s="327">
        <v>5478784</v>
      </c>
      <c r="P23" s="328">
        <v>7836847</v>
      </c>
      <c r="Q23" s="326">
        <v>0</v>
      </c>
      <c r="R23" s="327">
        <v>40918094</v>
      </c>
      <c r="S23" s="327">
        <v>57723166</v>
      </c>
      <c r="T23" s="327">
        <v>52420083</v>
      </c>
      <c r="U23" s="327">
        <v>58239909</v>
      </c>
      <c r="V23" s="327">
        <v>59612561</v>
      </c>
      <c r="W23" s="328">
        <v>268913813</v>
      </c>
      <c r="X23" s="330">
        <v>276750660</v>
      </c>
      <c r="Y23" s="326">
        <v>0</v>
      </c>
      <c r="Z23" s="327">
        <v>0</v>
      </c>
      <c r="AA23" s="328">
        <v>0</v>
      </c>
      <c r="AB23" s="326">
        <v>0</v>
      </c>
      <c r="AC23" s="327">
        <v>17966017</v>
      </c>
      <c r="AD23" s="327">
        <v>26389395</v>
      </c>
      <c r="AE23" s="327">
        <v>29712371</v>
      </c>
      <c r="AF23" s="327">
        <v>35349481</v>
      </c>
      <c r="AG23" s="327">
        <v>36782865</v>
      </c>
      <c r="AH23" s="328">
        <v>146200129</v>
      </c>
      <c r="AI23" s="330">
        <v>146200129</v>
      </c>
      <c r="AJ23" s="326">
        <v>0</v>
      </c>
      <c r="AK23" s="327">
        <v>0</v>
      </c>
      <c r="AL23" s="328">
        <v>0</v>
      </c>
      <c r="AM23" s="326">
        <v>0</v>
      </c>
      <c r="AN23" s="327">
        <v>134634</v>
      </c>
      <c r="AO23" s="327">
        <v>751810</v>
      </c>
      <c r="AP23" s="327">
        <v>946528</v>
      </c>
      <c r="AQ23" s="327">
        <v>3170419</v>
      </c>
      <c r="AR23" s="327">
        <v>5694490</v>
      </c>
      <c r="AS23" s="328">
        <v>10697881</v>
      </c>
      <c r="AT23" s="330">
        <v>10697881</v>
      </c>
      <c r="AU23" s="326">
        <v>1194593</v>
      </c>
      <c r="AV23" s="327">
        <v>3996225</v>
      </c>
      <c r="AW23" s="328">
        <v>5190818</v>
      </c>
      <c r="AX23" s="326">
        <v>0</v>
      </c>
      <c r="AY23" s="327">
        <v>13911591</v>
      </c>
      <c r="AZ23" s="327">
        <v>18557851</v>
      </c>
      <c r="BA23" s="327">
        <v>11866381</v>
      </c>
      <c r="BB23" s="327">
        <v>10664470</v>
      </c>
      <c r="BC23" s="327">
        <v>10274427</v>
      </c>
      <c r="BD23" s="328">
        <v>65274720</v>
      </c>
      <c r="BE23" s="330">
        <v>70465538</v>
      </c>
      <c r="BF23" s="326">
        <v>299719</v>
      </c>
      <c r="BG23" s="327">
        <v>657429</v>
      </c>
      <c r="BH23" s="331">
        <v>957148</v>
      </c>
      <c r="BI23" s="332">
        <v>0</v>
      </c>
      <c r="BJ23" s="327">
        <v>1812500</v>
      </c>
      <c r="BK23" s="327">
        <v>3253348</v>
      </c>
      <c r="BL23" s="327">
        <v>1861538</v>
      </c>
      <c r="BM23" s="327">
        <v>856920</v>
      </c>
      <c r="BN23" s="327">
        <v>822405</v>
      </c>
      <c r="BO23" s="328">
        <v>8606711</v>
      </c>
      <c r="BP23" s="330">
        <v>9563859</v>
      </c>
      <c r="BQ23" s="326">
        <v>863751</v>
      </c>
      <c r="BR23" s="327">
        <v>825130</v>
      </c>
      <c r="BS23" s="328">
        <v>1688881</v>
      </c>
      <c r="BT23" s="326">
        <v>0</v>
      </c>
      <c r="BU23" s="327">
        <v>7093352</v>
      </c>
      <c r="BV23" s="327">
        <v>8770762</v>
      </c>
      <c r="BW23" s="327">
        <v>8033265</v>
      </c>
      <c r="BX23" s="327">
        <v>8198619</v>
      </c>
      <c r="BY23" s="327">
        <v>6038374</v>
      </c>
      <c r="BZ23" s="328">
        <v>38134372</v>
      </c>
      <c r="CA23" s="330">
        <v>39823253</v>
      </c>
      <c r="CB23" s="326">
        <v>1659225</v>
      </c>
      <c r="CC23" s="327">
        <v>5309769</v>
      </c>
      <c r="CD23" s="328">
        <v>6968994</v>
      </c>
      <c r="CE23" s="326">
        <v>0</v>
      </c>
      <c r="CF23" s="327">
        <v>49315820</v>
      </c>
      <c r="CG23" s="327">
        <v>57193914</v>
      </c>
      <c r="CH23" s="327">
        <v>49637138</v>
      </c>
      <c r="CI23" s="327">
        <v>28955810</v>
      </c>
      <c r="CJ23" s="327">
        <v>15290088</v>
      </c>
      <c r="CK23" s="328">
        <v>200392770</v>
      </c>
      <c r="CL23" s="330">
        <v>207361764</v>
      </c>
      <c r="CM23" s="326">
        <v>0</v>
      </c>
      <c r="CN23" s="327">
        <v>0</v>
      </c>
      <c r="CO23" s="328">
        <v>0</v>
      </c>
      <c r="CP23" s="332">
        <v>0</v>
      </c>
      <c r="CQ23" s="327">
        <v>40854864</v>
      </c>
      <c r="CR23" s="327">
        <v>45204662</v>
      </c>
      <c r="CS23" s="327">
        <v>38990905</v>
      </c>
      <c r="CT23" s="327">
        <v>23238615</v>
      </c>
      <c r="CU23" s="327">
        <v>12336932</v>
      </c>
      <c r="CV23" s="328">
        <v>160625978</v>
      </c>
      <c r="CW23" s="330">
        <v>160625978</v>
      </c>
      <c r="CX23" s="326">
        <v>1659225</v>
      </c>
      <c r="CY23" s="327">
        <v>5309769</v>
      </c>
      <c r="CZ23" s="328">
        <v>6968994</v>
      </c>
      <c r="DA23" s="326">
        <v>0</v>
      </c>
      <c r="DB23" s="327">
        <v>8460956</v>
      </c>
      <c r="DC23" s="327">
        <v>11989252</v>
      </c>
      <c r="DD23" s="327">
        <v>10646233</v>
      </c>
      <c r="DE23" s="327">
        <v>5717195</v>
      </c>
      <c r="DF23" s="327">
        <v>2953156</v>
      </c>
      <c r="DG23" s="328">
        <v>39766792</v>
      </c>
      <c r="DH23" s="330">
        <v>46735786</v>
      </c>
      <c r="DI23" s="326">
        <v>59328</v>
      </c>
      <c r="DJ23" s="327">
        <v>138894</v>
      </c>
      <c r="DK23" s="331">
        <v>198222</v>
      </c>
      <c r="DL23" s="332">
        <v>0</v>
      </c>
      <c r="DM23" s="327">
        <v>2905254</v>
      </c>
      <c r="DN23" s="327">
        <v>7955395</v>
      </c>
      <c r="DO23" s="327">
        <v>14641565</v>
      </c>
      <c r="DP23" s="327">
        <v>14753389</v>
      </c>
      <c r="DQ23" s="327">
        <v>6788054</v>
      </c>
      <c r="DR23" s="328">
        <v>47043657</v>
      </c>
      <c r="DS23" s="330">
        <v>47241879</v>
      </c>
      <c r="DT23" s="326">
        <v>26238</v>
      </c>
      <c r="DU23" s="327">
        <v>138894</v>
      </c>
      <c r="DV23" s="328">
        <v>165132</v>
      </c>
      <c r="DW23" s="326">
        <v>0</v>
      </c>
      <c r="DX23" s="327">
        <v>2740712</v>
      </c>
      <c r="DY23" s="327">
        <v>7562157</v>
      </c>
      <c r="DZ23" s="327">
        <v>14410810</v>
      </c>
      <c r="EA23" s="327">
        <v>14478605</v>
      </c>
      <c r="EB23" s="327">
        <v>6733299</v>
      </c>
      <c r="EC23" s="328">
        <v>45925583</v>
      </c>
      <c r="ED23" s="330">
        <v>46090715</v>
      </c>
      <c r="EE23" s="326">
        <v>33090</v>
      </c>
      <c r="EF23" s="331">
        <v>0</v>
      </c>
      <c r="EG23" s="328">
        <v>33090</v>
      </c>
      <c r="EH23" s="326">
        <v>0</v>
      </c>
      <c r="EI23" s="327">
        <v>164542</v>
      </c>
      <c r="EJ23" s="327">
        <v>393238</v>
      </c>
      <c r="EK23" s="327">
        <v>230755</v>
      </c>
      <c r="EL23" s="327">
        <v>274784</v>
      </c>
      <c r="EM23" s="327">
        <v>54755</v>
      </c>
      <c r="EN23" s="331">
        <v>1118074</v>
      </c>
      <c r="EO23" s="330">
        <v>1151164</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2565698</v>
      </c>
      <c r="FM23" s="327">
        <v>3893218</v>
      </c>
      <c r="FN23" s="328">
        <v>6458916</v>
      </c>
      <c r="FO23" s="326">
        <v>0</v>
      </c>
      <c r="FP23" s="327">
        <v>7918830</v>
      </c>
      <c r="FQ23" s="327">
        <v>15254440</v>
      </c>
      <c r="FR23" s="327">
        <v>11859386</v>
      </c>
      <c r="FS23" s="327">
        <v>10469133</v>
      </c>
      <c r="FT23" s="327">
        <v>8508230</v>
      </c>
      <c r="FU23" s="328">
        <v>54010019</v>
      </c>
      <c r="FV23" s="330">
        <v>60468935</v>
      </c>
      <c r="FW23" s="333">
        <v>1202450</v>
      </c>
      <c r="FX23" s="327">
        <v>3262248</v>
      </c>
      <c r="FY23" s="331">
        <v>4464698</v>
      </c>
      <c r="FZ23" s="332">
        <v>0</v>
      </c>
      <c r="GA23" s="327">
        <v>6139502</v>
      </c>
      <c r="GB23" s="327">
        <v>14519089</v>
      </c>
      <c r="GC23" s="327">
        <v>11180423</v>
      </c>
      <c r="GD23" s="327">
        <v>9910683</v>
      </c>
      <c r="GE23" s="327">
        <v>8490730</v>
      </c>
      <c r="GF23" s="328">
        <v>50240427</v>
      </c>
      <c r="GG23" s="334">
        <v>54705125</v>
      </c>
      <c r="GH23" s="333">
        <v>140598</v>
      </c>
      <c r="GI23" s="327">
        <v>133650</v>
      </c>
      <c r="GJ23" s="331">
        <v>274248</v>
      </c>
      <c r="GK23" s="332">
        <v>0</v>
      </c>
      <c r="GL23" s="327">
        <v>294709</v>
      </c>
      <c r="GM23" s="327">
        <v>332001</v>
      </c>
      <c r="GN23" s="327">
        <v>230065</v>
      </c>
      <c r="GO23" s="327">
        <v>81630</v>
      </c>
      <c r="GP23" s="327">
        <v>17500</v>
      </c>
      <c r="GQ23" s="328">
        <v>955905</v>
      </c>
      <c r="GR23" s="330">
        <v>1230153</v>
      </c>
      <c r="GS23" s="326">
        <v>1222650</v>
      </c>
      <c r="GT23" s="327">
        <v>497320</v>
      </c>
      <c r="GU23" s="328">
        <v>1719970</v>
      </c>
      <c r="GV23" s="326">
        <v>0</v>
      </c>
      <c r="GW23" s="327">
        <v>1484619</v>
      </c>
      <c r="GX23" s="327">
        <v>403350</v>
      </c>
      <c r="GY23" s="327">
        <v>448898</v>
      </c>
      <c r="GZ23" s="327">
        <v>476820</v>
      </c>
      <c r="HA23" s="327">
        <v>0</v>
      </c>
      <c r="HB23" s="331">
        <v>2813687</v>
      </c>
      <c r="HC23" s="330">
        <v>4533657</v>
      </c>
      <c r="HD23" s="326">
        <v>1943286</v>
      </c>
      <c r="HE23" s="327">
        <v>983040</v>
      </c>
      <c r="HF23" s="331">
        <v>2926326</v>
      </c>
      <c r="HG23" s="332">
        <v>0</v>
      </c>
      <c r="HH23" s="327">
        <v>21505909</v>
      </c>
      <c r="HI23" s="327">
        <v>21286749</v>
      </c>
      <c r="HJ23" s="327">
        <v>21754391</v>
      </c>
      <c r="HK23" s="327">
        <v>26255873</v>
      </c>
      <c r="HL23" s="327">
        <v>17604003</v>
      </c>
      <c r="HM23" s="328">
        <v>108406925</v>
      </c>
      <c r="HN23" s="329">
        <v>111333251</v>
      </c>
      <c r="HO23" s="333">
        <v>1681984</v>
      </c>
      <c r="HP23" s="327">
        <v>3369091</v>
      </c>
      <c r="HQ23" s="328">
        <v>5051075</v>
      </c>
      <c r="HR23" s="326">
        <v>0</v>
      </c>
      <c r="HS23" s="327">
        <v>23504707</v>
      </c>
      <c r="HT23" s="327">
        <v>22352919</v>
      </c>
      <c r="HU23" s="327">
        <v>15026698</v>
      </c>
      <c r="HV23" s="327">
        <v>10271328</v>
      </c>
      <c r="HW23" s="327">
        <v>6023375</v>
      </c>
      <c r="HX23" s="331">
        <v>77179027</v>
      </c>
      <c r="HY23" s="330">
        <v>82230102</v>
      </c>
      <c r="HZ23" s="335">
        <v>302291</v>
      </c>
      <c r="IA23" s="336">
        <v>2278408</v>
      </c>
      <c r="IB23" s="337">
        <v>2580699</v>
      </c>
      <c r="IC23" s="338">
        <v>0</v>
      </c>
      <c r="ID23" s="336">
        <v>34333733</v>
      </c>
      <c r="IE23" s="339">
        <v>41939724</v>
      </c>
      <c r="IF23" s="337">
        <v>57517275</v>
      </c>
      <c r="IG23" s="336">
        <v>37966041</v>
      </c>
      <c r="IH23" s="337">
        <v>22883372</v>
      </c>
      <c r="II23" s="340">
        <v>194640145</v>
      </c>
      <c r="IJ23" s="341">
        <v>197220844</v>
      </c>
      <c r="IK23" s="342">
        <v>0</v>
      </c>
      <c r="IL23" s="343">
        <v>0</v>
      </c>
      <c r="IM23" s="344">
        <v>0</v>
      </c>
      <c r="IN23" s="404">
        <v>0</v>
      </c>
      <c r="IO23" s="345">
        <v>572746</v>
      </c>
      <c r="IP23" s="345">
        <v>1053523</v>
      </c>
      <c r="IQ23" s="345">
        <v>235316</v>
      </c>
      <c r="IR23" s="345">
        <v>0</v>
      </c>
      <c r="IS23" s="345">
        <v>1222055</v>
      </c>
      <c r="IT23" s="346">
        <v>3083640</v>
      </c>
      <c r="IU23" s="347">
        <v>3083640</v>
      </c>
      <c r="IV23" s="348">
        <v>0</v>
      </c>
      <c r="IW23" s="345">
        <v>0</v>
      </c>
      <c r="IX23" s="349">
        <v>0</v>
      </c>
      <c r="IY23" s="413">
        <v>0</v>
      </c>
      <c r="IZ23" s="345">
        <v>0</v>
      </c>
      <c r="JA23" s="345">
        <v>0</v>
      </c>
      <c r="JB23" s="345">
        <v>0</v>
      </c>
      <c r="JC23" s="345">
        <v>0</v>
      </c>
      <c r="JD23" s="345">
        <v>0</v>
      </c>
      <c r="JE23" s="349">
        <v>0</v>
      </c>
      <c r="JF23" s="350">
        <v>0</v>
      </c>
      <c r="JG23" s="348">
        <v>0</v>
      </c>
      <c r="JH23" s="345">
        <v>0</v>
      </c>
      <c r="JI23" s="346">
        <v>0</v>
      </c>
      <c r="JJ23" s="351">
        <v>0</v>
      </c>
      <c r="JK23" s="345">
        <v>13152508</v>
      </c>
      <c r="JL23" s="345">
        <v>11695453</v>
      </c>
      <c r="JM23" s="345">
        <v>9410382</v>
      </c>
      <c r="JN23" s="345">
        <v>4077930</v>
      </c>
      <c r="JO23" s="345">
        <v>2408683</v>
      </c>
      <c r="JP23" s="349">
        <v>40744956</v>
      </c>
      <c r="JQ23" s="347">
        <v>40744956</v>
      </c>
      <c r="JR23" s="348">
        <v>0</v>
      </c>
      <c r="JS23" s="345">
        <v>0</v>
      </c>
      <c r="JT23" s="346">
        <v>0</v>
      </c>
      <c r="JU23" s="351">
        <v>0</v>
      </c>
      <c r="JV23" s="345">
        <v>1029762</v>
      </c>
      <c r="JW23" s="345">
        <v>1124848</v>
      </c>
      <c r="JX23" s="345">
        <v>3097307</v>
      </c>
      <c r="JY23" s="345">
        <v>2193800</v>
      </c>
      <c r="JZ23" s="345">
        <v>662918</v>
      </c>
      <c r="KA23" s="349">
        <v>8108635</v>
      </c>
      <c r="KB23" s="347">
        <v>8108635</v>
      </c>
      <c r="KC23" s="352">
        <v>302291</v>
      </c>
      <c r="KD23" s="353">
        <v>1542704</v>
      </c>
      <c r="KE23" s="349">
        <v>1844995</v>
      </c>
      <c r="KF23" s="351">
        <v>0</v>
      </c>
      <c r="KG23" s="345">
        <v>5983308</v>
      </c>
      <c r="KH23" s="345">
        <v>8073718</v>
      </c>
      <c r="KI23" s="345">
        <v>13900718</v>
      </c>
      <c r="KJ23" s="345">
        <v>4402986</v>
      </c>
      <c r="KK23" s="345">
        <v>2302891</v>
      </c>
      <c r="KL23" s="349">
        <v>34663621</v>
      </c>
      <c r="KM23" s="354">
        <v>36508616</v>
      </c>
      <c r="KN23" s="342">
        <v>0</v>
      </c>
      <c r="KO23" s="343">
        <v>735704</v>
      </c>
      <c r="KP23" s="344">
        <v>735704</v>
      </c>
      <c r="KQ23" s="413">
        <v>0</v>
      </c>
      <c r="KR23" s="345">
        <v>12686154</v>
      </c>
      <c r="KS23" s="345">
        <v>17243673</v>
      </c>
      <c r="KT23" s="345">
        <v>25367139</v>
      </c>
      <c r="KU23" s="345">
        <v>14406561</v>
      </c>
      <c r="KV23" s="345">
        <v>4559014</v>
      </c>
      <c r="KW23" s="349">
        <v>74262541</v>
      </c>
      <c r="KX23" s="347">
        <v>74998245</v>
      </c>
      <c r="KY23" s="348">
        <v>0</v>
      </c>
      <c r="KZ23" s="345">
        <v>0</v>
      </c>
      <c r="LA23" s="349">
        <v>0</v>
      </c>
      <c r="LB23" s="413">
        <v>0</v>
      </c>
      <c r="LC23" s="345">
        <v>0</v>
      </c>
      <c r="LD23" s="345">
        <v>0</v>
      </c>
      <c r="LE23" s="345">
        <v>0</v>
      </c>
      <c r="LF23" s="345">
        <v>0</v>
      </c>
      <c r="LG23" s="345">
        <v>0</v>
      </c>
      <c r="LH23" s="349">
        <v>0</v>
      </c>
      <c r="LI23" s="350">
        <v>0</v>
      </c>
      <c r="LJ23" s="348">
        <v>0</v>
      </c>
      <c r="LK23" s="345">
        <v>0</v>
      </c>
      <c r="LL23" s="349">
        <v>0</v>
      </c>
      <c r="LM23" s="413">
        <v>0</v>
      </c>
      <c r="LN23" s="345">
        <v>0</v>
      </c>
      <c r="LO23" s="345">
        <v>557300</v>
      </c>
      <c r="LP23" s="345">
        <v>2079234</v>
      </c>
      <c r="LQ23" s="345">
        <v>4766329</v>
      </c>
      <c r="LR23" s="345">
        <v>1660202</v>
      </c>
      <c r="LS23" s="349">
        <v>9063065</v>
      </c>
      <c r="LT23" s="347">
        <v>9063065</v>
      </c>
      <c r="LU23" s="348">
        <v>0</v>
      </c>
      <c r="LV23" s="345">
        <v>0</v>
      </c>
      <c r="LW23" s="349">
        <v>0</v>
      </c>
      <c r="LX23" s="413">
        <v>0</v>
      </c>
      <c r="LY23" s="345">
        <v>909255</v>
      </c>
      <c r="LZ23" s="345">
        <v>2191209</v>
      </c>
      <c r="MA23" s="345">
        <v>3427179</v>
      </c>
      <c r="MB23" s="345">
        <v>8118435</v>
      </c>
      <c r="MC23" s="345">
        <v>10067609</v>
      </c>
      <c r="MD23" s="349">
        <v>24713687</v>
      </c>
      <c r="ME23" s="350">
        <v>24713687</v>
      </c>
      <c r="MF23" s="348">
        <v>0</v>
      </c>
      <c r="MG23" s="345">
        <v>0</v>
      </c>
      <c r="MH23" s="349">
        <v>0</v>
      </c>
      <c r="MI23" s="413">
        <v>0</v>
      </c>
      <c r="MJ23" s="345">
        <v>7753015</v>
      </c>
      <c r="MK23" s="345">
        <v>23199636</v>
      </c>
      <c r="ML23" s="345">
        <v>89239776</v>
      </c>
      <c r="MM23" s="345">
        <v>153882560</v>
      </c>
      <c r="MN23" s="345">
        <v>104279963</v>
      </c>
      <c r="MO23" s="349">
        <v>378354950</v>
      </c>
      <c r="MP23" s="354">
        <v>378354950</v>
      </c>
      <c r="MQ23" s="348">
        <v>0</v>
      </c>
      <c r="MR23" s="345">
        <v>0</v>
      </c>
      <c r="MS23" s="349">
        <v>0</v>
      </c>
      <c r="MT23" s="413">
        <v>0</v>
      </c>
      <c r="MU23" s="345">
        <v>1160195</v>
      </c>
      <c r="MV23" s="345">
        <v>3364414</v>
      </c>
      <c r="MW23" s="345">
        <v>53190041</v>
      </c>
      <c r="MX23" s="345">
        <v>111060633</v>
      </c>
      <c r="MY23" s="345">
        <v>76482877</v>
      </c>
      <c r="MZ23" s="349">
        <v>245258160</v>
      </c>
      <c r="NA23" s="354">
        <v>245258160</v>
      </c>
      <c r="NB23" s="348">
        <v>0</v>
      </c>
      <c r="NC23" s="345">
        <v>0</v>
      </c>
      <c r="ND23" s="349">
        <v>0</v>
      </c>
      <c r="NE23" s="413">
        <v>0</v>
      </c>
      <c r="NF23" s="345">
        <v>6592820</v>
      </c>
      <c r="NG23" s="345">
        <v>19514309</v>
      </c>
      <c r="NH23" s="345">
        <v>35659258</v>
      </c>
      <c r="NI23" s="345">
        <v>36051805</v>
      </c>
      <c r="NJ23" s="345">
        <v>21231022</v>
      </c>
      <c r="NK23" s="349">
        <v>119049214</v>
      </c>
      <c r="NL23" s="347">
        <v>119049214</v>
      </c>
      <c r="NM23" s="348">
        <v>0</v>
      </c>
      <c r="NN23" s="345">
        <v>0</v>
      </c>
      <c r="NO23" s="349">
        <v>0</v>
      </c>
      <c r="NP23" s="413">
        <v>0</v>
      </c>
      <c r="NQ23" s="345">
        <v>0</v>
      </c>
      <c r="NR23" s="345">
        <v>0</v>
      </c>
      <c r="NS23" s="345">
        <v>0</v>
      </c>
      <c r="NT23" s="345">
        <v>0</v>
      </c>
      <c r="NU23" s="345">
        <v>0</v>
      </c>
      <c r="NV23" s="349">
        <v>0</v>
      </c>
      <c r="NW23" s="350">
        <v>0</v>
      </c>
      <c r="NX23" s="348">
        <v>0</v>
      </c>
      <c r="NY23" s="345">
        <v>0</v>
      </c>
      <c r="NZ23" s="349">
        <v>0</v>
      </c>
      <c r="OA23" s="413">
        <v>0</v>
      </c>
      <c r="OB23" s="345">
        <v>0</v>
      </c>
      <c r="OC23" s="345">
        <v>320913</v>
      </c>
      <c r="OD23" s="345">
        <v>390477</v>
      </c>
      <c r="OE23" s="345">
        <v>6770122</v>
      </c>
      <c r="OF23" s="345">
        <v>6566064</v>
      </c>
      <c r="OG23" s="349">
        <v>14047576</v>
      </c>
      <c r="OH23" s="350">
        <v>14047576</v>
      </c>
      <c r="OI23" s="348">
        <v>10569875</v>
      </c>
      <c r="OJ23" s="345">
        <v>21451204</v>
      </c>
      <c r="OK23" s="346">
        <v>32021079</v>
      </c>
      <c r="OL23" s="351">
        <v>0</v>
      </c>
      <c r="OM23" s="345">
        <v>188155362</v>
      </c>
      <c r="ON23" s="345">
        <v>246905943</v>
      </c>
      <c r="OO23" s="345">
        <v>312096312</v>
      </c>
      <c r="OP23" s="345">
        <v>340794043</v>
      </c>
      <c r="OQ23" s="345">
        <v>240989646</v>
      </c>
      <c r="OR23" s="349">
        <v>1328941306</v>
      </c>
      <c r="OS23" s="354">
        <v>1360962385</v>
      </c>
    </row>
    <row r="24" spans="2:409" s="70" customFormat="1" ht="21" customHeight="1" x14ac:dyDescent="0.2">
      <c r="B24" s="410" t="s">
        <v>19</v>
      </c>
      <c r="C24" s="326">
        <v>5556681</v>
      </c>
      <c r="D24" s="327">
        <v>9901329</v>
      </c>
      <c r="E24" s="328">
        <v>15458010</v>
      </c>
      <c r="F24" s="329">
        <v>0</v>
      </c>
      <c r="G24" s="327">
        <v>64742052</v>
      </c>
      <c r="H24" s="327">
        <v>72731936</v>
      </c>
      <c r="I24" s="327">
        <v>63691537</v>
      </c>
      <c r="J24" s="327">
        <v>49316394</v>
      </c>
      <c r="K24" s="327">
        <v>35125817</v>
      </c>
      <c r="L24" s="329">
        <v>285607736</v>
      </c>
      <c r="M24" s="330">
        <v>301065746</v>
      </c>
      <c r="N24" s="326">
        <v>1398123</v>
      </c>
      <c r="O24" s="327">
        <v>2166735</v>
      </c>
      <c r="P24" s="328">
        <v>3564858</v>
      </c>
      <c r="Q24" s="326">
        <v>0</v>
      </c>
      <c r="R24" s="327">
        <v>17331069</v>
      </c>
      <c r="S24" s="327">
        <v>18172934</v>
      </c>
      <c r="T24" s="327">
        <v>18081417</v>
      </c>
      <c r="U24" s="327">
        <v>17374027</v>
      </c>
      <c r="V24" s="327">
        <v>15214761</v>
      </c>
      <c r="W24" s="328">
        <v>86174208</v>
      </c>
      <c r="X24" s="330">
        <v>89739066</v>
      </c>
      <c r="Y24" s="326">
        <v>0</v>
      </c>
      <c r="Z24" s="327">
        <v>0</v>
      </c>
      <c r="AA24" s="328">
        <v>0</v>
      </c>
      <c r="AB24" s="326">
        <v>0</v>
      </c>
      <c r="AC24" s="327">
        <v>6508854</v>
      </c>
      <c r="AD24" s="327">
        <v>7565954</v>
      </c>
      <c r="AE24" s="327">
        <v>8639402</v>
      </c>
      <c r="AF24" s="327">
        <v>9794793</v>
      </c>
      <c r="AG24" s="327">
        <v>7543127</v>
      </c>
      <c r="AH24" s="328">
        <v>40052130</v>
      </c>
      <c r="AI24" s="330">
        <v>40052130</v>
      </c>
      <c r="AJ24" s="326">
        <v>0</v>
      </c>
      <c r="AK24" s="327">
        <v>0</v>
      </c>
      <c r="AL24" s="328">
        <v>0</v>
      </c>
      <c r="AM24" s="326">
        <v>0</v>
      </c>
      <c r="AN24" s="327">
        <v>237818</v>
      </c>
      <c r="AO24" s="327">
        <v>572047</v>
      </c>
      <c r="AP24" s="327">
        <v>522391</v>
      </c>
      <c r="AQ24" s="327">
        <v>936928</v>
      </c>
      <c r="AR24" s="327">
        <v>1734530</v>
      </c>
      <c r="AS24" s="328">
        <v>4003714</v>
      </c>
      <c r="AT24" s="330">
        <v>4003714</v>
      </c>
      <c r="AU24" s="326">
        <v>817150</v>
      </c>
      <c r="AV24" s="327">
        <v>1426920</v>
      </c>
      <c r="AW24" s="328">
        <v>2244070</v>
      </c>
      <c r="AX24" s="326">
        <v>0</v>
      </c>
      <c r="AY24" s="327">
        <v>7059780</v>
      </c>
      <c r="AZ24" s="327">
        <v>6180681</v>
      </c>
      <c r="BA24" s="327">
        <v>5575221</v>
      </c>
      <c r="BB24" s="327">
        <v>3733649</v>
      </c>
      <c r="BC24" s="327">
        <v>3800224</v>
      </c>
      <c r="BD24" s="328">
        <v>26349555</v>
      </c>
      <c r="BE24" s="330">
        <v>28593625</v>
      </c>
      <c r="BF24" s="326">
        <v>35471</v>
      </c>
      <c r="BG24" s="327">
        <v>142904</v>
      </c>
      <c r="BH24" s="331">
        <v>178375</v>
      </c>
      <c r="BI24" s="332">
        <v>0</v>
      </c>
      <c r="BJ24" s="327">
        <v>668146</v>
      </c>
      <c r="BK24" s="327">
        <v>442091</v>
      </c>
      <c r="BL24" s="327">
        <v>292696</v>
      </c>
      <c r="BM24" s="327">
        <v>442723</v>
      </c>
      <c r="BN24" s="327">
        <v>111367</v>
      </c>
      <c r="BO24" s="328">
        <v>1957023</v>
      </c>
      <c r="BP24" s="330">
        <v>2135398</v>
      </c>
      <c r="BQ24" s="326">
        <v>545502</v>
      </c>
      <c r="BR24" s="327">
        <v>596911</v>
      </c>
      <c r="BS24" s="328">
        <v>1142413</v>
      </c>
      <c r="BT24" s="326">
        <v>0</v>
      </c>
      <c r="BU24" s="327">
        <v>2856471</v>
      </c>
      <c r="BV24" s="327">
        <v>3412161</v>
      </c>
      <c r="BW24" s="327">
        <v>3051707</v>
      </c>
      <c r="BX24" s="327">
        <v>2465934</v>
      </c>
      <c r="BY24" s="327">
        <v>2025513</v>
      </c>
      <c r="BZ24" s="328">
        <v>13811786</v>
      </c>
      <c r="CA24" s="330">
        <v>14954199</v>
      </c>
      <c r="CB24" s="326">
        <v>893976</v>
      </c>
      <c r="CC24" s="327">
        <v>2974174</v>
      </c>
      <c r="CD24" s="328">
        <v>3868150</v>
      </c>
      <c r="CE24" s="326">
        <v>0</v>
      </c>
      <c r="CF24" s="327">
        <v>21279395</v>
      </c>
      <c r="CG24" s="327">
        <v>26023971</v>
      </c>
      <c r="CH24" s="327">
        <v>18252722</v>
      </c>
      <c r="CI24" s="327">
        <v>10635610</v>
      </c>
      <c r="CJ24" s="327">
        <v>5621254</v>
      </c>
      <c r="CK24" s="328">
        <v>81812952</v>
      </c>
      <c r="CL24" s="330">
        <v>85681102</v>
      </c>
      <c r="CM24" s="326">
        <v>0</v>
      </c>
      <c r="CN24" s="327">
        <v>0</v>
      </c>
      <c r="CO24" s="328">
        <v>0</v>
      </c>
      <c r="CP24" s="332">
        <v>0</v>
      </c>
      <c r="CQ24" s="327">
        <v>15544845</v>
      </c>
      <c r="CR24" s="327">
        <v>19286054</v>
      </c>
      <c r="CS24" s="327">
        <v>13023230</v>
      </c>
      <c r="CT24" s="327">
        <v>7639275</v>
      </c>
      <c r="CU24" s="327">
        <v>4501295</v>
      </c>
      <c r="CV24" s="328">
        <v>59994699</v>
      </c>
      <c r="CW24" s="330">
        <v>59994699</v>
      </c>
      <c r="CX24" s="326">
        <v>893976</v>
      </c>
      <c r="CY24" s="327">
        <v>2974174</v>
      </c>
      <c r="CZ24" s="328">
        <v>3868150</v>
      </c>
      <c r="DA24" s="326">
        <v>0</v>
      </c>
      <c r="DB24" s="327">
        <v>5734550</v>
      </c>
      <c r="DC24" s="327">
        <v>6737917</v>
      </c>
      <c r="DD24" s="327">
        <v>5229492</v>
      </c>
      <c r="DE24" s="327">
        <v>2996335</v>
      </c>
      <c r="DF24" s="327">
        <v>1119959</v>
      </c>
      <c r="DG24" s="328">
        <v>21818253</v>
      </c>
      <c r="DH24" s="330">
        <v>25686403</v>
      </c>
      <c r="DI24" s="326">
        <v>0</v>
      </c>
      <c r="DJ24" s="327">
        <v>73909</v>
      </c>
      <c r="DK24" s="331">
        <v>73909</v>
      </c>
      <c r="DL24" s="332">
        <v>0</v>
      </c>
      <c r="DM24" s="327">
        <v>1522871</v>
      </c>
      <c r="DN24" s="327">
        <v>4168701</v>
      </c>
      <c r="DO24" s="327">
        <v>5035124</v>
      </c>
      <c r="DP24" s="327">
        <v>3367524</v>
      </c>
      <c r="DQ24" s="327">
        <v>1459968</v>
      </c>
      <c r="DR24" s="328">
        <v>15554188</v>
      </c>
      <c r="DS24" s="330">
        <v>15628097</v>
      </c>
      <c r="DT24" s="326">
        <v>0</v>
      </c>
      <c r="DU24" s="327">
        <v>52165</v>
      </c>
      <c r="DV24" s="328">
        <v>52165</v>
      </c>
      <c r="DW24" s="326">
        <v>0</v>
      </c>
      <c r="DX24" s="327">
        <v>1250539</v>
      </c>
      <c r="DY24" s="327">
        <v>3474029</v>
      </c>
      <c r="DZ24" s="327">
        <v>4160516</v>
      </c>
      <c r="EA24" s="327">
        <v>2656029</v>
      </c>
      <c r="EB24" s="327">
        <v>1098157</v>
      </c>
      <c r="EC24" s="328">
        <v>12639270</v>
      </c>
      <c r="ED24" s="330">
        <v>12691435</v>
      </c>
      <c r="EE24" s="326">
        <v>0</v>
      </c>
      <c r="EF24" s="331">
        <v>21744</v>
      </c>
      <c r="EG24" s="328">
        <v>21744</v>
      </c>
      <c r="EH24" s="326">
        <v>0</v>
      </c>
      <c r="EI24" s="327">
        <v>272332</v>
      </c>
      <c r="EJ24" s="327">
        <v>694672</v>
      </c>
      <c r="EK24" s="327">
        <v>874608</v>
      </c>
      <c r="EL24" s="327">
        <v>711495</v>
      </c>
      <c r="EM24" s="327">
        <v>361811</v>
      </c>
      <c r="EN24" s="331">
        <v>2914918</v>
      </c>
      <c r="EO24" s="330">
        <v>2936662</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1599737</v>
      </c>
      <c r="FM24" s="327">
        <v>1902050</v>
      </c>
      <c r="FN24" s="328">
        <v>3501787</v>
      </c>
      <c r="FO24" s="326">
        <v>0</v>
      </c>
      <c r="FP24" s="327">
        <v>4171609</v>
      </c>
      <c r="FQ24" s="327">
        <v>6074508</v>
      </c>
      <c r="FR24" s="327">
        <v>5076887</v>
      </c>
      <c r="FS24" s="327">
        <v>4046276</v>
      </c>
      <c r="FT24" s="327">
        <v>2788990</v>
      </c>
      <c r="FU24" s="328">
        <v>22158270</v>
      </c>
      <c r="FV24" s="330">
        <v>25660057</v>
      </c>
      <c r="FW24" s="333">
        <v>968994</v>
      </c>
      <c r="FX24" s="327">
        <v>1424735</v>
      </c>
      <c r="FY24" s="331">
        <v>2393729</v>
      </c>
      <c r="FZ24" s="332">
        <v>0</v>
      </c>
      <c r="GA24" s="327">
        <v>3608967</v>
      </c>
      <c r="GB24" s="327">
        <v>5651357</v>
      </c>
      <c r="GC24" s="327">
        <v>4812808</v>
      </c>
      <c r="GD24" s="327">
        <v>3812141</v>
      </c>
      <c r="GE24" s="327">
        <v>2788990</v>
      </c>
      <c r="GF24" s="328">
        <v>20674263</v>
      </c>
      <c r="GG24" s="334">
        <v>23067992</v>
      </c>
      <c r="GH24" s="333">
        <v>48312</v>
      </c>
      <c r="GI24" s="327">
        <v>19800</v>
      </c>
      <c r="GJ24" s="331">
        <v>68112</v>
      </c>
      <c r="GK24" s="332">
        <v>0</v>
      </c>
      <c r="GL24" s="327">
        <v>109276</v>
      </c>
      <c r="GM24" s="327">
        <v>206712</v>
      </c>
      <c r="GN24" s="327">
        <v>146432</v>
      </c>
      <c r="GO24" s="327">
        <v>234135</v>
      </c>
      <c r="GP24" s="327">
        <v>0</v>
      </c>
      <c r="GQ24" s="328">
        <v>696555</v>
      </c>
      <c r="GR24" s="330">
        <v>764667</v>
      </c>
      <c r="GS24" s="326">
        <v>582431</v>
      </c>
      <c r="GT24" s="327">
        <v>457515</v>
      </c>
      <c r="GU24" s="328">
        <v>1039946</v>
      </c>
      <c r="GV24" s="326">
        <v>0</v>
      </c>
      <c r="GW24" s="327">
        <v>453366</v>
      </c>
      <c r="GX24" s="327">
        <v>216439</v>
      </c>
      <c r="GY24" s="327">
        <v>117647</v>
      </c>
      <c r="GZ24" s="327">
        <v>0</v>
      </c>
      <c r="HA24" s="327">
        <v>0</v>
      </c>
      <c r="HB24" s="331">
        <v>787452</v>
      </c>
      <c r="HC24" s="330">
        <v>1827398</v>
      </c>
      <c r="HD24" s="326">
        <v>598495</v>
      </c>
      <c r="HE24" s="327">
        <v>1316608</v>
      </c>
      <c r="HF24" s="331">
        <v>1915103</v>
      </c>
      <c r="HG24" s="332">
        <v>0</v>
      </c>
      <c r="HH24" s="327">
        <v>10015904</v>
      </c>
      <c r="HI24" s="327">
        <v>10364110</v>
      </c>
      <c r="HJ24" s="327">
        <v>11657433</v>
      </c>
      <c r="HK24" s="327">
        <v>10468917</v>
      </c>
      <c r="HL24" s="327">
        <v>8082043</v>
      </c>
      <c r="HM24" s="328">
        <v>50588407</v>
      </c>
      <c r="HN24" s="329">
        <v>52503510</v>
      </c>
      <c r="HO24" s="333">
        <v>1066350</v>
      </c>
      <c r="HP24" s="327">
        <v>1467853</v>
      </c>
      <c r="HQ24" s="328">
        <v>2534203</v>
      </c>
      <c r="HR24" s="326">
        <v>0</v>
      </c>
      <c r="HS24" s="327">
        <v>10421204</v>
      </c>
      <c r="HT24" s="327">
        <v>7927712</v>
      </c>
      <c r="HU24" s="327">
        <v>5587954</v>
      </c>
      <c r="HV24" s="327">
        <v>3424040</v>
      </c>
      <c r="HW24" s="327">
        <v>1958801</v>
      </c>
      <c r="HX24" s="331">
        <v>29319711</v>
      </c>
      <c r="HY24" s="330">
        <v>31853914</v>
      </c>
      <c r="HZ24" s="358">
        <v>0</v>
      </c>
      <c r="IA24" s="356">
        <v>96488</v>
      </c>
      <c r="IB24" s="358">
        <v>96488</v>
      </c>
      <c r="IC24" s="355">
        <v>0</v>
      </c>
      <c r="ID24" s="356">
        <v>13559362</v>
      </c>
      <c r="IE24" s="357">
        <v>23953255</v>
      </c>
      <c r="IF24" s="358">
        <v>21418594</v>
      </c>
      <c r="IG24" s="356">
        <v>13109110</v>
      </c>
      <c r="IH24" s="358">
        <v>12666510</v>
      </c>
      <c r="II24" s="359">
        <v>84706831</v>
      </c>
      <c r="IJ24" s="358">
        <v>84803319</v>
      </c>
      <c r="IK24" s="342">
        <v>0</v>
      </c>
      <c r="IL24" s="343">
        <v>0</v>
      </c>
      <c r="IM24" s="344">
        <v>0</v>
      </c>
      <c r="IN24" s="404">
        <v>0</v>
      </c>
      <c r="IO24" s="345">
        <v>838272</v>
      </c>
      <c r="IP24" s="345">
        <v>1578409</v>
      </c>
      <c r="IQ24" s="345">
        <v>1097988</v>
      </c>
      <c r="IR24" s="345">
        <v>1145822</v>
      </c>
      <c r="IS24" s="345">
        <v>1105210</v>
      </c>
      <c r="IT24" s="346">
        <v>5765701</v>
      </c>
      <c r="IU24" s="347">
        <v>5765701</v>
      </c>
      <c r="IV24" s="348">
        <v>0</v>
      </c>
      <c r="IW24" s="345">
        <v>0</v>
      </c>
      <c r="IX24" s="349">
        <v>0</v>
      </c>
      <c r="IY24" s="413">
        <v>0</v>
      </c>
      <c r="IZ24" s="345">
        <v>11054</v>
      </c>
      <c r="JA24" s="345">
        <v>22108</v>
      </c>
      <c r="JB24" s="345">
        <v>50553</v>
      </c>
      <c r="JC24" s="345">
        <v>80618</v>
      </c>
      <c r="JD24" s="345">
        <v>81767</v>
      </c>
      <c r="JE24" s="349">
        <v>246100</v>
      </c>
      <c r="JF24" s="350">
        <v>246100</v>
      </c>
      <c r="JG24" s="348">
        <v>0</v>
      </c>
      <c r="JH24" s="345">
        <v>0</v>
      </c>
      <c r="JI24" s="346">
        <v>0</v>
      </c>
      <c r="JJ24" s="351">
        <v>0</v>
      </c>
      <c r="JK24" s="345">
        <v>5594259</v>
      </c>
      <c r="JL24" s="345">
        <v>6342316</v>
      </c>
      <c r="JM24" s="345">
        <v>4097550</v>
      </c>
      <c r="JN24" s="345">
        <v>2281653</v>
      </c>
      <c r="JO24" s="345">
        <v>1227111</v>
      </c>
      <c r="JP24" s="349">
        <v>19542889</v>
      </c>
      <c r="JQ24" s="347">
        <v>19542889</v>
      </c>
      <c r="JR24" s="348">
        <v>0</v>
      </c>
      <c r="JS24" s="345">
        <v>0</v>
      </c>
      <c r="JT24" s="346">
        <v>0</v>
      </c>
      <c r="JU24" s="351">
        <v>0</v>
      </c>
      <c r="JV24" s="345">
        <v>942887</v>
      </c>
      <c r="JW24" s="345">
        <v>1910134</v>
      </c>
      <c r="JX24" s="345">
        <v>2476362</v>
      </c>
      <c r="JY24" s="345">
        <v>476233</v>
      </c>
      <c r="JZ24" s="345">
        <v>803480</v>
      </c>
      <c r="KA24" s="349">
        <v>6609096</v>
      </c>
      <c r="KB24" s="347">
        <v>6609096</v>
      </c>
      <c r="KC24" s="352">
        <v>0</v>
      </c>
      <c r="KD24" s="353">
        <v>96488</v>
      </c>
      <c r="KE24" s="349">
        <v>96488</v>
      </c>
      <c r="KF24" s="351">
        <v>0</v>
      </c>
      <c r="KG24" s="345">
        <v>3066587</v>
      </c>
      <c r="KH24" s="345">
        <v>7882871</v>
      </c>
      <c r="KI24" s="345">
        <v>6527261</v>
      </c>
      <c r="KJ24" s="345">
        <v>3882172</v>
      </c>
      <c r="KK24" s="345">
        <v>2675263</v>
      </c>
      <c r="KL24" s="349">
        <v>24034154</v>
      </c>
      <c r="KM24" s="354">
        <v>24130642</v>
      </c>
      <c r="KN24" s="342">
        <v>0</v>
      </c>
      <c r="KO24" s="343">
        <v>0</v>
      </c>
      <c r="KP24" s="344">
        <v>0</v>
      </c>
      <c r="KQ24" s="413">
        <v>0</v>
      </c>
      <c r="KR24" s="345">
        <v>2902000</v>
      </c>
      <c r="KS24" s="345">
        <v>6217417</v>
      </c>
      <c r="KT24" s="345">
        <v>6829510</v>
      </c>
      <c r="KU24" s="345">
        <v>4501321</v>
      </c>
      <c r="KV24" s="345">
        <v>2688231</v>
      </c>
      <c r="KW24" s="349">
        <v>23138479</v>
      </c>
      <c r="KX24" s="347">
        <v>23138479</v>
      </c>
      <c r="KY24" s="348">
        <v>0</v>
      </c>
      <c r="KZ24" s="345">
        <v>0</v>
      </c>
      <c r="LA24" s="349">
        <v>0</v>
      </c>
      <c r="LB24" s="413">
        <v>0</v>
      </c>
      <c r="LC24" s="345">
        <v>0</v>
      </c>
      <c r="LD24" s="345">
        <v>0</v>
      </c>
      <c r="LE24" s="345">
        <v>0</v>
      </c>
      <c r="LF24" s="345">
        <v>0</v>
      </c>
      <c r="LG24" s="345">
        <v>0</v>
      </c>
      <c r="LH24" s="349">
        <v>0</v>
      </c>
      <c r="LI24" s="350">
        <v>0</v>
      </c>
      <c r="LJ24" s="348">
        <v>0</v>
      </c>
      <c r="LK24" s="345">
        <v>0</v>
      </c>
      <c r="LL24" s="349">
        <v>0</v>
      </c>
      <c r="LM24" s="413">
        <v>0</v>
      </c>
      <c r="LN24" s="345">
        <v>0</v>
      </c>
      <c r="LO24" s="345">
        <v>0</v>
      </c>
      <c r="LP24" s="345">
        <v>0</v>
      </c>
      <c r="LQ24" s="345">
        <v>0</v>
      </c>
      <c r="LR24" s="345">
        <v>0</v>
      </c>
      <c r="LS24" s="349">
        <v>0</v>
      </c>
      <c r="LT24" s="347">
        <v>0</v>
      </c>
      <c r="LU24" s="348">
        <v>0</v>
      </c>
      <c r="LV24" s="345">
        <v>0</v>
      </c>
      <c r="LW24" s="349">
        <v>0</v>
      </c>
      <c r="LX24" s="413">
        <v>0</v>
      </c>
      <c r="LY24" s="345">
        <v>204303</v>
      </c>
      <c r="LZ24" s="345">
        <v>0</v>
      </c>
      <c r="MA24" s="345">
        <v>339370</v>
      </c>
      <c r="MB24" s="345">
        <v>741291</v>
      </c>
      <c r="MC24" s="345">
        <v>4085448</v>
      </c>
      <c r="MD24" s="349">
        <v>5370412</v>
      </c>
      <c r="ME24" s="350">
        <v>5370412</v>
      </c>
      <c r="MF24" s="348">
        <v>0</v>
      </c>
      <c r="MG24" s="345">
        <v>0</v>
      </c>
      <c r="MH24" s="349">
        <v>0</v>
      </c>
      <c r="MI24" s="413">
        <v>0</v>
      </c>
      <c r="MJ24" s="345">
        <v>7243894</v>
      </c>
      <c r="MK24" s="345">
        <v>12137270</v>
      </c>
      <c r="ML24" s="345">
        <v>46812918</v>
      </c>
      <c r="MM24" s="345">
        <v>48822588</v>
      </c>
      <c r="MN24" s="345">
        <v>37430736</v>
      </c>
      <c r="MO24" s="349">
        <v>152447406</v>
      </c>
      <c r="MP24" s="354">
        <v>152447406</v>
      </c>
      <c r="MQ24" s="348">
        <v>0</v>
      </c>
      <c r="MR24" s="345">
        <v>0</v>
      </c>
      <c r="MS24" s="349">
        <v>0</v>
      </c>
      <c r="MT24" s="413">
        <v>0</v>
      </c>
      <c r="MU24" s="345">
        <v>190683</v>
      </c>
      <c r="MV24" s="345">
        <v>1195375</v>
      </c>
      <c r="MW24" s="345">
        <v>29123336</v>
      </c>
      <c r="MX24" s="345">
        <v>28403439</v>
      </c>
      <c r="MY24" s="345">
        <v>26395611</v>
      </c>
      <c r="MZ24" s="349">
        <v>85308444</v>
      </c>
      <c r="NA24" s="354">
        <v>85308444</v>
      </c>
      <c r="NB24" s="348">
        <v>0</v>
      </c>
      <c r="NC24" s="345">
        <v>0</v>
      </c>
      <c r="ND24" s="349">
        <v>0</v>
      </c>
      <c r="NE24" s="413">
        <v>0</v>
      </c>
      <c r="NF24" s="345">
        <v>7053211</v>
      </c>
      <c r="NG24" s="345">
        <v>10941895</v>
      </c>
      <c r="NH24" s="345">
        <v>17689582</v>
      </c>
      <c r="NI24" s="345">
        <v>19158603</v>
      </c>
      <c r="NJ24" s="345">
        <v>8490031</v>
      </c>
      <c r="NK24" s="349">
        <v>63333322</v>
      </c>
      <c r="NL24" s="347">
        <v>63333322</v>
      </c>
      <c r="NM24" s="348">
        <v>0</v>
      </c>
      <c r="NN24" s="345">
        <v>0</v>
      </c>
      <c r="NO24" s="349">
        <v>0</v>
      </c>
      <c r="NP24" s="413">
        <v>0</v>
      </c>
      <c r="NQ24" s="345">
        <v>0</v>
      </c>
      <c r="NR24" s="345">
        <v>0</v>
      </c>
      <c r="NS24" s="345">
        <v>0</v>
      </c>
      <c r="NT24" s="345">
        <v>0</v>
      </c>
      <c r="NU24" s="345">
        <v>0</v>
      </c>
      <c r="NV24" s="349">
        <v>0</v>
      </c>
      <c r="NW24" s="350">
        <v>0</v>
      </c>
      <c r="NX24" s="348">
        <v>0</v>
      </c>
      <c r="NY24" s="345">
        <v>0</v>
      </c>
      <c r="NZ24" s="349">
        <v>0</v>
      </c>
      <c r="OA24" s="413">
        <v>0</v>
      </c>
      <c r="OB24" s="345">
        <v>0</v>
      </c>
      <c r="OC24" s="345">
        <v>0</v>
      </c>
      <c r="OD24" s="345">
        <v>0</v>
      </c>
      <c r="OE24" s="345">
        <v>1260546</v>
      </c>
      <c r="OF24" s="345">
        <v>2545094</v>
      </c>
      <c r="OG24" s="349">
        <v>3805640</v>
      </c>
      <c r="OH24" s="350">
        <v>3805640</v>
      </c>
      <c r="OI24" s="348">
        <v>5556681</v>
      </c>
      <c r="OJ24" s="345">
        <v>9997817</v>
      </c>
      <c r="OK24" s="346">
        <v>15554498</v>
      </c>
      <c r="OL24" s="351">
        <v>0</v>
      </c>
      <c r="OM24" s="345">
        <v>85545308</v>
      </c>
      <c r="ON24" s="345">
        <v>108822461</v>
      </c>
      <c r="OO24" s="345">
        <v>131923049</v>
      </c>
      <c r="OP24" s="345">
        <v>111248092</v>
      </c>
      <c r="OQ24" s="345">
        <v>85223063</v>
      </c>
      <c r="OR24" s="349">
        <v>522761973</v>
      </c>
      <c r="OS24" s="354">
        <v>538316471</v>
      </c>
    </row>
    <row r="25" spans="2:409" s="70" customFormat="1" ht="21" customHeight="1" x14ac:dyDescent="0.2">
      <c r="B25" s="410" t="s">
        <v>20</v>
      </c>
      <c r="C25" s="326">
        <v>5075554</v>
      </c>
      <c r="D25" s="327">
        <v>12327856</v>
      </c>
      <c r="E25" s="328">
        <v>17403410</v>
      </c>
      <c r="F25" s="326">
        <v>0</v>
      </c>
      <c r="G25" s="327">
        <v>90342236</v>
      </c>
      <c r="H25" s="327">
        <v>86210944</v>
      </c>
      <c r="I25" s="327">
        <v>83489497</v>
      </c>
      <c r="J25" s="327">
        <v>66832978</v>
      </c>
      <c r="K25" s="327">
        <v>46471990</v>
      </c>
      <c r="L25" s="367">
        <v>373347645</v>
      </c>
      <c r="M25" s="330">
        <v>390751055</v>
      </c>
      <c r="N25" s="326">
        <v>1518775</v>
      </c>
      <c r="O25" s="327">
        <v>4115872</v>
      </c>
      <c r="P25" s="328">
        <v>5634647</v>
      </c>
      <c r="Q25" s="326">
        <v>0</v>
      </c>
      <c r="R25" s="327">
        <v>27906401</v>
      </c>
      <c r="S25" s="327">
        <v>27393858</v>
      </c>
      <c r="T25" s="327">
        <v>28281860</v>
      </c>
      <c r="U25" s="327">
        <v>23708397</v>
      </c>
      <c r="V25" s="327">
        <v>23786069</v>
      </c>
      <c r="W25" s="328">
        <v>131076585</v>
      </c>
      <c r="X25" s="330">
        <v>136711232</v>
      </c>
      <c r="Y25" s="326">
        <v>0</v>
      </c>
      <c r="Z25" s="327">
        <v>0</v>
      </c>
      <c r="AA25" s="328">
        <v>0</v>
      </c>
      <c r="AB25" s="326">
        <v>0</v>
      </c>
      <c r="AC25" s="327">
        <v>11504687</v>
      </c>
      <c r="AD25" s="327">
        <v>11587459</v>
      </c>
      <c r="AE25" s="327">
        <v>15056164</v>
      </c>
      <c r="AF25" s="327">
        <v>13461568</v>
      </c>
      <c r="AG25" s="327">
        <v>14917786</v>
      </c>
      <c r="AH25" s="328">
        <v>66527664</v>
      </c>
      <c r="AI25" s="330">
        <v>66527664</v>
      </c>
      <c r="AJ25" s="326">
        <v>0</v>
      </c>
      <c r="AK25" s="327">
        <v>0</v>
      </c>
      <c r="AL25" s="328">
        <v>0</v>
      </c>
      <c r="AM25" s="326">
        <v>0</v>
      </c>
      <c r="AN25" s="327">
        <v>201412</v>
      </c>
      <c r="AO25" s="327">
        <v>325411</v>
      </c>
      <c r="AP25" s="327">
        <v>837277</v>
      </c>
      <c r="AQ25" s="327">
        <v>1301630</v>
      </c>
      <c r="AR25" s="327">
        <v>2071587</v>
      </c>
      <c r="AS25" s="328">
        <v>4737317</v>
      </c>
      <c r="AT25" s="330">
        <v>4737317</v>
      </c>
      <c r="AU25" s="326">
        <v>964013</v>
      </c>
      <c r="AV25" s="327">
        <v>2669643</v>
      </c>
      <c r="AW25" s="328">
        <v>3633656</v>
      </c>
      <c r="AX25" s="326">
        <v>0</v>
      </c>
      <c r="AY25" s="327">
        <v>10260251</v>
      </c>
      <c r="AZ25" s="327">
        <v>9564079</v>
      </c>
      <c r="BA25" s="327">
        <v>6189917</v>
      </c>
      <c r="BB25" s="327">
        <v>4775549</v>
      </c>
      <c r="BC25" s="327">
        <v>3549863</v>
      </c>
      <c r="BD25" s="328">
        <v>34339659</v>
      </c>
      <c r="BE25" s="330">
        <v>37973315</v>
      </c>
      <c r="BF25" s="326">
        <v>215123</v>
      </c>
      <c r="BG25" s="327">
        <v>951937</v>
      </c>
      <c r="BH25" s="331">
        <v>1167060</v>
      </c>
      <c r="BI25" s="332">
        <v>0</v>
      </c>
      <c r="BJ25" s="327">
        <v>2264459</v>
      </c>
      <c r="BK25" s="327">
        <v>2219798</v>
      </c>
      <c r="BL25" s="327">
        <v>1709400</v>
      </c>
      <c r="BM25" s="327">
        <v>1171247</v>
      </c>
      <c r="BN25" s="327">
        <v>531661</v>
      </c>
      <c r="BO25" s="328">
        <v>7896565</v>
      </c>
      <c r="BP25" s="330">
        <v>9063625</v>
      </c>
      <c r="BQ25" s="326">
        <v>339639</v>
      </c>
      <c r="BR25" s="327">
        <v>494292</v>
      </c>
      <c r="BS25" s="328">
        <v>833931</v>
      </c>
      <c r="BT25" s="326">
        <v>0</v>
      </c>
      <c r="BU25" s="327">
        <v>3675592</v>
      </c>
      <c r="BV25" s="327">
        <v>3697111</v>
      </c>
      <c r="BW25" s="327">
        <v>4489102</v>
      </c>
      <c r="BX25" s="327">
        <v>2998403</v>
      </c>
      <c r="BY25" s="327">
        <v>2715172</v>
      </c>
      <c r="BZ25" s="328">
        <v>17575380</v>
      </c>
      <c r="CA25" s="330">
        <v>18409311</v>
      </c>
      <c r="CB25" s="326">
        <v>369026</v>
      </c>
      <c r="CC25" s="327">
        <v>1539605</v>
      </c>
      <c r="CD25" s="328">
        <v>1908631</v>
      </c>
      <c r="CE25" s="326">
        <v>0</v>
      </c>
      <c r="CF25" s="327">
        <v>26882523</v>
      </c>
      <c r="CG25" s="327">
        <v>27066439</v>
      </c>
      <c r="CH25" s="327">
        <v>18672236</v>
      </c>
      <c r="CI25" s="327">
        <v>12253353</v>
      </c>
      <c r="CJ25" s="327">
        <v>4983036</v>
      </c>
      <c r="CK25" s="328">
        <v>89857587</v>
      </c>
      <c r="CL25" s="330">
        <v>91766218</v>
      </c>
      <c r="CM25" s="326">
        <v>0</v>
      </c>
      <c r="CN25" s="327">
        <v>0</v>
      </c>
      <c r="CO25" s="328">
        <v>0</v>
      </c>
      <c r="CP25" s="332">
        <v>0</v>
      </c>
      <c r="CQ25" s="327">
        <v>19932865</v>
      </c>
      <c r="CR25" s="327">
        <v>20664552</v>
      </c>
      <c r="CS25" s="327">
        <v>15064671</v>
      </c>
      <c r="CT25" s="327">
        <v>8846042</v>
      </c>
      <c r="CU25" s="327">
        <v>3667711</v>
      </c>
      <c r="CV25" s="328">
        <v>68175841</v>
      </c>
      <c r="CW25" s="330">
        <v>68175841</v>
      </c>
      <c r="CX25" s="326">
        <v>369026</v>
      </c>
      <c r="CY25" s="327">
        <v>1539605</v>
      </c>
      <c r="CZ25" s="328">
        <v>1908631</v>
      </c>
      <c r="DA25" s="326">
        <v>0</v>
      </c>
      <c r="DB25" s="327">
        <v>6949658</v>
      </c>
      <c r="DC25" s="327">
        <v>6401887</v>
      </c>
      <c r="DD25" s="327">
        <v>3607565</v>
      </c>
      <c r="DE25" s="327">
        <v>3407311</v>
      </c>
      <c r="DF25" s="327">
        <v>1315325</v>
      </c>
      <c r="DG25" s="328">
        <v>21681746</v>
      </c>
      <c r="DH25" s="330">
        <v>23590377</v>
      </c>
      <c r="DI25" s="326">
        <v>0</v>
      </c>
      <c r="DJ25" s="327">
        <v>106332</v>
      </c>
      <c r="DK25" s="331">
        <v>106332</v>
      </c>
      <c r="DL25" s="332">
        <v>0</v>
      </c>
      <c r="DM25" s="327">
        <v>2778412</v>
      </c>
      <c r="DN25" s="327">
        <v>5016456</v>
      </c>
      <c r="DO25" s="327">
        <v>10339921</v>
      </c>
      <c r="DP25" s="327">
        <v>8078060</v>
      </c>
      <c r="DQ25" s="327">
        <v>3394502</v>
      </c>
      <c r="DR25" s="328">
        <v>29607351</v>
      </c>
      <c r="DS25" s="330">
        <v>29713683</v>
      </c>
      <c r="DT25" s="326">
        <v>0</v>
      </c>
      <c r="DU25" s="327">
        <v>106332</v>
      </c>
      <c r="DV25" s="328">
        <v>106332</v>
      </c>
      <c r="DW25" s="326">
        <v>0</v>
      </c>
      <c r="DX25" s="327">
        <v>2669114</v>
      </c>
      <c r="DY25" s="327">
        <v>4791913</v>
      </c>
      <c r="DZ25" s="327">
        <v>9877763</v>
      </c>
      <c r="EA25" s="327">
        <v>7200632</v>
      </c>
      <c r="EB25" s="327">
        <v>3035128</v>
      </c>
      <c r="EC25" s="328">
        <v>27574550</v>
      </c>
      <c r="ED25" s="330">
        <v>27680882</v>
      </c>
      <c r="EE25" s="326">
        <v>0</v>
      </c>
      <c r="EF25" s="331">
        <v>0</v>
      </c>
      <c r="EG25" s="328">
        <v>0</v>
      </c>
      <c r="EH25" s="326">
        <v>0</v>
      </c>
      <c r="EI25" s="327">
        <v>109298</v>
      </c>
      <c r="EJ25" s="327">
        <v>224543</v>
      </c>
      <c r="EK25" s="327">
        <v>462158</v>
      </c>
      <c r="EL25" s="327">
        <v>877428</v>
      </c>
      <c r="EM25" s="327">
        <v>359374</v>
      </c>
      <c r="EN25" s="331">
        <v>2032801</v>
      </c>
      <c r="EO25" s="330">
        <v>2032801</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1375737</v>
      </c>
      <c r="FM25" s="327">
        <v>3220636</v>
      </c>
      <c r="FN25" s="328">
        <v>4596373</v>
      </c>
      <c r="FO25" s="326">
        <v>0</v>
      </c>
      <c r="FP25" s="327">
        <v>7394468</v>
      </c>
      <c r="FQ25" s="327">
        <v>7719051</v>
      </c>
      <c r="FR25" s="327">
        <v>6260985</v>
      </c>
      <c r="FS25" s="327">
        <v>4885274</v>
      </c>
      <c r="FT25" s="327">
        <v>3592817</v>
      </c>
      <c r="FU25" s="328">
        <v>29852595</v>
      </c>
      <c r="FV25" s="330">
        <v>34448968</v>
      </c>
      <c r="FW25" s="333">
        <v>933737</v>
      </c>
      <c r="FX25" s="327">
        <v>2422142</v>
      </c>
      <c r="FY25" s="331">
        <v>3355879</v>
      </c>
      <c r="FZ25" s="332">
        <v>0</v>
      </c>
      <c r="GA25" s="327">
        <v>5446336</v>
      </c>
      <c r="GB25" s="327">
        <v>6999141</v>
      </c>
      <c r="GC25" s="327">
        <v>5584179</v>
      </c>
      <c r="GD25" s="327">
        <v>4598556</v>
      </c>
      <c r="GE25" s="327">
        <v>3406679</v>
      </c>
      <c r="GF25" s="328">
        <v>26034891</v>
      </c>
      <c r="GG25" s="334">
        <v>29390770</v>
      </c>
      <c r="GH25" s="333">
        <v>29700</v>
      </c>
      <c r="GI25" s="327">
        <v>62550</v>
      </c>
      <c r="GJ25" s="331">
        <v>92250</v>
      </c>
      <c r="GK25" s="332">
        <v>0</v>
      </c>
      <c r="GL25" s="327">
        <v>280270</v>
      </c>
      <c r="GM25" s="327">
        <v>93445</v>
      </c>
      <c r="GN25" s="327">
        <v>299346</v>
      </c>
      <c r="GO25" s="327">
        <v>153018</v>
      </c>
      <c r="GP25" s="327">
        <v>43488</v>
      </c>
      <c r="GQ25" s="328">
        <v>869567</v>
      </c>
      <c r="GR25" s="330">
        <v>961817</v>
      </c>
      <c r="GS25" s="326">
        <v>412300</v>
      </c>
      <c r="GT25" s="327">
        <v>735944</v>
      </c>
      <c r="GU25" s="328">
        <v>1148244</v>
      </c>
      <c r="GV25" s="326">
        <v>0</v>
      </c>
      <c r="GW25" s="327">
        <v>1667862</v>
      </c>
      <c r="GX25" s="327">
        <v>626465</v>
      </c>
      <c r="GY25" s="327">
        <v>377460</v>
      </c>
      <c r="GZ25" s="327">
        <v>133700</v>
      </c>
      <c r="HA25" s="327">
        <v>142650</v>
      </c>
      <c r="HB25" s="331">
        <v>2948137</v>
      </c>
      <c r="HC25" s="330">
        <v>4096381</v>
      </c>
      <c r="HD25" s="326">
        <v>702300</v>
      </c>
      <c r="HE25" s="327">
        <v>1265988</v>
      </c>
      <c r="HF25" s="331">
        <v>1968288</v>
      </c>
      <c r="HG25" s="332">
        <v>0</v>
      </c>
      <c r="HH25" s="327">
        <v>13637144</v>
      </c>
      <c r="HI25" s="327">
        <v>10658223</v>
      </c>
      <c r="HJ25" s="327">
        <v>13919798</v>
      </c>
      <c r="HK25" s="327">
        <v>13740498</v>
      </c>
      <c r="HL25" s="327">
        <v>8234235</v>
      </c>
      <c r="HM25" s="328">
        <v>60189898</v>
      </c>
      <c r="HN25" s="329">
        <v>62158186</v>
      </c>
      <c r="HO25" s="333">
        <v>1109716</v>
      </c>
      <c r="HP25" s="327">
        <v>2079423</v>
      </c>
      <c r="HQ25" s="328">
        <v>3189139</v>
      </c>
      <c r="HR25" s="326">
        <v>0</v>
      </c>
      <c r="HS25" s="327">
        <v>11743288</v>
      </c>
      <c r="HT25" s="327">
        <v>8356917</v>
      </c>
      <c r="HU25" s="327">
        <v>6014697</v>
      </c>
      <c r="HV25" s="327">
        <v>4167396</v>
      </c>
      <c r="HW25" s="327">
        <v>2481331</v>
      </c>
      <c r="HX25" s="331">
        <v>32763629</v>
      </c>
      <c r="HY25" s="330">
        <v>35952768</v>
      </c>
      <c r="HZ25" s="335">
        <v>0</v>
      </c>
      <c r="IA25" s="336">
        <v>0</v>
      </c>
      <c r="IB25" s="337">
        <v>0</v>
      </c>
      <c r="IC25" s="338">
        <v>0</v>
      </c>
      <c r="ID25" s="336">
        <v>12149109</v>
      </c>
      <c r="IE25" s="339">
        <v>14027196</v>
      </c>
      <c r="IF25" s="337">
        <v>19692276</v>
      </c>
      <c r="IG25" s="336">
        <v>7407286</v>
      </c>
      <c r="IH25" s="337">
        <v>7059605</v>
      </c>
      <c r="II25" s="340">
        <v>60335472</v>
      </c>
      <c r="IJ25" s="341">
        <v>60335472</v>
      </c>
      <c r="IK25" s="342">
        <v>0</v>
      </c>
      <c r="IL25" s="343">
        <v>0</v>
      </c>
      <c r="IM25" s="344">
        <v>0</v>
      </c>
      <c r="IN25" s="404">
        <v>0</v>
      </c>
      <c r="IO25" s="345">
        <v>86604</v>
      </c>
      <c r="IP25" s="345">
        <v>0</v>
      </c>
      <c r="IQ25" s="345">
        <v>0</v>
      </c>
      <c r="IR25" s="345">
        <v>0</v>
      </c>
      <c r="IS25" s="345">
        <v>303869</v>
      </c>
      <c r="IT25" s="346">
        <v>390473</v>
      </c>
      <c r="IU25" s="347">
        <v>390473</v>
      </c>
      <c r="IV25" s="348">
        <v>0</v>
      </c>
      <c r="IW25" s="345">
        <v>0</v>
      </c>
      <c r="IX25" s="349">
        <v>0</v>
      </c>
      <c r="IY25" s="413">
        <v>0</v>
      </c>
      <c r="IZ25" s="345">
        <v>0</v>
      </c>
      <c r="JA25" s="345">
        <v>0</v>
      </c>
      <c r="JB25" s="345">
        <v>0</v>
      </c>
      <c r="JC25" s="345">
        <v>0</v>
      </c>
      <c r="JD25" s="345">
        <v>0</v>
      </c>
      <c r="JE25" s="349">
        <v>0</v>
      </c>
      <c r="JF25" s="350">
        <v>0</v>
      </c>
      <c r="JG25" s="348">
        <v>0</v>
      </c>
      <c r="JH25" s="345">
        <v>0</v>
      </c>
      <c r="JI25" s="346">
        <v>0</v>
      </c>
      <c r="JJ25" s="351">
        <v>0</v>
      </c>
      <c r="JK25" s="345">
        <v>6906117</v>
      </c>
      <c r="JL25" s="345">
        <v>5747060</v>
      </c>
      <c r="JM25" s="345">
        <v>4570707</v>
      </c>
      <c r="JN25" s="345">
        <v>1948350</v>
      </c>
      <c r="JO25" s="345">
        <v>708457</v>
      </c>
      <c r="JP25" s="349">
        <v>19880691</v>
      </c>
      <c r="JQ25" s="347">
        <v>19880691</v>
      </c>
      <c r="JR25" s="348">
        <v>0</v>
      </c>
      <c r="JS25" s="345">
        <v>0</v>
      </c>
      <c r="JT25" s="346">
        <v>0</v>
      </c>
      <c r="JU25" s="351">
        <v>0</v>
      </c>
      <c r="JV25" s="345">
        <v>152649</v>
      </c>
      <c r="JW25" s="345">
        <v>81913</v>
      </c>
      <c r="JX25" s="345">
        <v>722975</v>
      </c>
      <c r="JY25" s="345">
        <v>273510</v>
      </c>
      <c r="JZ25" s="345">
        <v>72001</v>
      </c>
      <c r="KA25" s="349">
        <v>1303048</v>
      </c>
      <c r="KB25" s="347">
        <v>1303048</v>
      </c>
      <c r="KC25" s="352">
        <v>0</v>
      </c>
      <c r="KD25" s="353">
        <v>0</v>
      </c>
      <c r="KE25" s="349">
        <v>0</v>
      </c>
      <c r="KF25" s="351">
        <v>0</v>
      </c>
      <c r="KG25" s="345">
        <v>1848971</v>
      </c>
      <c r="KH25" s="345">
        <v>596551</v>
      </c>
      <c r="KI25" s="345">
        <v>2645368</v>
      </c>
      <c r="KJ25" s="345">
        <v>303793</v>
      </c>
      <c r="KK25" s="345">
        <v>910341</v>
      </c>
      <c r="KL25" s="349">
        <v>6305024</v>
      </c>
      <c r="KM25" s="354">
        <v>6305024</v>
      </c>
      <c r="KN25" s="342">
        <v>0</v>
      </c>
      <c r="KO25" s="343">
        <v>0</v>
      </c>
      <c r="KP25" s="344">
        <v>0</v>
      </c>
      <c r="KQ25" s="413">
        <v>0</v>
      </c>
      <c r="KR25" s="345">
        <v>3154768</v>
      </c>
      <c r="KS25" s="345">
        <v>7601672</v>
      </c>
      <c r="KT25" s="345">
        <v>11753226</v>
      </c>
      <c r="KU25" s="345">
        <v>4881633</v>
      </c>
      <c r="KV25" s="345">
        <v>5064937</v>
      </c>
      <c r="KW25" s="349">
        <v>32456236</v>
      </c>
      <c r="KX25" s="347">
        <v>32456236</v>
      </c>
      <c r="KY25" s="348">
        <v>0</v>
      </c>
      <c r="KZ25" s="345">
        <v>0</v>
      </c>
      <c r="LA25" s="349">
        <v>0</v>
      </c>
      <c r="LB25" s="413">
        <v>0</v>
      </c>
      <c r="LC25" s="345">
        <v>0</v>
      </c>
      <c r="LD25" s="345">
        <v>0</v>
      </c>
      <c r="LE25" s="345">
        <v>0</v>
      </c>
      <c r="LF25" s="345">
        <v>0</v>
      </c>
      <c r="LG25" s="345">
        <v>0</v>
      </c>
      <c r="LH25" s="349">
        <v>0</v>
      </c>
      <c r="LI25" s="350">
        <v>0</v>
      </c>
      <c r="LJ25" s="348">
        <v>0</v>
      </c>
      <c r="LK25" s="345">
        <v>0</v>
      </c>
      <c r="LL25" s="349">
        <v>0</v>
      </c>
      <c r="LM25" s="413">
        <v>0</v>
      </c>
      <c r="LN25" s="345">
        <v>0</v>
      </c>
      <c r="LO25" s="345">
        <v>0</v>
      </c>
      <c r="LP25" s="345">
        <v>0</v>
      </c>
      <c r="LQ25" s="345">
        <v>0</v>
      </c>
      <c r="LR25" s="345">
        <v>0</v>
      </c>
      <c r="LS25" s="349">
        <v>0</v>
      </c>
      <c r="LT25" s="347">
        <v>0</v>
      </c>
      <c r="LU25" s="348">
        <v>0</v>
      </c>
      <c r="LV25" s="345">
        <v>0</v>
      </c>
      <c r="LW25" s="349">
        <v>0</v>
      </c>
      <c r="LX25" s="413">
        <v>0</v>
      </c>
      <c r="LY25" s="345">
        <v>0</v>
      </c>
      <c r="LZ25" s="345">
        <v>0</v>
      </c>
      <c r="MA25" s="345">
        <v>0</v>
      </c>
      <c r="MB25" s="345">
        <v>0</v>
      </c>
      <c r="MC25" s="345">
        <v>0</v>
      </c>
      <c r="MD25" s="349">
        <v>0</v>
      </c>
      <c r="ME25" s="350">
        <v>0</v>
      </c>
      <c r="MF25" s="348">
        <v>0</v>
      </c>
      <c r="MG25" s="345">
        <v>0</v>
      </c>
      <c r="MH25" s="349">
        <v>0</v>
      </c>
      <c r="MI25" s="413">
        <v>0</v>
      </c>
      <c r="MJ25" s="345">
        <v>4634602</v>
      </c>
      <c r="MK25" s="345">
        <v>15283596</v>
      </c>
      <c r="ML25" s="345">
        <v>40046452</v>
      </c>
      <c r="MM25" s="345">
        <v>71116519</v>
      </c>
      <c r="MN25" s="345">
        <v>37598557</v>
      </c>
      <c r="MO25" s="349">
        <v>168679726</v>
      </c>
      <c r="MP25" s="354">
        <v>168679726</v>
      </c>
      <c r="MQ25" s="348">
        <v>0</v>
      </c>
      <c r="MR25" s="345">
        <v>0</v>
      </c>
      <c r="MS25" s="349">
        <v>0</v>
      </c>
      <c r="MT25" s="413">
        <v>0</v>
      </c>
      <c r="MU25" s="345">
        <v>642805</v>
      </c>
      <c r="MV25" s="345">
        <v>5471515</v>
      </c>
      <c r="MW25" s="345">
        <v>30346899</v>
      </c>
      <c r="MX25" s="345">
        <v>53832375</v>
      </c>
      <c r="MY25" s="345">
        <v>30202882</v>
      </c>
      <c r="MZ25" s="349">
        <v>120496476</v>
      </c>
      <c r="NA25" s="354">
        <v>120496476</v>
      </c>
      <c r="NB25" s="348">
        <v>0</v>
      </c>
      <c r="NC25" s="345">
        <v>0</v>
      </c>
      <c r="ND25" s="349">
        <v>0</v>
      </c>
      <c r="NE25" s="413">
        <v>0</v>
      </c>
      <c r="NF25" s="345">
        <v>3991797</v>
      </c>
      <c r="NG25" s="345">
        <v>9812081</v>
      </c>
      <c r="NH25" s="345">
        <v>9699553</v>
      </c>
      <c r="NI25" s="345">
        <v>15648136</v>
      </c>
      <c r="NJ25" s="345">
        <v>6140069</v>
      </c>
      <c r="NK25" s="349">
        <v>45291636</v>
      </c>
      <c r="NL25" s="347">
        <v>45291636</v>
      </c>
      <c r="NM25" s="348">
        <v>0</v>
      </c>
      <c r="NN25" s="345">
        <v>0</v>
      </c>
      <c r="NO25" s="349">
        <v>0</v>
      </c>
      <c r="NP25" s="413">
        <v>0</v>
      </c>
      <c r="NQ25" s="345">
        <v>0</v>
      </c>
      <c r="NR25" s="345">
        <v>0</v>
      </c>
      <c r="NS25" s="345">
        <v>0</v>
      </c>
      <c r="NT25" s="345">
        <v>0</v>
      </c>
      <c r="NU25" s="345">
        <v>0</v>
      </c>
      <c r="NV25" s="349">
        <v>0</v>
      </c>
      <c r="NW25" s="350">
        <v>0</v>
      </c>
      <c r="NX25" s="348">
        <v>0</v>
      </c>
      <c r="NY25" s="345">
        <v>0</v>
      </c>
      <c r="NZ25" s="349">
        <v>0</v>
      </c>
      <c r="OA25" s="413">
        <v>0</v>
      </c>
      <c r="OB25" s="345">
        <v>0</v>
      </c>
      <c r="OC25" s="345">
        <v>0</v>
      </c>
      <c r="OD25" s="345">
        <v>0</v>
      </c>
      <c r="OE25" s="345">
        <v>1636008</v>
      </c>
      <c r="OF25" s="345">
        <v>1255606</v>
      </c>
      <c r="OG25" s="349">
        <v>2891614</v>
      </c>
      <c r="OH25" s="350">
        <v>2891614</v>
      </c>
      <c r="OI25" s="348">
        <v>5075554</v>
      </c>
      <c r="OJ25" s="345">
        <v>12327856</v>
      </c>
      <c r="OK25" s="346">
        <v>17403410</v>
      </c>
      <c r="OL25" s="351">
        <v>0</v>
      </c>
      <c r="OM25" s="345">
        <v>107125947</v>
      </c>
      <c r="ON25" s="345">
        <v>115521736</v>
      </c>
      <c r="OO25" s="345">
        <v>143228225</v>
      </c>
      <c r="OP25" s="345">
        <v>145356783</v>
      </c>
      <c r="OQ25" s="345">
        <v>91130152</v>
      </c>
      <c r="OR25" s="349">
        <v>602362843</v>
      </c>
      <c r="OS25" s="354">
        <v>619766253</v>
      </c>
    </row>
    <row r="26" spans="2:409" s="70" customFormat="1" ht="21" customHeight="1" x14ac:dyDescent="0.2">
      <c r="B26" s="410" t="s">
        <v>21</v>
      </c>
      <c r="C26" s="326">
        <v>6866262</v>
      </c>
      <c r="D26" s="327">
        <v>13671693</v>
      </c>
      <c r="E26" s="328">
        <v>20537955</v>
      </c>
      <c r="F26" s="329">
        <v>0</v>
      </c>
      <c r="G26" s="327">
        <v>76400143</v>
      </c>
      <c r="H26" s="327">
        <v>104363684</v>
      </c>
      <c r="I26" s="327">
        <v>98698065</v>
      </c>
      <c r="J26" s="327">
        <v>74720237</v>
      </c>
      <c r="K26" s="327">
        <v>56657965</v>
      </c>
      <c r="L26" s="367">
        <v>410840094</v>
      </c>
      <c r="M26" s="330">
        <v>431378049</v>
      </c>
      <c r="N26" s="326">
        <v>2225463</v>
      </c>
      <c r="O26" s="327">
        <v>5133010</v>
      </c>
      <c r="P26" s="328">
        <v>7358473</v>
      </c>
      <c r="Q26" s="326">
        <v>0</v>
      </c>
      <c r="R26" s="327">
        <v>24301745</v>
      </c>
      <c r="S26" s="327">
        <v>36243002</v>
      </c>
      <c r="T26" s="327">
        <v>38264036</v>
      </c>
      <c r="U26" s="327">
        <v>30789281</v>
      </c>
      <c r="V26" s="327">
        <v>31327354</v>
      </c>
      <c r="W26" s="328">
        <v>160925418</v>
      </c>
      <c r="X26" s="330">
        <v>168283891</v>
      </c>
      <c r="Y26" s="326">
        <v>0</v>
      </c>
      <c r="Z26" s="327">
        <v>0</v>
      </c>
      <c r="AA26" s="328">
        <v>0</v>
      </c>
      <c r="AB26" s="326">
        <v>0</v>
      </c>
      <c r="AC26" s="327">
        <v>10268265</v>
      </c>
      <c r="AD26" s="327">
        <v>17510803</v>
      </c>
      <c r="AE26" s="327">
        <v>23204638</v>
      </c>
      <c r="AF26" s="327">
        <v>19288343</v>
      </c>
      <c r="AG26" s="327">
        <v>19769771</v>
      </c>
      <c r="AH26" s="328">
        <v>90041820</v>
      </c>
      <c r="AI26" s="330">
        <v>90041820</v>
      </c>
      <c r="AJ26" s="326">
        <v>0</v>
      </c>
      <c r="AK26" s="327">
        <v>0</v>
      </c>
      <c r="AL26" s="328">
        <v>0</v>
      </c>
      <c r="AM26" s="326">
        <v>0</v>
      </c>
      <c r="AN26" s="327">
        <v>0</v>
      </c>
      <c r="AO26" s="327">
        <v>155475</v>
      </c>
      <c r="AP26" s="327">
        <v>597783</v>
      </c>
      <c r="AQ26" s="327">
        <v>1395624</v>
      </c>
      <c r="AR26" s="327">
        <v>2781431</v>
      </c>
      <c r="AS26" s="328">
        <v>4930313</v>
      </c>
      <c r="AT26" s="330">
        <v>4930313</v>
      </c>
      <c r="AU26" s="326">
        <v>1221271</v>
      </c>
      <c r="AV26" s="327">
        <v>3544328</v>
      </c>
      <c r="AW26" s="328">
        <v>4765599</v>
      </c>
      <c r="AX26" s="326">
        <v>0</v>
      </c>
      <c r="AY26" s="327">
        <v>9234719</v>
      </c>
      <c r="AZ26" s="327">
        <v>11417029</v>
      </c>
      <c r="BA26" s="327">
        <v>8110309</v>
      </c>
      <c r="BB26" s="327">
        <v>5978127</v>
      </c>
      <c r="BC26" s="327">
        <v>5367828</v>
      </c>
      <c r="BD26" s="328">
        <v>40108012</v>
      </c>
      <c r="BE26" s="330">
        <v>44873611</v>
      </c>
      <c r="BF26" s="326">
        <v>398876</v>
      </c>
      <c r="BG26" s="327">
        <v>1091066</v>
      </c>
      <c r="BH26" s="331">
        <v>1489942</v>
      </c>
      <c r="BI26" s="332">
        <v>0</v>
      </c>
      <c r="BJ26" s="327">
        <v>755356</v>
      </c>
      <c r="BK26" s="327">
        <v>1755382</v>
      </c>
      <c r="BL26" s="327">
        <v>1192087</v>
      </c>
      <c r="BM26" s="327">
        <v>462639</v>
      </c>
      <c r="BN26" s="327">
        <v>246353</v>
      </c>
      <c r="BO26" s="328">
        <v>4411817</v>
      </c>
      <c r="BP26" s="330">
        <v>5901759</v>
      </c>
      <c r="BQ26" s="326">
        <v>605316</v>
      </c>
      <c r="BR26" s="327">
        <v>497616</v>
      </c>
      <c r="BS26" s="328">
        <v>1102932</v>
      </c>
      <c r="BT26" s="326">
        <v>0</v>
      </c>
      <c r="BU26" s="327">
        <v>4043405</v>
      </c>
      <c r="BV26" s="327">
        <v>5404313</v>
      </c>
      <c r="BW26" s="327">
        <v>5159219</v>
      </c>
      <c r="BX26" s="327">
        <v>3664548</v>
      </c>
      <c r="BY26" s="327">
        <v>3161971</v>
      </c>
      <c r="BZ26" s="328">
        <v>21433456</v>
      </c>
      <c r="CA26" s="330">
        <v>22536388</v>
      </c>
      <c r="CB26" s="326">
        <v>480604</v>
      </c>
      <c r="CC26" s="327">
        <v>1622536</v>
      </c>
      <c r="CD26" s="328">
        <v>2103140</v>
      </c>
      <c r="CE26" s="326">
        <v>0</v>
      </c>
      <c r="CF26" s="327">
        <v>21338119</v>
      </c>
      <c r="CG26" s="327">
        <v>29658909</v>
      </c>
      <c r="CH26" s="327">
        <v>23473093</v>
      </c>
      <c r="CI26" s="327">
        <v>12060883</v>
      </c>
      <c r="CJ26" s="327">
        <v>4026213</v>
      </c>
      <c r="CK26" s="328">
        <v>90557217</v>
      </c>
      <c r="CL26" s="330">
        <v>92660357</v>
      </c>
      <c r="CM26" s="326">
        <v>0</v>
      </c>
      <c r="CN26" s="327">
        <v>0</v>
      </c>
      <c r="CO26" s="328">
        <v>0</v>
      </c>
      <c r="CP26" s="332">
        <v>0</v>
      </c>
      <c r="CQ26" s="327">
        <v>18178479</v>
      </c>
      <c r="CR26" s="327">
        <v>26140480</v>
      </c>
      <c r="CS26" s="327">
        <v>20538084</v>
      </c>
      <c r="CT26" s="327">
        <v>10559168</v>
      </c>
      <c r="CU26" s="327">
        <v>3152545</v>
      </c>
      <c r="CV26" s="328">
        <v>78568756</v>
      </c>
      <c r="CW26" s="330">
        <v>78568756</v>
      </c>
      <c r="CX26" s="326">
        <v>480604</v>
      </c>
      <c r="CY26" s="327">
        <v>1622536</v>
      </c>
      <c r="CZ26" s="328">
        <v>2103140</v>
      </c>
      <c r="DA26" s="326">
        <v>0</v>
      </c>
      <c r="DB26" s="327">
        <v>3159640</v>
      </c>
      <c r="DC26" s="327">
        <v>3518429</v>
      </c>
      <c r="DD26" s="327">
        <v>2935009</v>
      </c>
      <c r="DE26" s="327">
        <v>1501715</v>
      </c>
      <c r="DF26" s="327">
        <v>873668</v>
      </c>
      <c r="DG26" s="328">
        <v>11988461</v>
      </c>
      <c r="DH26" s="330">
        <v>14091601</v>
      </c>
      <c r="DI26" s="326">
        <v>20822</v>
      </c>
      <c r="DJ26" s="327">
        <v>262460</v>
      </c>
      <c r="DK26" s="331">
        <v>283282</v>
      </c>
      <c r="DL26" s="332">
        <v>0</v>
      </c>
      <c r="DM26" s="327">
        <v>1542215</v>
      </c>
      <c r="DN26" s="327">
        <v>3948932</v>
      </c>
      <c r="DO26" s="327">
        <v>7623991</v>
      </c>
      <c r="DP26" s="327">
        <v>7845843</v>
      </c>
      <c r="DQ26" s="327">
        <v>4275286</v>
      </c>
      <c r="DR26" s="328">
        <v>25236267</v>
      </c>
      <c r="DS26" s="330">
        <v>25519549</v>
      </c>
      <c r="DT26" s="326">
        <v>20822</v>
      </c>
      <c r="DU26" s="327">
        <v>157999</v>
      </c>
      <c r="DV26" s="328">
        <v>178821</v>
      </c>
      <c r="DW26" s="326">
        <v>0</v>
      </c>
      <c r="DX26" s="327">
        <v>1542215</v>
      </c>
      <c r="DY26" s="327">
        <v>3727724</v>
      </c>
      <c r="DZ26" s="327">
        <v>7275003</v>
      </c>
      <c r="EA26" s="327">
        <v>7650519</v>
      </c>
      <c r="EB26" s="327">
        <v>4112099</v>
      </c>
      <c r="EC26" s="328">
        <v>24307560</v>
      </c>
      <c r="ED26" s="330">
        <v>24486381</v>
      </c>
      <c r="EE26" s="326">
        <v>0</v>
      </c>
      <c r="EF26" s="331">
        <v>104461</v>
      </c>
      <c r="EG26" s="328">
        <v>104461</v>
      </c>
      <c r="EH26" s="326">
        <v>0</v>
      </c>
      <c r="EI26" s="327">
        <v>0</v>
      </c>
      <c r="EJ26" s="327">
        <v>221208</v>
      </c>
      <c r="EK26" s="327">
        <v>348988</v>
      </c>
      <c r="EL26" s="327">
        <v>195324</v>
      </c>
      <c r="EM26" s="327">
        <v>163187</v>
      </c>
      <c r="EN26" s="331">
        <v>928707</v>
      </c>
      <c r="EO26" s="330">
        <v>1033168</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1734027</v>
      </c>
      <c r="FM26" s="327">
        <v>3190087</v>
      </c>
      <c r="FN26" s="328">
        <v>4924114</v>
      </c>
      <c r="FO26" s="326">
        <v>0</v>
      </c>
      <c r="FP26" s="327">
        <v>3810191</v>
      </c>
      <c r="FQ26" s="327">
        <v>9430559</v>
      </c>
      <c r="FR26" s="327">
        <v>7244914</v>
      </c>
      <c r="FS26" s="327">
        <v>5583612</v>
      </c>
      <c r="FT26" s="327">
        <v>3673823</v>
      </c>
      <c r="FU26" s="328">
        <v>29743099</v>
      </c>
      <c r="FV26" s="330">
        <v>34667213</v>
      </c>
      <c r="FW26" s="333">
        <v>1104348</v>
      </c>
      <c r="FX26" s="327">
        <v>2243872</v>
      </c>
      <c r="FY26" s="331">
        <v>3348220</v>
      </c>
      <c r="FZ26" s="332">
        <v>0</v>
      </c>
      <c r="GA26" s="327">
        <v>3088667</v>
      </c>
      <c r="GB26" s="327">
        <v>8758181</v>
      </c>
      <c r="GC26" s="327">
        <v>6941324</v>
      </c>
      <c r="GD26" s="327">
        <v>5165495</v>
      </c>
      <c r="GE26" s="327">
        <v>3595613</v>
      </c>
      <c r="GF26" s="328">
        <v>27549280</v>
      </c>
      <c r="GG26" s="334">
        <v>30897500</v>
      </c>
      <c r="GH26" s="333">
        <v>58136</v>
      </c>
      <c r="GI26" s="327">
        <v>28080</v>
      </c>
      <c r="GJ26" s="331">
        <v>86216</v>
      </c>
      <c r="GK26" s="332">
        <v>0</v>
      </c>
      <c r="GL26" s="327">
        <v>207314</v>
      </c>
      <c r="GM26" s="327">
        <v>227745</v>
      </c>
      <c r="GN26" s="327">
        <v>271190</v>
      </c>
      <c r="GO26" s="327">
        <v>29700</v>
      </c>
      <c r="GP26" s="327">
        <v>78210</v>
      </c>
      <c r="GQ26" s="328">
        <v>814159</v>
      </c>
      <c r="GR26" s="330">
        <v>900375</v>
      </c>
      <c r="GS26" s="326">
        <v>571543</v>
      </c>
      <c r="GT26" s="327">
        <v>918135</v>
      </c>
      <c r="GU26" s="328">
        <v>1489678</v>
      </c>
      <c r="GV26" s="326">
        <v>0</v>
      </c>
      <c r="GW26" s="327">
        <v>514210</v>
      </c>
      <c r="GX26" s="327">
        <v>444633</v>
      </c>
      <c r="GY26" s="327">
        <v>32400</v>
      </c>
      <c r="GZ26" s="327">
        <v>388417</v>
      </c>
      <c r="HA26" s="327">
        <v>0</v>
      </c>
      <c r="HB26" s="331">
        <v>1379660</v>
      </c>
      <c r="HC26" s="330">
        <v>2869338</v>
      </c>
      <c r="HD26" s="326">
        <v>997084</v>
      </c>
      <c r="HE26" s="327">
        <v>1323267</v>
      </c>
      <c r="HF26" s="331">
        <v>2320351</v>
      </c>
      <c r="HG26" s="332">
        <v>0</v>
      </c>
      <c r="HH26" s="327">
        <v>13183419</v>
      </c>
      <c r="HI26" s="327">
        <v>12454901</v>
      </c>
      <c r="HJ26" s="327">
        <v>13406378</v>
      </c>
      <c r="HK26" s="327">
        <v>13537715</v>
      </c>
      <c r="HL26" s="327">
        <v>10358490</v>
      </c>
      <c r="HM26" s="328">
        <v>62940903</v>
      </c>
      <c r="HN26" s="329">
        <v>65261254</v>
      </c>
      <c r="HO26" s="333">
        <v>1408262</v>
      </c>
      <c r="HP26" s="327">
        <v>2140333</v>
      </c>
      <c r="HQ26" s="328">
        <v>3548595</v>
      </c>
      <c r="HR26" s="326">
        <v>0</v>
      </c>
      <c r="HS26" s="327">
        <v>12224454</v>
      </c>
      <c r="HT26" s="327">
        <v>12627381</v>
      </c>
      <c r="HU26" s="327">
        <v>8685653</v>
      </c>
      <c r="HV26" s="327">
        <v>4902903</v>
      </c>
      <c r="HW26" s="327">
        <v>2996799</v>
      </c>
      <c r="HX26" s="331">
        <v>41437190</v>
      </c>
      <c r="HY26" s="330">
        <v>44985785</v>
      </c>
      <c r="HZ26" s="358">
        <v>0</v>
      </c>
      <c r="IA26" s="356">
        <v>0</v>
      </c>
      <c r="IB26" s="358">
        <v>0</v>
      </c>
      <c r="IC26" s="355">
        <v>0</v>
      </c>
      <c r="ID26" s="356">
        <v>14393916</v>
      </c>
      <c r="IE26" s="357">
        <v>21010860</v>
      </c>
      <c r="IF26" s="358">
        <v>21816194</v>
      </c>
      <c r="IG26" s="356">
        <v>9208075</v>
      </c>
      <c r="IH26" s="358">
        <v>7411971</v>
      </c>
      <c r="II26" s="359">
        <v>73841016</v>
      </c>
      <c r="IJ26" s="358">
        <v>73841016</v>
      </c>
      <c r="IK26" s="342">
        <v>0</v>
      </c>
      <c r="IL26" s="343">
        <v>0</v>
      </c>
      <c r="IM26" s="344">
        <v>0</v>
      </c>
      <c r="IN26" s="404">
        <v>0</v>
      </c>
      <c r="IO26" s="345">
        <v>108466</v>
      </c>
      <c r="IP26" s="345">
        <v>341064</v>
      </c>
      <c r="IQ26" s="345">
        <v>0</v>
      </c>
      <c r="IR26" s="345">
        <v>0</v>
      </c>
      <c r="IS26" s="345">
        <v>303869</v>
      </c>
      <c r="IT26" s="346">
        <v>753399</v>
      </c>
      <c r="IU26" s="347">
        <v>753399</v>
      </c>
      <c r="IV26" s="348">
        <v>0</v>
      </c>
      <c r="IW26" s="345">
        <v>0</v>
      </c>
      <c r="IX26" s="349">
        <v>0</v>
      </c>
      <c r="IY26" s="413">
        <v>0</v>
      </c>
      <c r="IZ26" s="345">
        <v>0</v>
      </c>
      <c r="JA26" s="345">
        <v>0</v>
      </c>
      <c r="JB26" s="345">
        <v>0</v>
      </c>
      <c r="JC26" s="345">
        <v>0</v>
      </c>
      <c r="JD26" s="345">
        <v>0</v>
      </c>
      <c r="JE26" s="349">
        <v>0</v>
      </c>
      <c r="JF26" s="350">
        <v>0</v>
      </c>
      <c r="JG26" s="348">
        <v>0</v>
      </c>
      <c r="JH26" s="345">
        <v>0</v>
      </c>
      <c r="JI26" s="346">
        <v>0</v>
      </c>
      <c r="JJ26" s="351">
        <v>0</v>
      </c>
      <c r="JK26" s="345">
        <v>8850345</v>
      </c>
      <c r="JL26" s="345">
        <v>9051991</v>
      </c>
      <c r="JM26" s="345">
        <v>7028217</v>
      </c>
      <c r="JN26" s="345">
        <v>2761518</v>
      </c>
      <c r="JO26" s="345">
        <v>1892502</v>
      </c>
      <c r="JP26" s="349">
        <v>29584573</v>
      </c>
      <c r="JQ26" s="347">
        <v>29584573</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1120317</v>
      </c>
      <c r="KH26" s="345">
        <v>1278156</v>
      </c>
      <c r="KI26" s="345">
        <v>4253222</v>
      </c>
      <c r="KJ26" s="345">
        <v>1737113</v>
      </c>
      <c r="KK26" s="345">
        <v>635272</v>
      </c>
      <c r="KL26" s="349">
        <v>9024080</v>
      </c>
      <c r="KM26" s="354">
        <v>9024080</v>
      </c>
      <c r="KN26" s="342">
        <v>0</v>
      </c>
      <c r="KO26" s="343">
        <v>0</v>
      </c>
      <c r="KP26" s="344">
        <v>0</v>
      </c>
      <c r="KQ26" s="413">
        <v>0</v>
      </c>
      <c r="KR26" s="345">
        <v>4029428</v>
      </c>
      <c r="KS26" s="345">
        <v>9947583</v>
      </c>
      <c r="KT26" s="345">
        <v>9723514</v>
      </c>
      <c r="KU26" s="345">
        <v>4089688</v>
      </c>
      <c r="KV26" s="345">
        <v>2914082</v>
      </c>
      <c r="KW26" s="349">
        <v>30704295</v>
      </c>
      <c r="KX26" s="347">
        <v>30704295</v>
      </c>
      <c r="KY26" s="348">
        <v>0</v>
      </c>
      <c r="KZ26" s="345">
        <v>0</v>
      </c>
      <c r="LA26" s="349">
        <v>0</v>
      </c>
      <c r="LB26" s="413">
        <v>0</v>
      </c>
      <c r="LC26" s="345">
        <v>0</v>
      </c>
      <c r="LD26" s="345">
        <v>0</v>
      </c>
      <c r="LE26" s="345">
        <v>0</v>
      </c>
      <c r="LF26" s="345">
        <v>0</v>
      </c>
      <c r="LG26" s="345">
        <v>0</v>
      </c>
      <c r="LH26" s="349">
        <v>0</v>
      </c>
      <c r="LI26" s="350">
        <v>0</v>
      </c>
      <c r="LJ26" s="348">
        <v>0</v>
      </c>
      <c r="LK26" s="345">
        <v>0</v>
      </c>
      <c r="LL26" s="349">
        <v>0</v>
      </c>
      <c r="LM26" s="413">
        <v>0</v>
      </c>
      <c r="LN26" s="345">
        <v>0</v>
      </c>
      <c r="LO26" s="345">
        <v>0</v>
      </c>
      <c r="LP26" s="345">
        <v>0</v>
      </c>
      <c r="LQ26" s="345">
        <v>0</v>
      </c>
      <c r="LR26" s="345">
        <v>0</v>
      </c>
      <c r="LS26" s="349">
        <v>0</v>
      </c>
      <c r="LT26" s="347">
        <v>0</v>
      </c>
      <c r="LU26" s="348">
        <v>0</v>
      </c>
      <c r="LV26" s="345">
        <v>0</v>
      </c>
      <c r="LW26" s="349">
        <v>0</v>
      </c>
      <c r="LX26" s="413">
        <v>0</v>
      </c>
      <c r="LY26" s="345">
        <v>285360</v>
      </c>
      <c r="LZ26" s="345">
        <v>392066</v>
      </c>
      <c r="MA26" s="345">
        <v>811241</v>
      </c>
      <c r="MB26" s="345">
        <v>619756</v>
      </c>
      <c r="MC26" s="345">
        <v>1666246</v>
      </c>
      <c r="MD26" s="349">
        <v>3774669</v>
      </c>
      <c r="ME26" s="350">
        <v>3774669</v>
      </c>
      <c r="MF26" s="348">
        <v>0</v>
      </c>
      <c r="MG26" s="345">
        <v>0</v>
      </c>
      <c r="MH26" s="349">
        <v>0</v>
      </c>
      <c r="MI26" s="413">
        <v>0</v>
      </c>
      <c r="MJ26" s="345">
        <v>5724388</v>
      </c>
      <c r="MK26" s="345">
        <v>11723509</v>
      </c>
      <c r="ML26" s="345">
        <v>59189752</v>
      </c>
      <c r="MM26" s="345">
        <v>76256139</v>
      </c>
      <c r="MN26" s="345">
        <v>56249023</v>
      </c>
      <c r="MO26" s="349">
        <v>209142811</v>
      </c>
      <c r="MP26" s="354">
        <v>209142811</v>
      </c>
      <c r="MQ26" s="348">
        <v>0</v>
      </c>
      <c r="MR26" s="345">
        <v>0</v>
      </c>
      <c r="MS26" s="349">
        <v>0</v>
      </c>
      <c r="MT26" s="413">
        <v>0</v>
      </c>
      <c r="MU26" s="345">
        <v>660397</v>
      </c>
      <c r="MV26" s="345">
        <v>3261964</v>
      </c>
      <c r="MW26" s="345">
        <v>45637395</v>
      </c>
      <c r="MX26" s="345">
        <v>54977623</v>
      </c>
      <c r="MY26" s="345">
        <v>42196167</v>
      </c>
      <c r="MZ26" s="349">
        <v>146733546</v>
      </c>
      <c r="NA26" s="354">
        <v>146733546</v>
      </c>
      <c r="NB26" s="348">
        <v>0</v>
      </c>
      <c r="NC26" s="345">
        <v>0</v>
      </c>
      <c r="ND26" s="349">
        <v>0</v>
      </c>
      <c r="NE26" s="413">
        <v>0</v>
      </c>
      <c r="NF26" s="345">
        <v>5063991</v>
      </c>
      <c r="NG26" s="345">
        <v>8146498</v>
      </c>
      <c r="NH26" s="345">
        <v>13180504</v>
      </c>
      <c r="NI26" s="345">
        <v>17507228</v>
      </c>
      <c r="NJ26" s="345">
        <v>6150443</v>
      </c>
      <c r="NK26" s="349">
        <v>50048664</v>
      </c>
      <c r="NL26" s="347">
        <v>50048664</v>
      </c>
      <c r="NM26" s="348">
        <v>0</v>
      </c>
      <c r="NN26" s="345">
        <v>0</v>
      </c>
      <c r="NO26" s="349">
        <v>0</v>
      </c>
      <c r="NP26" s="413">
        <v>0</v>
      </c>
      <c r="NQ26" s="345">
        <v>0</v>
      </c>
      <c r="NR26" s="345">
        <v>0</v>
      </c>
      <c r="NS26" s="345">
        <v>0</v>
      </c>
      <c r="NT26" s="345">
        <v>0</v>
      </c>
      <c r="NU26" s="345">
        <v>0</v>
      </c>
      <c r="NV26" s="349">
        <v>0</v>
      </c>
      <c r="NW26" s="350">
        <v>0</v>
      </c>
      <c r="NX26" s="348">
        <v>0</v>
      </c>
      <c r="NY26" s="345">
        <v>0</v>
      </c>
      <c r="NZ26" s="349">
        <v>0</v>
      </c>
      <c r="OA26" s="413">
        <v>0</v>
      </c>
      <c r="OB26" s="345">
        <v>0</v>
      </c>
      <c r="OC26" s="345">
        <v>315047</v>
      </c>
      <c r="OD26" s="345">
        <v>371853</v>
      </c>
      <c r="OE26" s="345">
        <v>3771288</v>
      </c>
      <c r="OF26" s="345">
        <v>7902413</v>
      </c>
      <c r="OG26" s="349">
        <v>12360601</v>
      </c>
      <c r="OH26" s="350">
        <v>12360601</v>
      </c>
      <c r="OI26" s="348">
        <v>6866262</v>
      </c>
      <c r="OJ26" s="345">
        <v>13671693</v>
      </c>
      <c r="OK26" s="346">
        <v>20537955</v>
      </c>
      <c r="OL26" s="351">
        <v>0</v>
      </c>
      <c r="OM26" s="345">
        <v>96518447</v>
      </c>
      <c r="ON26" s="345">
        <v>137098053</v>
      </c>
      <c r="OO26" s="345">
        <v>179704011</v>
      </c>
      <c r="OP26" s="345">
        <v>160184451</v>
      </c>
      <c r="OQ26" s="345">
        <v>120318959</v>
      </c>
      <c r="OR26" s="349">
        <v>693823921</v>
      </c>
      <c r="OS26" s="354">
        <v>714361876</v>
      </c>
    </row>
    <row r="27" spans="2:409" s="70" customFormat="1" ht="21" customHeight="1" x14ac:dyDescent="0.2">
      <c r="B27" s="410" t="s">
        <v>22</v>
      </c>
      <c r="C27" s="326">
        <v>1413069</v>
      </c>
      <c r="D27" s="327">
        <v>4255101</v>
      </c>
      <c r="E27" s="328">
        <v>5668170</v>
      </c>
      <c r="F27" s="329">
        <v>0</v>
      </c>
      <c r="G27" s="327">
        <v>26989947</v>
      </c>
      <c r="H27" s="327">
        <v>35202544</v>
      </c>
      <c r="I27" s="327">
        <v>25219024</v>
      </c>
      <c r="J27" s="327">
        <v>30092839</v>
      </c>
      <c r="K27" s="327">
        <v>18845917</v>
      </c>
      <c r="L27" s="367">
        <v>136350271</v>
      </c>
      <c r="M27" s="330">
        <v>142018441</v>
      </c>
      <c r="N27" s="326">
        <v>305587</v>
      </c>
      <c r="O27" s="327">
        <v>508400</v>
      </c>
      <c r="P27" s="328">
        <v>813987</v>
      </c>
      <c r="Q27" s="326">
        <v>0</v>
      </c>
      <c r="R27" s="327">
        <v>5319903</v>
      </c>
      <c r="S27" s="327">
        <v>9171080</v>
      </c>
      <c r="T27" s="327">
        <v>4673977</v>
      </c>
      <c r="U27" s="327">
        <v>10458512</v>
      </c>
      <c r="V27" s="327">
        <v>10122072</v>
      </c>
      <c r="W27" s="328">
        <v>39745544</v>
      </c>
      <c r="X27" s="330">
        <v>40559531</v>
      </c>
      <c r="Y27" s="326">
        <v>0</v>
      </c>
      <c r="Z27" s="327">
        <v>0</v>
      </c>
      <c r="AA27" s="328">
        <v>0</v>
      </c>
      <c r="AB27" s="326">
        <v>0</v>
      </c>
      <c r="AC27" s="327">
        <v>2059803</v>
      </c>
      <c r="AD27" s="327">
        <v>4249296</v>
      </c>
      <c r="AE27" s="327">
        <v>1993398</v>
      </c>
      <c r="AF27" s="327">
        <v>6047988</v>
      </c>
      <c r="AG27" s="327">
        <v>5578924</v>
      </c>
      <c r="AH27" s="328">
        <v>19929409</v>
      </c>
      <c r="AI27" s="330">
        <v>19929409</v>
      </c>
      <c r="AJ27" s="326">
        <v>0</v>
      </c>
      <c r="AK27" s="327">
        <v>0</v>
      </c>
      <c r="AL27" s="328">
        <v>0</v>
      </c>
      <c r="AM27" s="326">
        <v>0</v>
      </c>
      <c r="AN27" s="327">
        <v>138717</v>
      </c>
      <c r="AO27" s="327">
        <v>195806</v>
      </c>
      <c r="AP27" s="327">
        <v>138448</v>
      </c>
      <c r="AQ27" s="327">
        <v>894682</v>
      </c>
      <c r="AR27" s="327">
        <v>1461878</v>
      </c>
      <c r="AS27" s="328">
        <v>2829531</v>
      </c>
      <c r="AT27" s="330">
        <v>2829531</v>
      </c>
      <c r="AU27" s="326">
        <v>168383</v>
      </c>
      <c r="AV27" s="327">
        <v>438524</v>
      </c>
      <c r="AW27" s="328">
        <v>606907</v>
      </c>
      <c r="AX27" s="326">
        <v>0</v>
      </c>
      <c r="AY27" s="327">
        <v>1819048</v>
      </c>
      <c r="AZ27" s="327">
        <v>2866819</v>
      </c>
      <c r="BA27" s="327">
        <v>1360428</v>
      </c>
      <c r="BB27" s="327">
        <v>2069357</v>
      </c>
      <c r="BC27" s="327">
        <v>2327891</v>
      </c>
      <c r="BD27" s="328">
        <v>10443543</v>
      </c>
      <c r="BE27" s="330">
        <v>11050450</v>
      </c>
      <c r="BF27" s="326">
        <v>38520</v>
      </c>
      <c r="BG27" s="327">
        <v>0</v>
      </c>
      <c r="BH27" s="331">
        <v>38520</v>
      </c>
      <c r="BI27" s="332">
        <v>0</v>
      </c>
      <c r="BJ27" s="327">
        <v>389253</v>
      </c>
      <c r="BK27" s="327">
        <v>478897</v>
      </c>
      <c r="BL27" s="327">
        <v>130191</v>
      </c>
      <c r="BM27" s="327">
        <v>331746</v>
      </c>
      <c r="BN27" s="327">
        <v>122577</v>
      </c>
      <c r="BO27" s="328">
        <v>1452664</v>
      </c>
      <c r="BP27" s="330">
        <v>1491184</v>
      </c>
      <c r="BQ27" s="326">
        <v>98684</v>
      </c>
      <c r="BR27" s="327">
        <v>69876</v>
      </c>
      <c r="BS27" s="328">
        <v>168560</v>
      </c>
      <c r="BT27" s="326">
        <v>0</v>
      </c>
      <c r="BU27" s="327">
        <v>913082</v>
      </c>
      <c r="BV27" s="327">
        <v>1380262</v>
      </c>
      <c r="BW27" s="327">
        <v>1051512</v>
      </c>
      <c r="BX27" s="327">
        <v>1114739</v>
      </c>
      <c r="BY27" s="327">
        <v>630802</v>
      </c>
      <c r="BZ27" s="328">
        <v>5090397</v>
      </c>
      <c r="CA27" s="330">
        <v>5258957</v>
      </c>
      <c r="CB27" s="326">
        <v>210148</v>
      </c>
      <c r="CC27" s="327">
        <v>673938</v>
      </c>
      <c r="CD27" s="328">
        <v>884086</v>
      </c>
      <c r="CE27" s="326">
        <v>0</v>
      </c>
      <c r="CF27" s="327">
        <v>7658478</v>
      </c>
      <c r="CG27" s="327">
        <v>12119873</v>
      </c>
      <c r="CH27" s="327">
        <v>8067244</v>
      </c>
      <c r="CI27" s="327">
        <v>5321436</v>
      </c>
      <c r="CJ27" s="327">
        <v>1821414</v>
      </c>
      <c r="CK27" s="328">
        <v>34988445</v>
      </c>
      <c r="CL27" s="330">
        <v>35872531</v>
      </c>
      <c r="CM27" s="326">
        <v>0</v>
      </c>
      <c r="CN27" s="327">
        <v>0</v>
      </c>
      <c r="CO27" s="328">
        <v>0</v>
      </c>
      <c r="CP27" s="332">
        <v>0</v>
      </c>
      <c r="CQ27" s="327">
        <v>6189696</v>
      </c>
      <c r="CR27" s="327">
        <v>9605058</v>
      </c>
      <c r="CS27" s="327">
        <v>7440048</v>
      </c>
      <c r="CT27" s="327">
        <v>3692102</v>
      </c>
      <c r="CU27" s="327">
        <v>1285823</v>
      </c>
      <c r="CV27" s="328">
        <v>28212727</v>
      </c>
      <c r="CW27" s="330">
        <v>28212727</v>
      </c>
      <c r="CX27" s="326">
        <v>210148</v>
      </c>
      <c r="CY27" s="327">
        <v>673938</v>
      </c>
      <c r="CZ27" s="328">
        <v>884086</v>
      </c>
      <c r="DA27" s="326">
        <v>0</v>
      </c>
      <c r="DB27" s="327">
        <v>1468782</v>
      </c>
      <c r="DC27" s="327">
        <v>2514815</v>
      </c>
      <c r="DD27" s="327">
        <v>627196</v>
      </c>
      <c r="DE27" s="327">
        <v>1629334</v>
      </c>
      <c r="DF27" s="327">
        <v>535591</v>
      </c>
      <c r="DG27" s="328">
        <v>6775718</v>
      </c>
      <c r="DH27" s="330">
        <v>7659804</v>
      </c>
      <c r="DI27" s="326">
        <v>0</v>
      </c>
      <c r="DJ27" s="327">
        <v>29195</v>
      </c>
      <c r="DK27" s="331">
        <v>29195</v>
      </c>
      <c r="DL27" s="332">
        <v>0</v>
      </c>
      <c r="DM27" s="327">
        <v>982110</v>
      </c>
      <c r="DN27" s="327">
        <v>1369556</v>
      </c>
      <c r="DO27" s="327">
        <v>3409591</v>
      </c>
      <c r="DP27" s="327">
        <v>2163592</v>
      </c>
      <c r="DQ27" s="327">
        <v>848130</v>
      </c>
      <c r="DR27" s="328">
        <v>8772979</v>
      </c>
      <c r="DS27" s="330">
        <v>8802174</v>
      </c>
      <c r="DT27" s="326">
        <v>0</v>
      </c>
      <c r="DU27" s="327">
        <v>29195</v>
      </c>
      <c r="DV27" s="328">
        <v>29195</v>
      </c>
      <c r="DW27" s="326">
        <v>0</v>
      </c>
      <c r="DX27" s="327">
        <v>886565</v>
      </c>
      <c r="DY27" s="327">
        <v>1369556</v>
      </c>
      <c r="DZ27" s="327">
        <v>2962988</v>
      </c>
      <c r="EA27" s="327">
        <v>1741949</v>
      </c>
      <c r="EB27" s="327">
        <v>593139</v>
      </c>
      <c r="EC27" s="328">
        <v>7554197</v>
      </c>
      <c r="ED27" s="330">
        <v>7583392</v>
      </c>
      <c r="EE27" s="326">
        <v>0</v>
      </c>
      <c r="EF27" s="331">
        <v>0</v>
      </c>
      <c r="EG27" s="328">
        <v>0</v>
      </c>
      <c r="EH27" s="326">
        <v>0</v>
      </c>
      <c r="EI27" s="327">
        <v>95545</v>
      </c>
      <c r="EJ27" s="327">
        <v>0</v>
      </c>
      <c r="EK27" s="327">
        <v>446603</v>
      </c>
      <c r="EL27" s="327">
        <v>421643</v>
      </c>
      <c r="EM27" s="327">
        <v>254991</v>
      </c>
      <c r="EN27" s="331">
        <v>1218782</v>
      </c>
      <c r="EO27" s="330">
        <v>1218782</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302263</v>
      </c>
      <c r="FM27" s="327">
        <v>1415038</v>
      </c>
      <c r="FN27" s="328">
        <v>1717301</v>
      </c>
      <c r="FO27" s="326">
        <v>0</v>
      </c>
      <c r="FP27" s="327">
        <v>1914669</v>
      </c>
      <c r="FQ27" s="327">
        <v>3766614</v>
      </c>
      <c r="FR27" s="327">
        <v>2084216</v>
      </c>
      <c r="FS27" s="327">
        <v>2546545</v>
      </c>
      <c r="FT27" s="327">
        <v>1591221</v>
      </c>
      <c r="FU27" s="328">
        <v>11903265</v>
      </c>
      <c r="FV27" s="330">
        <v>13620566</v>
      </c>
      <c r="FW27" s="333">
        <v>276163</v>
      </c>
      <c r="FX27" s="327">
        <v>1055938</v>
      </c>
      <c r="FY27" s="331">
        <v>1332101</v>
      </c>
      <c r="FZ27" s="332">
        <v>0</v>
      </c>
      <c r="GA27" s="327">
        <v>1726884</v>
      </c>
      <c r="GB27" s="327">
        <v>3305978</v>
      </c>
      <c r="GC27" s="327">
        <v>2000894</v>
      </c>
      <c r="GD27" s="327">
        <v>2361403</v>
      </c>
      <c r="GE27" s="327">
        <v>1515585</v>
      </c>
      <c r="GF27" s="328">
        <v>10910744</v>
      </c>
      <c r="GG27" s="334">
        <v>12242845</v>
      </c>
      <c r="GH27" s="333">
        <v>0</v>
      </c>
      <c r="GI27" s="327">
        <v>16200</v>
      </c>
      <c r="GJ27" s="331">
        <v>16200</v>
      </c>
      <c r="GK27" s="332">
        <v>0</v>
      </c>
      <c r="GL27" s="327">
        <v>132525</v>
      </c>
      <c r="GM27" s="327">
        <v>175736</v>
      </c>
      <c r="GN27" s="327">
        <v>23067</v>
      </c>
      <c r="GO27" s="327">
        <v>91317</v>
      </c>
      <c r="GP27" s="327">
        <v>27720</v>
      </c>
      <c r="GQ27" s="328">
        <v>450365</v>
      </c>
      <c r="GR27" s="330">
        <v>466565</v>
      </c>
      <c r="GS27" s="326">
        <v>26100</v>
      </c>
      <c r="GT27" s="327">
        <v>342900</v>
      </c>
      <c r="GU27" s="328">
        <v>369000</v>
      </c>
      <c r="GV27" s="326">
        <v>0</v>
      </c>
      <c r="GW27" s="327">
        <v>55260</v>
      </c>
      <c r="GX27" s="327">
        <v>284900</v>
      </c>
      <c r="GY27" s="327">
        <v>60255</v>
      </c>
      <c r="GZ27" s="327">
        <v>93825</v>
      </c>
      <c r="HA27" s="327">
        <v>47916</v>
      </c>
      <c r="HB27" s="331">
        <v>542156</v>
      </c>
      <c r="HC27" s="330">
        <v>911156</v>
      </c>
      <c r="HD27" s="326">
        <v>292860</v>
      </c>
      <c r="HE27" s="327">
        <v>780625</v>
      </c>
      <c r="HF27" s="331">
        <v>1073485</v>
      </c>
      <c r="HG27" s="332">
        <v>0</v>
      </c>
      <c r="HH27" s="327">
        <v>6326902</v>
      </c>
      <c r="HI27" s="327">
        <v>4022860</v>
      </c>
      <c r="HJ27" s="327">
        <v>4219303</v>
      </c>
      <c r="HK27" s="327">
        <v>7529214</v>
      </c>
      <c r="HL27" s="327">
        <v>3251498</v>
      </c>
      <c r="HM27" s="328">
        <v>25349777</v>
      </c>
      <c r="HN27" s="329">
        <v>26423262</v>
      </c>
      <c r="HO27" s="333">
        <v>302211</v>
      </c>
      <c r="HP27" s="327">
        <v>847905</v>
      </c>
      <c r="HQ27" s="328">
        <v>1150116</v>
      </c>
      <c r="HR27" s="326">
        <v>0</v>
      </c>
      <c r="HS27" s="327">
        <v>4787885</v>
      </c>
      <c r="HT27" s="327">
        <v>4752561</v>
      </c>
      <c r="HU27" s="327">
        <v>2764693</v>
      </c>
      <c r="HV27" s="327">
        <v>2073540</v>
      </c>
      <c r="HW27" s="327">
        <v>1211582</v>
      </c>
      <c r="HX27" s="331">
        <v>15590261</v>
      </c>
      <c r="HY27" s="330">
        <v>16740377</v>
      </c>
      <c r="HZ27" s="335">
        <v>182360</v>
      </c>
      <c r="IA27" s="336">
        <v>472445</v>
      </c>
      <c r="IB27" s="337">
        <v>654805</v>
      </c>
      <c r="IC27" s="338">
        <v>0</v>
      </c>
      <c r="ID27" s="336">
        <v>10382241</v>
      </c>
      <c r="IE27" s="339">
        <v>17461381</v>
      </c>
      <c r="IF27" s="337">
        <v>16430737</v>
      </c>
      <c r="IG27" s="336">
        <v>12597767</v>
      </c>
      <c r="IH27" s="337">
        <v>7085784</v>
      </c>
      <c r="II27" s="340">
        <v>63957910</v>
      </c>
      <c r="IJ27" s="341">
        <v>64612715</v>
      </c>
      <c r="IK27" s="342">
        <v>0</v>
      </c>
      <c r="IL27" s="343">
        <v>0</v>
      </c>
      <c r="IM27" s="344">
        <v>0</v>
      </c>
      <c r="IN27" s="404">
        <v>0</v>
      </c>
      <c r="IO27" s="345">
        <v>0</v>
      </c>
      <c r="IP27" s="345">
        <v>648652</v>
      </c>
      <c r="IQ27" s="345">
        <v>1283148</v>
      </c>
      <c r="IR27" s="345">
        <v>580285</v>
      </c>
      <c r="IS27" s="345">
        <v>0</v>
      </c>
      <c r="IT27" s="346">
        <v>2512085</v>
      </c>
      <c r="IU27" s="347">
        <v>2512085</v>
      </c>
      <c r="IV27" s="348">
        <v>0</v>
      </c>
      <c r="IW27" s="345">
        <v>0</v>
      </c>
      <c r="IX27" s="349">
        <v>0</v>
      </c>
      <c r="IY27" s="413">
        <v>0</v>
      </c>
      <c r="IZ27" s="345">
        <v>0</v>
      </c>
      <c r="JA27" s="345">
        <v>0</v>
      </c>
      <c r="JB27" s="345">
        <v>0</v>
      </c>
      <c r="JC27" s="345">
        <v>0</v>
      </c>
      <c r="JD27" s="345">
        <v>0</v>
      </c>
      <c r="JE27" s="349">
        <v>0</v>
      </c>
      <c r="JF27" s="350">
        <v>0</v>
      </c>
      <c r="JG27" s="348">
        <v>0</v>
      </c>
      <c r="JH27" s="345">
        <v>0</v>
      </c>
      <c r="JI27" s="346">
        <v>0</v>
      </c>
      <c r="JJ27" s="351">
        <v>0</v>
      </c>
      <c r="JK27" s="345">
        <v>5740428</v>
      </c>
      <c r="JL27" s="345">
        <v>7622499</v>
      </c>
      <c r="JM27" s="345">
        <v>5124323</v>
      </c>
      <c r="JN27" s="345">
        <v>3340817</v>
      </c>
      <c r="JO27" s="345">
        <v>894770</v>
      </c>
      <c r="JP27" s="349">
        <v>22722837</v>
      </c>
      <c r="JQ27" s="347">
        <v>22722837</v>
      </c>
      <c r="JR27" s="348">
        <v>0</v>
      </c>
      <c r="JS27" s="345">
        <v>0</v>
      </c>
      <c r="JT27" s="346">
        <v>0</v>
      </c>
      <c r="JU27" s="351">
        <v>0</v>
      </c>
      <c r="JV27" s="345">
        <v>0</v>
      </c>
      <c r="JW27" s="345">
        <v>61562</v>
      </c>
      <c r="JX27" s="345">
        <v>668371</v>
      </c>
      <c r="JY27" s="345">
        <v>349853</v>
      </c>
      <c r="JZ27" s="345">
        <v>204806</v>
      </c>
      <c r="KA27" s="349">
        <v>1284592</v>
      </c>
      <c r="KB27" s="347">
        <v>1284592</v>
      </c>
      <c r="KC27" s="352">
        <v>182360</v>
      </c>
      <c r="KD27" s="353">
        <v>472445</v>
      </c>
      <c r="KE27" s="349">
        <v>654805</v>
      </c>
      <c r="KF27" s="351">
        <v>0</v>
      </c>
      <c r="KG27" s="345">
        <v>2580793</v>
      </c>
      <c r="KH27" s="345">
        <v>4282906</v>
      </c>
      <c r="KI27" s="345">
        <v>3734326</v>
      </c>
      <c r="KJ27" s="345">
        <v>2540400</v>
      </c>
      <c r="KK27" s="345">
        <v>1411221</v>
      </c>
      <c r="KL27" s="349">
        <v>14549646</v>
      </c>
      <c r="KM27" s="354">
        <v>15204451</v>
      </c>
      <c r="KN27" s="342">
        <v>0</v>
      </c>
      <c r="KO27" s="343">
        <v>0</v>
      </c>
      <c r="KP27" s="344">
        <v>0</v>
      </c>
      <c r="KQ27" s="413">
        <v>0</v>
      </c>
      <c r="KR27" s="345">
        <v>2061020</v>
      </c>
      <c r="KS27" s="345">
        <v>4605749</v>
      </c>
      <c r="KT27" s="345">
        <v>4066596</v>
      </c>
      <c r="KU27" s="345">
        <v>2649297</v>
      </c>
      <c r="KV27" s="345">
        <v>1360948</v>
      </c>
      <c r="KW27" s="349">
        <v>14743610</v>
      </c>
      <c r="KX27" s="347">
        <v>14743610</v>
      </c>
      <c r="KY27" s="348">
        <v>0</v>
      </c>
      <c r="KZ27" s="345">
        <v>0</v>
      </c>
      <c r="LA27" s="349">
        <v>0</v>
      </c>
      <c r="LB27" s="413">
        <v>0</v>
      </c>
      <c r="LC27" s="345">
        <v>0</v>
      </c>
      <c r="LD27" s="345">
        <v>0</v>
      </c>
      <c r="LE27" s="345">
        <v>0</v>
      </c>
      <c r="LF27" s="345">
        <v>0</v>
      </c>
      <c r="LG27" s="345">
        <v>0</v>
      </c>
      <c r="LH27" s="349">
        <v>0</v>
      </c>
      <c r="LI27" s="350">
        <v>0</v>
      </c>
      <c r="LJ27" s="348">
        <v>0</v>
      </c>
      <c r="LK27" s="345">
        <v>0</v>
      </c>
      <c r="LL27" s="349">
        <v>0</v>
      </c>
      <c r="LM27" s="413">
        <v>0</v>
      </c>
      <c r="LN27" s="345">
        <v>0</v>
      </c>
      <c r="LO27" s="345">
        <v>240013</v>
      </c>
      <c r="LP27" s="345">
        <v>1553973</v>
      </c>
      <c r="LQ27" s="345">
        <v>3137115</v>
      </c>
      <c r="LR27" s="345">
        <v>3214039</v>
      </c>
      <c r="LS27" s="349">
        <v>8145140</v>
      </c>
      <c r="LT27" s="347">
        <v>8145140</v>
      </c>
      <c r="LU27" s="348">
        <v>0</v>
      </c>
      <c r="LV27" s="345">
        <v>0</v>
      </c>
      <c r="LW27" s="349">
        <v>0</v>
      </c>
      <c r="LX27" s="413">
        <v>0</v>
      </c>
      <c r="LY27" s="345">
        <v>0</v>
      </c>
      <c r="LZ27" s="345">
        <v>0</v>
      </c>
      <c r="MA27" s="345">
        <v>0</v>
      </c>
      <c r="MB27" s="345">
        <v>0</v>
      </c>
      <c r="MC27" s="345">
        <v>0</v>
      </c>
      <c r="MD27" s="349">
        <v>0</v>
      </c>
      <c r="ME27" s="350">
        <v>0</v>
      </c>
      <c r="MF27" s="348">
        <v>0</v>
      </c>
      <c r="MG27" s="345">
        <v>0</v>
      </c>
      <c r="MH27" s="349">
        <v>0</v>
      </c>
      <c r="MI27" s="413">
        <v>0</v>
      </c>
      <c r="MJ27" s="345">
        <v>2517814</v>
      </c>
      <c r="MK27" s="345">
        <v>6327716</v>
      </c>
      <c r="ML27" s="345">
        <v>19113139</v>
      </c>
      <c r="MM27" s="345">
        <v>28530445</v>
      </c>
      <c r="MN27" s="345">
        <v>16543321</v>
      </c>
      <c r="MO27" s="349">
        <v>73032435</v>
      </c>
      <c r="MP27" s="354">
        <v>73032435</v>
      </c>
      <c r="MQ27" s="348">
        <v>0</v>
      </c>
      <c r="MR27" s="345">
        <v>0</v>
      </c>
      <c r="MS27" s="349">
        <v>0</v>
      </c>
      <c r="MT27" s="413">
        <v>0</v>
      </c>
      <c r="MU27" s="345">
        <v>230905</v>
      </c>
      <c r="MV27" s="345">
        <v>1542374</v>
      </c>
      <c r="MW27" s="345">
        <v>12450699</v>
      </c>
      <c r="MX27" s="345">
        <v>15055745</v>
      </c>
      <c r="MY27" s="345">
        <v>8999986</v>
      </c>
      <c r="MZ27" s="349">
        <v>38279709</v>
      </c>
      <c r="NA27" s="354">
        <v>38279709</v>
      </c>
      <c r="NB27" s="348">
        <v>0</v>
      </c>
      <c r="NC27" s="345">
        <v>0</v>
      </c>
      <c r="ND27" s="349">
        <v>0</v>
      </c>
      <c r="NE27" s="413">
        <v>0</v>
      </c>
      <c r="NF27" s="345">
        <v>2286909</v>
      </c>
      <c r="NG27" s="345">
        <v>4785342</v>
      </c>
      <c r="NH27" s="345">
        <v>6250510</v>
      </c>
      <c r="NI27" s="345">
        <v>11266749</v>
      </c>
      <c r="NJ27" s="345">
        <v>6268653</v>
      </c>
      <c r="NK27" s="349">
        <v>30858163</v>
      </c>
      <c r="NL27" s="347">
        <v>30858163</v>
      </c>
      <c r="NM27" s="348">
        <v>0</v>
      </c>
      <c r="NN27" s="345">
        <v>0</v>
      </c>
      <c r="NO27" s="349">
        <v>0</v>
      </c>
      <c r="NP27" s="413">
        <v>0</v>
      </c>
      <c r="NQ27" s="345">
        <v>0</v>
      </c>
      <c r="NR27" s="345">
        <v>0</v>
      </c>
      <c r="NS27" s="345">
        <v>0</v>
      </c>
      <c r="NT27" s="345">
        <v>0</v>
      </c>
      <c r="NU27" s="345">
        <v>0</v>
      </c>
      <c r="NV27" s="349">
        <v>0</v>
      </c>
      <c r="NW27" s="350">
        <v>0</v>
      </c>
      <c r="NX27" s="348">
        <v>0</v>
      </c>
      <c r="NY27" s="345">
        <v>0</v>
      </c>
      <c r="NZ27" s="349">
        <v>0</v>
      </c>
      <c r="OA27" s="413">
        <v>0</v>
      </c>
      <c r="OB27" s="345">
        <v>0</v>
      </c>
      <c r="OC27" s="345">
        <v>0</v>
      </c>
      <c r="OD27" s="345">
        <v>411930</v>
      </c>
      <c r="OE27" s="345">
        <v>2207951</v>
      </c>
      <c r="OF27" s="345">
        <v>1274682</v>
      </c>
      <c r="OG27" s="349">
        <v>3894563</v>
      </c>
      <c r="OH27" s="350">
        <v>3894563</v>
      </c>
      <c r="OI27" s="348">
        <v>1595429</v>
      </c>
      <c r="OJ27" s="345">
        <v>4727546</v>
      </c>
      <c r="OK27" s="346">
        <v>6322975</v>
      </c>
      <c r="OL27" s="351">
        <v>0</v>
      </c>
      <c r="OM27" s="345">
        <v>39890002</v>
      </c>
      <c r="ON27" s="345">
        <v>58991641</v>
      </c>
      <c r="OO27" s="345">
        <v>60762900</v>
      </c>
      <c r="OP27" s="345">
        <v>71221051</v>
      </c>
      <c r="OQ27" s="345">
        <v>42475022</v>
      </c>
      <c r="OR27" s="349">
        <v>273340616</v>
      </c>
      <c r="OS27" s="354">
        <v>279663591</v>
      </c>
    </row>
    <row r="28" spans="2:409" s="70" customFormat="1" ht="21" customHeight="1" x14ac:dyDescent="0.2">
      <c r="B28" s="410" t="s">
        <v>23</v>
      </c>
      <c r="C28" s="326">
        <v>3382588</v>
      </c>
      <c r="D28" s="327">
        <v>7197115</v>
      </c>
      <c r="E28" s="328">
        <v>10579703</v>
      </c>
      <c r="F28" s="329">
        <v>0</v>
      </c>
      <c r="G28" s="327">
        <v>50792815</v>
      </c>
      <c r="H28" s="327">
        <v>65635758</v>
      </c>
      <c r="I28" s="327">
        <v>51066120</v>
      </c>
      <c r="J28" s="327">
        <v>48285154</v>
      </c>
      <c r="K28" s="327">
        <v>31950331</v>
      </c>
      <c r="L28" s="367">
        <v>247730178</v>
      </c>
      <c r="M28" s="330">
        <v>258309881</v>
      </c>
      <c r="N28" s="326">
        <v>1196373</v>
      </c>
      <c r="O28" s="327">
        <v>2797105</v>
      </c>
      <c r="P28" s="328">
        <v>3993478</v>
      </c>
      <c r="Q28" s="326">
        <v>0</v>
      </c>
      <c r="R28" s="327">
        <v>12119504</v>
      </c>
      <c r="S28" s="327">
        <v>17875192</v>
      </c>
      <c r="T28" s="327">
        <v>13421205</v>
      </c>
      <c r="U28" s="327">
        <v>16725430</v>
      </c>
      <c r="V28" s="327">
        <v>14258581</v>
      </c>
      <c r="W28" s="328">
        <v>74399912</v>
      </c>
      <c r="X28" s="330">
        <v>78393390</v>
      </c>
      <c r="Y28" s="326">
        <v>0</v>
      </c>
      <c r="Z28" s="327">
        <v>0</v>
      </c>
      <c r="AA28" s="328">
        <v>0</v>
      </c>
      <c r="AB28" s="326">
        <v>0</v>
      </c>
      <c r="AC28" s="327">
        <v>5284570</v>
      </c>
      <c r="AD28" s="327">
        <v>7242318</v>
      </c>
      <c r="AE28" s="327">
        <v>6698747</v>
      </c>
      <c r="AF28" s="327">
        <v>8580079</v>
      </c>
      <c r="AG28" s="327">
        <v>8493944</v>
      </c>
      <c r="AH28" s="328">
        <v>36299658</v>
      </c>
      <c r="AI28" s="330">
        <v>36299658</v>
      </c>
      <c r="AJ28" s="326">
        <v>0</v>
      </c>
      <c r="AK28" s="327">
        <v>0</v>
      </c>
      <c r="AL28" s="328">
        <v>0</v>
      </c>
      <c r="AM28" s="326">
        <v>0</v>
      </c>
      <c r="AN28" s="327">
        <v>0</v>
      </c>
      <c r="AO28" s="327">
        <v>298584</v>
      </c>
      <c r="AP28" s="327">
        <v>186582</v>
      </c>
      <c r="AQ28" s="327">
        <v>1297842</v>
      </c>
      <c r="AR28" s="327">
        <v>1623074</v>
      </c>
      <c r="AS28" s="328">
        <v>3406082</v>
      </c>
      <c r="AT28" s="330">
        <v>3406082</v>
      </c>
      <c r="AU28" s="326">
        <v>791661</v>
      </c>
      <c r="AV28" s="327">
        <v>2188447</v>
      </c>
      <c r="AW28" s="328">
        <v>2980108</v>
      </c>
      <c r="AX28" s="326">
        <v>0</v>
      </c>
      <c r="AY28" s="327">
        <v>3833601</v>
      </c>
      <c r="AZ28" s="327">
        <v>7032219</v>
      </c>
      <c r="BA28" s="327">
        <v>3786785</v>
      </c>
      <c r="BB28" s="327">
        <v>3859511</v>
      </c>
      <c r="BC28" s="327">
        <v>2313438</v>
      </c>
      <c r="BD28" s="328">
        <v>20825554</v>
      </c>
      <c r="BE28" s="330">
        <v>23805662</v>
      </c>
      <c r="BF28" s="326">
        <v>148623</v>
      </c>
      <c r="BG28" s="327">
        <v>400264</v>
      </c>
      <c r="BH28" s="331">
        <v>548887</v>
      </c>
      <c r="BI28" s="332">
        <v>0</v>
      </c>
      <c r="BJ28" s="327">
        <v>309591</v>
      </c>
      <c r="BK28" s="327">
        <v>705757</v>
      </c>
      <c r="BL28" s="327">
        <v>454093</v>
      </c>
      <c r="BM28" s="327">
        <v>304297</v>
      </c>
      <c r="BN28" s="327">
        <v>98702</v>
      </c>
      <c r="BO28" s="328">
        <v>1872440</v>
      </c>
      <c r="BP28" s="330">
        <v>2421327</v>
      </c>
      <c r="BQ28" s="326">
        <v>256089</v>
      </c>
      <c r="BR28" s="327">
        <v>208394</v>
      </c>
      <c r="BS28" s="328">
        <v>464483</v>
      </c>
      <c r="BT28" s="326">
        <v>0</v>
      </c>
      <c r="BU28" s="327">
        <v>2691742</v>
      </c>
      <c r="BV28" s="327">
        <v>2596314</v>
      </c>
      <c r="BW28" s="327">
        <v>2294998</v>
      </c>
      <c r="BX28" s="327">
        <v>2683701</v>
      </c>
      <c r="BY28" s="327">
        <v>1729423</v>
      </c>
      <c r="BZ28" s="328">
        <v>11996178</v>
      </c>
      <c r="CA28" s="330">
        <v>12460661</v>
      </c>
      <c r="CB28" s="326">
        <v>45328</v>
      </c>
      <c r="CC28" s="327">
        <v>502248</v>
      </c>
      <c r="CD28" s="328">
        <v>547576</v>
      </c>
      <c r="CE28" s="326">
        <v>0</v>
      </c>
      <c r="CF28" s="327">
        <v>17386177</v>
      </c>
      <c r="CG28" s="327">
        <v>21304487</v>
      </c>
      <c r="CH28" s="327">
        <v>15149625</v>
      </c>
      <c r="CI28" s="327">
        <v>9575806</v>
      </c>
      <c r="CJ28" s="327">
        <v>4478310</v>
      </c>
      <c r="CK28" s="328">
        <v>67894405</v>
      </c>
      <c r="CL28" s="330">
        <v>68441981</v>
      </c>
      <c r="CM28" s="326">
        <v>0</v>
      </c>
      <c r="CN28" s="327">
        <v>0</v>
      </c>
      <c r="CO28" s="328">
        <v>0</v>
      </c>
      <c r="CP28" s="332">
        <v>0</v>
      </c>
      <c r="CQ28" s="327">
        <v>14986122</v>
      </c>
      <c r="CR28" s="327">
        <v>17774919</v>
      </c>
      <c r="CS28" s="327">
        <v>12406326</v>
      </c>
      <c r="CT28" s="327">
        <v>7661540</v>
      </c>
      <c r="CU28" s="327">
        <v>3783910</v>
      </c>
      <c r="CV28" s="328">
        <v>56612817</v>
      </c>
      <c r="CW28" s="330">
        <v>56612817</v>
      </c>
      <c r="CX28" s="326">
        <v>45328</v>
      </c>
      <c r="CY28" s="327">
        <v>502248</v>
      </c>
      <c r="CZ28" s="328">
        <v>547576</v>
      </c>
      <c r="DA28" s="326">
        <v>0</v>
      </c>
      <c r="DB28" s="327">
        <v>2400055</v>
      </c>
      <c r="DC28" s="327">
        <v>3529568</v>
      </c>
      <c r="DD28" s="327">
        <v>2743299</v>
      </c>
      <c r="DE28" s="327">
        <v>1914266</v>
      </c>
      <c r="DF28" s="327">
        <v>694400</v>
      </c>
      <c r="DG28" s="328">
        <v>11281588</v>
      </c>
      <c r="DH28" s="330">
        <v>11829164</v>
      </c>
      <c r="DI28" s="326">
        <v>34191</v>
      </c>
      <c r="DJ28" s="327">
        <v>18020</v>
      </c>
      <c r="DK28" s="331">
        <v>52211</v>
      </c>
      <c r="DL28" s="332">
        <v>0</v>
      </c>
      <c r="DM28" s="327">
        <v>1259774</v>
      </c>
      <c r="DN28" s="327">
        <v>2679686</v>
      </c>
      <c r="DO28" s="327">
        <v>6060756</v>
      </c>
      <c r="DP28" s="327">
        <v>3349256</v>
      </c>
      <c r="DQ28" s="327">
        <v>1233656</v>
      </c>
      <c r="DR28" s="328">
        <v>14583128</v>
      </c>
      <c r="DS28" s="330">
        <v>14635339</v>
      </c>
      <c r="DT28" s="326">
        <v>34191</v>
      </c>
      <c r="DU28" s="327">
        <v>18020</v>
      </c>
      <c r="DV28" s="328">
        <v>52211</v>
      </c>
      <c r="DW28" s="326">
        <v>0</v>
      </c>
      <c r="DX28" s="327">
        <v>1227622</v>
      </c>
      <c r="DY28" s="327">
        <v>2537697</v>
      </c>
      <c r="DZ28" s="327">
        <v>6060756</v>
      </c>
      <c r="EA28" s="327">
        <v>3100165</v>
      </c>
      <c r="EB28" s="327">
        <v>938311</v>
      </c>
      <c r="EC28" s="328">
        <v>13864551</v>
      </c>
      <c r="ED28" s="330">
        <v>13916762</v>
      </c>
      <c r="EE28" s="326">
        <v>0</v>
      </c>
      <c r="EF28" s="331">
        <v>0</v>
      </c>
      <c r="EG28" s="328">
        <v>0</v>
      </c>
      <c r="EH28" s="326">
        <v>0</v>
      </c>
      <c r="EI28" s="327">
        <v>32152</v>
      </c>
      <c r="EJ28" s="327">
        <v>141989</v>
      </c>
      <c r="EK28" s="327">
        <v>0</v>
      </c>
      <c r="EL28" s="327">
        <v>249091</v>
      </c>
      <c r="EM28" s="327">
        <v>295345</v>
      </c>
      <c r="EN28" s="331">
        <v>718577</v>
      </c>
      <c r="EO28" s="330">
        <v>718577</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968699</v>
      </c>
      <c r="FM28" s="327">
        <v>2176073</v>
      </c>
      <c r="FN28" s="328">
        <v>3144772</v>
      </c>
      <c r="FO28" s="326">
        <v>0</v>
      </c>
      <c r="FP28" s="327">
        <v>3169740</v>
      </c>
      <c r="FQ28" s="327">
        <v>7174311</v>
      </c>
      <c r="FR28" s="327">
        <v>3980146</v>
      </c>
      <c r="FS28" s="327">
        <v>3670495</v>
      </c>
      <c r="FT28" s="327">
        <v>1947370</v>
      </c>
      <c r="FU28" s="328">
        <v>19942062</v>
      </c>
      <c r="FV28" s="330">
        <v>23086834</v>
      </c>
      <c r="FW28" s="333">
        <v>553799</v>
      </c>
      <c r="FX28" s="327">
        <v>1824029</v>
      </c>
      <c r="FY28" s="331">
        <v>2377828</v>
      </c>
      <c r="FZ28" s="332">
        <v>0</v>
      </c>
      <c r="GA28" s="327">
        <v>2243703</v>
      </c>
      <c r="GB28" s="327">
        <v>5687851</v>
      </c>
      <c r="GC28" s="327">
        <v>3728704</v>
      </c>
      <c r="GD28" s="327">
        <v>3414229</v>
      </c>
      <c r="GE28" s="327">
        <v>1902226</v>
      </c>
      <c r="GF28" s="328">
        <v>16976713</v>
      </c>
      <c r="GG28" s="334">
        <v>19354541</v>
      </c>
      <c r="GH28" s="333">
        <v>26100</v>
      </c>
      <c r="GI28" s="327">
        <v>85644</v>
      </c>
      <c r="GJ28" s="331">
        <v>111744</v>
      </c>
      <c r="GK28" s="332">
        <v>0</v>
      </c>
      <c r="GL28" s="327">
        <v>125157</v>
      </c>
      <c r="GM28" s="327">
        <v>368768</v>
      </c>
      <c r="GN28" s="327">
        <v>95742</v>
      </c>
      <c r="GO28" s="327">
        <v>40986</v>
      </c>
      <c r="GP28" s="327">
        <v>45144</v>
      </c>
      <c r="GQ28" s="328">
        <v>675797</v>
      </c>
      <c r="GR28" s="330">
        <v>787541</v>
      </c>
      <c r="GS28" s="326">
        <v>388800</v>
      </c>
      <c r="GT28" s="327">
        <v>266400</v>
      </c>
      <c r="GU28" s="328">
        <v>655200</v>
      </c>
      <c r="GV28" s="326">
        <v>0</v>
      </c>
      <c r="GW28" s="327">
        <v>800880</v>
      </c>
      <c r="GX28" s="327">
        <v>1117692</v>
      </c>
      <c r="GY28" s="327">
        <v>155700</v>
      </c>
      <c r="GZ28" s="327">
        <v>215280</v>
      </c>
      <c r="HA28" s="327">
        <v>0</v>
      </c>
      <c r="HB28" s="331">
        <v>2289552</v>
      </c>
      <c r="HC28" s="330">
        <v>2944752</v>
      </c>
      <c r="HD28" s="326">
        <v>464573</v>
      </c>
      <c r="HE28" s="327">
        <v>276925</v>
      </c>
      <c r="HF28" s="331">
        <v>741498</v>
      </c>
      <c r="HG28" s="332">
        <v>0</v>
      </c>
      <c r="HH28" s="327">
        <v>9005800</v>
      </c>
      <c r="HI28" s="327">
        <v>8406879</v>
      </c>
      <c r="HJ28" s="327">
        <v>7277651</v>
      </c>
      <c r="HK28" s="327">
        <v>11416410</v>
      </c>
      <c r="HL28" s="327">
        <v>8335195</v>
      </c>
      <c r="HM28" s="328">
        <v>44441935</v>
      </c>
      <c r="HN28" s="329">
        <v>45183433</v>
      </c>
      <c r="HO28" s="333">
        <v>673424</v>
      </c>
      <c r="HP28" s="327">
        <v>1426744</v>
      </c>
      <c r="HQ28" s="328">
        <v>2100168</v>
      </c>
      <c r="HR28" s="326">
        <v>0</v>
      </c>
      <c r="HS28" s="327">
        <v>7851820</v>
      </c>
      <c r="HT28" s="327">
        <v>8195203</v>
      </c>
      <c r="HU28" s="327">
        <v>5176737</v>
      </c>
      <c r="HV28" s="327">
        <v>3547757</v>
      </c>
      <c r="HW28" s="327">
        <v>1697219</v>
      </c>
      <c r="HX28" s="331">
        <v>26468736</v>
      </c>
      <c r="HY28" s="330">
        <v>28568904</v>
      </c>
      <c r="HZ28" s="358">
        <v>0</v>
      </c>
      <c r="IA28" s="356">
        <v>0</v>
      </c>
      <c r="IB28" s="358">
        <v>0</v>
      </c>
      <c r="IC28" s="355">
        <v>0</v>
      </c>
      <c r="ID28" s="356">
        <v>12619782</v>
      </c>
      <c r="IE28" s="357">
        <v>10084207</v>
      </c>
      <c r="IF28" s="358">
        <v>10475702</v>
      </c>
      <c r="IG28" s="356">
        <v>8036703</v>
      </c>
      <c r="IH28" s="358">
        <v>2326793</v>
      </c>
      <c r="II28" s="359">
        <v>43543187</v>
      </c>
      <c r="IJ28" s="358">
        <v>43543187</v>
      </c>
      <c r="IK28" s="342">
        <v>0</v>
      </c>
      <c r="IL28" s="343">
        <v>0</v>
      </c>
      <c r="IM28" s="344">
        <v>0</v>
      </c>
      <c r="IN28" s="404">
        <v>0</v>
      </c>
      <c r="IO28" s="345">
        <v>0</v>
      </c>
      <c r="IP28" s="345">
        <v>0</v>
      </c>
      <c r="IQ28" s="345">
        <v>166411</v>
      </c>
      <c r="IR28" s="345">
        <v>0</v>
      </c>
      <c r="IS28" s="345">
        <v>269267</v>
      </c>
      <c r="IT28" s="346">
        <v>435678</v>
      </c>
      <c r="IU28" s="347">
        <v>435678</v>
      </c>
      <c r="IV28" s="348">
        <v>0</v>
      </c>
      <c r="IW28" s="345">
        <v>0</v>
      </c>
      <c r="IX28" s="349">
        <v>0</v>
      </c>
      <c r="IY28" s="413">
        <v>0</v>
      </c>
      <c r="IZ28" s="345">
        <v>0</v>
      </c>
      <c r="JA28" s="345">
        <v>0</v>
      </c>
      <c r="JB28" s="345">
        <v>0</v>
      </c>
      <c r="JC28" s="345">
        <v>0</v>
      </c>
      <c r="JD28" s="345">
        <v>0</v>
      </c>
      <c r="JE28" s="349">
        <v>0</v>
      </c>
      <c r="JF28" s="350">
        <v>0</v>
      </c>
      <c r="JG28" s="348">
        <v>0</v>
      </c>
      <c r="JH28" s="345">
        <v>0</v>
      </c>
      <c r="JI28" s="346">
        <v>0</v>
      </c>
      <c r="JJ28" s="351">
        <v>0</v>
      </c>
      <c r="JK28" s="345">
        <v>1882319</v>
      </c>
      <c r="JL28" s="345">
        <v>2570842</v>
      </c>
      <c r="JM28" s="345">
        <v>2712183</v>
      </c>
      <c r="JN28" s="345">
        <v>2431071</v>
      </c>
      <c r="JO28" s="345">
        <v>585167</v>
      </c>
      <c r="JP28" s="349">
        <v>10181582</v>
      </c>
      <c r="JQ28" s="347">
        <v>10181582</v>
      </c>
      <c r="JR28" s="348">
        <v>0</v>
      </c>
      <c r="JS28" s="345">
        <v>0</v>
      </c>
      <c r="JT28" s="346">
        <v>0</v>
      </c>
      <c r="JU28" s="351">
        <v>0</v>
      </c>
      <c r="JV28" s="345">
        <v>0</v>
      </c>
      <c r="JW28" s="345">
        <v>0</v>
      </c>
      <c r="JX28" s="345">
        <v>369874</v>
      </c>
      <c r="JY28" s="345">
        <v>301635</v>
      </c>
      <c r="JZ28" s="345">
        <v>0</v>
      </c>
      <c r="KA28" s="349">
        <v>671509</v>
      </c>
      <c r="KB28" s="347">
        <v>671509</v>
      </c>
      <c r="KC28" s="352">
        <v>0</v>
      </c>
      <c r="KD28" s="353">
        <v>0</v>
      </c>
      <c r="KE28" s="349">
        <v>0</v>
      </c>
      <c r="KF28" s="351">
        <v>0</v>
      </c>
      <c r="KG28" s="345">
        <v>640530</v>
      </c>
      <c r="KH28" s="345">
        <v>936248</v>
      </c>
      <c r="KI28" s="345">
        <v>1012898</v>
      </c>
      <c r="KJ28" s="345">
        <v>50474</v>
      </c>
      <c r="KK28" s="345">
        <v>0</v>
      </c>
      <c r="KL28" s="349">
        <v>2640150</v>
      </c>
      <c r="KM28" s="354">
        <v>2640150</v>
      </c>
      <c r="KN28" s="342">
        <v>0</v>
      </c>
      <c r="KO28" s="343">
        <v>0</v>
      </c>
      <c r="KP28" s="344">
        <v>0</v>
      </c>
      <c r="KQ28" s="413">
        <v>0</v>
      </c>
      <c r="KR28" s="345">
        <v>10096933</v>
      </c>
      <c r="KS28" s="345">
        <v>6577117</v>
      </c>
      <c r="KT28" s="345">
        <v>6214336</v>
      </c>
      <c r="KU28" s="345">
        <v>4931292</v>
      </c>
      <c r="KV28" s="345">
        <v>1472359</v>
      </c>
      <c r="KW28" s="349">
        <v>29292037</v>
      </c>
      <c r="KX28" s="347">
        <v>29292037</v>
      </c>
      <c r="KY28" s="348">
        <v>0</v>
      </c>
      <c r="KZ28" s="345">
        <v>0</v>
      </c>
      <c r="LA28" s="349">
        <v>0</v>
      </c>
      <c r="LB28" s="413">
        <v>0</v>
      </c>
      <c r="LC28" s="345">
        <v>0</v>
      </c>
      <c r="LD28" s="345">
        <v>0</v>
      </c>
      <c r="LE28" s="345">
        <v>0</v>
      </c>
      <c r="LF28" s="345">
        <v>0</v>
      </c>
      <c r="LG28" s="345">
        <v>0</v>
      </c>
      <c r="LH28" s="349">
        <v>0</v>
      </c>
      <c r="LI28" s="350">
        <v>0</v>
      </c>
      <c r="LJ28" s="348">
        <v>0</v>
      </c>
      <c r="LK28" s="345">
        <v>0</v>
      </c>
      <c r="LL28" s="349">
        <v>0</v>
      </c>
      <c r="LM28" s="413">
        <v>0</v>
      </c>
      <c r="LN28" s="345">
        <v>0</v>
      </c>
      <c r="LO28" s="345">
        <v>0</v>
      </c>
      <c r="LP28" s="345">
        <v>0</v>
      </c>
      <c r="LQ28" s="345">
        <v>0</v>
      </c>
      <c r="LR28" s="345">
        <v>0</v>
      </c>
      <c r="LS28" s="349">
        <v>0</v>
      </c>
      <c r="LT28" s="347">
        <v>0</v>
      </c>
      <c r="LU28" s="348">
        <v>0</v>
      </c>
      <c r="LV28" s="345">
        <v>0</v>
      </c>
      <c r="LW28" s="349">
        <v>0</v>
      </c>
      <c r="LX28" s="413">
        <v>0</v>
      </c>
      <c r="LY28" s="345">
        <v>0</v>
      </c>
      <c r="LZ28" s="345">
        <v>0</v>
      </c>
      <c r="MA28" s="345">
        <v>0</v>
      </c>
      <c r="MB28" s="345">
        <v>322231</v>
      </c>
      <c r="MC28" s="345">
        <v>0</v>
      </c>
      <c r="MD28" s="349">
        <v>322231</v>
      </c>
      <c r="ME28" s="350">
        <v>322231</v>
      </c>
      <c r="MF28" s="348">
        <v>0</v>
      </c>
      <c r="MG28" s="345">
        <v>0</v>
      </c>
      <c r="MH28" s="349">
        <v>0</v>
      </c>
      <c r="MI28" s="413">
        <v>0</v>
      </c>
      <c r="MJ28" s="345">
        <v>4563019</v>
      </c>
      <c r="MK28" s="345">
        <v>11166108</v>
      </c>
      <c r="ML28" s="345">
        <v>35969365</v>
      </c>
      <c r="MM28" s="345">
        <v>57435253</v>
      </c>
      <c r="MN28" s="345">
        <v>43023983</v>
      </c>
      <c r="MO28" s="349">
        <v>152157728</v>
      </c>
      <c r="MP28" s="354">
        <v>152157728</v>
      </c>
      <c r="MQ28" s="348">
        <v>0</v>
      </c>
      <c r="MR28" s="345">
        <v>0</v>
      </c>
      <c r="MS28" s="349">
        <v>0</v>
      </c>
      <c r="MT28" s="413">
        <v>0</v>
      </c>
      <c r="MU28" s="345">
        <v>392130</v>
      </c>
      <c r="MV28" s="345">
        <v>3233625</v>
      </c>
      <c r="MW28" s="345">
        <v>24433377</v>
      </c>
      <c r="MX28" s="345">
        <v>38347628</v>
      </c>
      <c r="MY28" s="345">
        <v>29464066</v>
      </c>
      <c r="MZ28" s="349">
        <v>95870826</v>
      </c>
      <c r="NA28" s="354">
        <v>95870826</v>
      </c>
      <c r="NB28" s="348">
        <v>0</v>
      </c>
      <c r="NC28" s="345">
        <v>0</v>
      </c>
      <c r="ND28" s="349">
        <v>0</v>
      </c>
      <c r="NE28" s="413">
        <v>0</v>
      </c>
      <c r="NF28" s="345">
        <v>4170889</v>
      </c>
      <c r="NG28" s="345">
        <v>7932483</v>
      </c>
      <c r="NH28" s="345">
        <v>11535988</v>
      </c>
      <c r="NI28" s="345">
        <v>17916011</v>
      </c>
      <c r="NJ28" s="345">
        <v>9514100</v>
      </c>
      <c r="NK28" s="349">
        <v>51069471</v>
      </c>
      <c r="NL28" s="347">
        <v>51069471</v>
      </c>
      <c r="NM28" s="348">
        <v>0</v>
      </c>
      <c r="NN28" s="345">
        <v>0</v>
      </c>
      <c r="NO28" s="349">
        <v>0</v>
      </c>
      <c r="NP28" s="413">
        <v>0</v>
      </c>
      <c r="NQ28" s="345">
        <v>0</v>
      </c>
      <c r="NR28" s="345">
        <v>0</v>
      </c>
      <c r="NS28" s="345">
        <v>0</v>
      </c>
      <c r="NT28" s="345">
        <v>0</v>
      </c>
      <c r="NU28" s="345">
        <v>0</v>
      </c>
      <c r="NV28" s="349">
        <v>0</v>
      </c>
      <c r="NW28" s="350">
        <v>0</v>
      </c>
      <c r="NX28" s="348">
        <v>0</v>
      </c>
      <c r="NY28" s="345">
        <v>0</v>
      </c>
      <c r="NZ28" s="349">
        <v>0</v>
      </c>
      <c r="OA28" s="413">
        <v>0</v>
      </c>
      <c r="OB28" s="345">
        <v>0</v>
      </c>
      <c r="OC28" s="345">
        <v>0</v>
      </c>
      <c r="OD28" s="345">
        <v>0</v>
      </c>
      <c r="OE28" s="345">
        <v>1171614</v>
      </c>
      <c r="OF28" s="345">
        <v>4045817</v>
      </c>
      <c r="OG28" s="349">
        <v>5217431</v>
      </c>
      <c r="OH28" s="350">
        <v>5217431</v>
      </c>
      <c r="OI28" s="348">
        <v>3382588</v>
      </c>
      <c r="OJ28" s="345">
        <v>7197115</v>
      </c>
      <c r="OK28" s="346">
        <v>10579703</v>
      </c>
      <c r="OL28" s="351">
        <v>0</v>
      </c>
      <c r="OM28" s="345">
        <v>67975616</v>
      </c>
      <c r="ON28" s="345">
        <v>86886073</v>
      </c>
      <c r="OO28" s="345">
        <v>97511187</v>
      </c>
      <c r="OP28" s="345">
        <v>113757110</v>
      </c>
      <c r="OQ28" s="345">
        <v>77301107</v>
      </c>
      <c r="OR28" s="349">
        <v>443431093</v>
      </c>
      <c r="OS28" s="354">
        <v>454010796</v>
      </c>
    </row>
    <row r="29" spans="2:409" s="70" customFormat="1" ht="21" customHeight="1" x14ac:dyDescent="0.2">
      <c r="B29" s="410" t="s">
        <v>24</v>
      </c>
      <c r="C29" s="326">
        <v>2833245</v>
      </c>
      <c r="D29" s="327">
        <v>4151752</v>
      </c>
      <c r="E29" s="328">
        <v>6984997</v>
      </c>
      <c r="F29" s="329">
        <v>0</v>
      </c>
      <c r="G29" s="327">
        <v>27780806</v>
      </c>
      <c r="H29" s="327">
        <v>30057031</v>
      </c>
      <c r="I29" s="327">
        <v>23648727</v>
      </c>
      <c r="J29" s="327">
        <v>28260938</v>
      </c>
      <c r="K29" s="327">
        <v>19127309</v>
      </c>
      <c r="L29" s="367">
        <v>128874811</v>
      </c>
      <c r="M29" s="330">
        <v>135859808</v>
      </c>
      <c r="N29" s="326">
        <v>739897</v>
      </c>
      <c r="O29" s="327">
        <v>1025285</v>
      </c>
      <c r="P29" s="328">
        <v>1765182</v>
      </c>
      <c r="Q29" s="326">
        <v>0</v>
      </c>
      <c r="R29" s="327">
        <v>6119983</v>
      </c>
      <c r="S29" s="327">
        <v>8825531</v>
      </c>
      <c r="T29" s="327">
        <v>7626304</v>
      </c>
      <c r="U29" s="327">
        <v>11103039</v>
      </c>
      <c r="V29" s="327">
        <v>8164472</v>
      </c>
      <c r="W29" s="328">
        <v>41839329</v>
      </c>
      <c r="X29" s="330">
        <v>43604511</v>
      </c>
      <c r="Y29" s="326">
        <v>0</v>
      </c>
      <c r="Z29" s="327">
        <v>0</v>
      </c>
      <c r="AA29" s="328">
        <v>0</v>
      </c>
      <c r="AB29" s="326">
        <v>0</v>
      </c>
      <c r="AC29" s="327">
        <v>2016724</v>
      </c>
      <c r="AD29" s="327">
        <v>3664011</v>
      </c>
      <c r="AE29" s="327">
        <v>4035629</v>
      </c>
      <c r="AF29" s="327">
        <v>6486460</v>
      </c>
      <c r="AG29" s="327">
        <v>3849304</v>
      </c>
      <c r="AH29" s="328">
        <v>20052128</v>
      </c>
      <c r="AI29" s="330">
        <v>20052128</v>
      </c>
      <c r="AJ29" s="326">
        <v>0</v>
      </c>
      <c r="AK29" s="327">
        <v>0</v>
      </c>
      <c r="AL29" s="328">
        <v>0</v>
      </c>
      <c r="AM29" s="326">
        <v>0</v>
      </c>
      <c r="AN29" s="327">
        <v>42464</v>
      </c>
      <c r="AO29" s="327">
        <v>190966</v>
      </c>
      <c r="AP29" s="327">
        <v>148216</v>
      </c>
      <c r="AQ29" s="327">
        <v>522556</v>
      </c>
      <c r="AR29" s="327">
        <v>1356878</v>
      </c>
      <c r="AS29" s="328">
        <v>2261080</v>
      </c>
      <c r="AT29" s="330">
        <v>2261080</v>
      </c>
      <c r="AU29" s="326">
        <v>432389</v>
      </c>
      <c r="AV29" s="327">
        <v>814676</v>
      </c>
      <c r="AW29" s="328">
        <v>1247065</v>
      </c>
      <c r="AX29" s="326">
        <v>0</v>
      </c>
      <c r="AY29" s="327">
        <v>2704825</v>
      </c>
      <c r="AZ29" s="327">
        <v>3509363</v>
      </c>
      <c r="BA29" s="327">
        <v>2117390</v>
      </c>
      <c r="BB29" s="327">
        <v>2487083</v>
      </c>
      <c r="BC29" s="327">
        <v>1806232</v>
      </c>
      <c r="BD29" s="328">
        <v>12624893</v>
      </c>
      <c r="BE29" s="330">
        <v>13871958</v>
      </c>
      <c r="BF29" s="326">
        <v>23792</v>
      </c>
      <c r="BG29" s="327">
        <v>23639</v>
      </c>
      <c r="BH29" s="331">
        <v>47431</v>
      </c>
      <c r="BI29" s="332">
        <v>0</v>
      </c>
      <c r="BJ29" s="327">
        <v>112518</v>
      </c>
      <c r="BK29" s="327">
        <v>202070</v>
      </c>
      <c r="BL29" s="327">
        <v>18801</v>
      </c>
      <c r="BM29" s="327">
        <v>97558</v>
      </c>
      <c r="BN29" s="327">
        <v>172643</v>
      </c>
      <c r="BO29" s="328">
        <v>603590</v>
      </c>
      <c r="BP29" s="330">
        <v>651021</v>
      </c>
      <c r="BQ29" s="326">
        <v>283716</v>
      </c>
      <c r="BR29" s="327">
        <v>186970</v>
      </c>
      <c r="BS29" s="328">
        <v>470686</v>
      </c>
      <c r="BT29" s="326">
        <v>0</v>
      </c>
      <c r="BU29" s="327">
        <v>1243452</v>
      </c>
      <c r="BV29" s="327">
        <v>1259121</v>
      </c>
      <c r="BW29" s="327">
        <v>1306268</v>
      </c>
      <c r="BX29" s="327">
        <v>1509382</v>
      </c>
      <c r="BY29" s="327">
        <v>979415</v>
      </c>
      <c r="BZ29" s="328">
        <v>6297638</v>
      </c>
      <c r="CA29" s="330">
        <v>6768324</v>
      </c>
      <c r="CB29" s="326">
        <v>245551</v>
      </c>
      <c r="CC29" s="327">
        <v>683275</v>
      </c>
      <c r="CD29" s="328">
        <v>928826</v>
      </c>
      <c r="CE29" s="326">
        <v>0</v>
      </c>
      <c r="CF29" s="327">
        <v>9213946</v>
      </c>
      <c r="CG29" s="327">
        <v>9531138</v>
      </c>
      <c r="CH29" s="327">
        <v>5048504</v>
      </c>
      <c r="CI29" s="327">
        <v>3994766</v>
      </c>
      <c r="CJ29" s="327">
        <v>2221485</v>
      </c>
      <c r="CK29" s="328">
        <v>30009839</v>
      </c>
      <c r="CL29" s="330">
        <v>30938665</v>
      </c>
      <c r="CM29" s="326">
        <v>0</v>
      </c>
      <c r="CN29" s="327">
        <v>0</v>
      </c>
      <c r="CO29" s="328">
        <v>0</v>
      </c>
      <c r="CP29" s="332">
        <v>0</v>
      </c>
      <c r="CQ29" s="327">
        <v>6203722</v>
      </c>
      <c r="CR29" s="327">
        <v>7303473</v>
      </c>
      <c r="CS29" s="327">
        <v>3198445</v>
      </c>
      <c r="CT29" s="327">
        <v>2698851</v>
      </c>
      <c r="CU29" s="327">
        <v>1040208</v>
      </c>
      <c r="CV29" s="328">
        <v>20444699</v>
      </c>
      <c r="CW29" s="330">
        <v>20444699</v>
      </c>
      <c r="CX29" s="326">
        <v>245551</v>
      </c>
      <c r="CY29" s="327">
        <v>683275</v>
      </c>
      <c r="CZ29" s="328">
        <v>928826</v>
      </c>
      <c r="DA29" s="326">
        <v>0</v>
      </c>
      <c r="DB29" s="327">
        <v>3010224</v>
      </c>
      <c r="DC29" s="327">
        <v>2227665</v>
      </c>
      <c r="DD29" s="327">
        <v>1850059</v>
      </c>
      <c r="DE29" s="327">
        <v>1295915</v>
      </c>
      <c r="DF29" s="327">
        <v>1181277</v>
      </c>
      <c r="DG29" s="328">
        <v>9565140</v>
      </c>
      <c r="DH29" s="330">
        <v>10493966</v>
      </c>
      <c r="DI29" s="326">
        <v>52733</v>
      </c>
      <c r="DJ29" s="327">
        <v>71726</v>
      </c>
      <c r="DK29" s="331">
        <v>124459</v>
      </c>
      <c r="DL29" s="332">
        <v>0</v>
      </c>
      <c r="DM29" s="327">
        <v>1210706</v>
      </c>
      <c r="DN29" s="327">
        <v>1769693</v>
      </c>
      <c r="DO29" s="327">
        <v>2282557</v>
      </c>
      <c r="DP29" s="327">
        <v>2304623</v>
      </c>
      <c r="DQ29" s="327">
        <v>991085</v>
      </c>
      <c r="DR29" s="328">
        <v>8558664</v>
      </c>
      <c r="DS29" s="330">
        <v>8683123</v>
      </c>
      <c r="DT29" s="326">
        <v>52733</v>
      </c>
      <c r="DU29" s="327">
        <v>71726</v>
      </c>
      <c r="DV29" s="328">
        <v>124459</v>
      </c>
      <c r="DW29" s="326">
        <v>0</v>
      </c>
      <c r="DX29" s="327">
        <v>1098839</v>
      </c>
      <c r="DY29" s="327">
        <v>1769693</v>
      </c>
      <c r="DZ29" s="327">
        <v>2282557</v>
      </c>
      <c r="EA29" s="327">
        <v>2283476</v>
      </c>
      <c r="EB29" s="327">
        <v>837071</v>
      </c>
      <c r="EC29" s="328">
        <v>8271636</v>
      </c>
      <c r="ED29" s="330">
        <v>8396095</v>
      </c>
      <c r="EE29" s="326">
        <v>0</v>
      </c>
      <c r="EF29" s="331">
        <v>0</v>
      </c>
      <c r="EG29" s="328">
        <v>0</v>
      </c>
      <c r="EH29" s="326">
        <v>0</v>
      </c>
      <c r="EI29" s="327">
        <v>111867</v>
      </c>
      <c r="EJ29" s="327">
        <v>0</v>
      </c>
      <c r="EK29" s="327">
        <v>0</v>
      </c>
      <c r="EL29" s="327">
        <v>21147</v>
      </c>
      <c r="EM29" s="327">
        <v>154014</v>
      </c>
      <c r="EN29" s="331">
        <v>287028</v>
      </c>
      <c r="EO29" s="330">
        <v>287028</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472150</v>
      </c>
      <c r="FM29" s="327">
        <v>978625</v>
      </c>
      <c r="FN29" s="328">
        <v>1450775</v>
      </c>
      <c r="FO29" s="326">
        <v>0</v>
      </c>
      <c r="FP29" s="327">
        <v>1566912</v>
      </c>
      <c r="FQ29" s="327">
        <v>2475919</v>
      </c>
      <c r="FR29" s="327">
        <v>1650560</v>
      </c>
      <c r="FS29" s="327">
        <v>1878651</v>
      </c>
      <c r="FT29" s="327">
        <v>1121681</v>
      </c>
      <c r="FU29" s="328">
        <v>8693723</v>
      </c>
      <c r="FV29" s="330">
        <v>10144498</v>
      </c>
      <c r="FW29" s="333">
        <v>380660</v>
      </c>
      <c r="FX29" s="327">
        <v>511189</v>
      </c>
      <c r="FY29" s="331">
        <v>891849</v>
      </c>
      <c r="FZ29" s="332">
        <v>0</v>
      </c>
      <c r="GA29" s="327">
        <v>1125798</v>
      </c>
      <c r="GB29" s="327">
        <v>2305171</v>
      </c>
      <c r="GC29" s="327">
        <v>1619276</v>
      </c>
      <c r="GD29" s="327">
        <v>1632789</v>
      </c>
      <c r="GE29" s="327">
        <v>1121681</v>
      </c>
      <c r="GF29" s="328">
        <v>7804715</v>
      </c>
      <c r="GG29" s="334">
        <v>8696564</v>
      </c>
      <c r="GH29" s="333">
        <v>0</v>
      </c>
      <c r="GI29" s="327">
        <v>64666</v>
      </c>
      <c r="GJ29" s="331">
        <v>64666</v>
      </c>
      <c r="GK29" s="332">
        <v>0</v>
      </c>
      <c r="GL29" s="327">
        <v>107514</v>
      </c>
      <c r="GM29" s="327">
        <v>123948</v>
      </c>
      <c r="GN29" s="327">
        <v>31284</v>
      </c>
      <c r="GO29" s="327">
        <v>36432</v>
      </c>
      <c r="GP29" s="327">
        <v>0</v>
      </c>
      <c r="GQ29" s="328">
        <v>299178</v>
      </c>
      <c r="GR29" s="330">
        <v>363844</v>
      </c>
      <c r="GS29" s="326">
        <v>91490</v>
      </c>
      <c r="GT29" s="327">
        <v>402770</v>
      </c>
      <c r="GU29" s="328">
        <v>494260</v>
      </c>
      <c r="GV29" s="326">
        <v>0</v>
      </c>
      <c r="GW29" s="327">
        <v>333600</v>
      </c>
      <c r="GX29" s="327">
        <v>46800</v>
      </c>
      <c r="GY29" s="327">
        <v>0</v>
      </c>
      <c r="GZ29" s="327">
        <v>209430</v>
      </c>
      <c r="HA29" s="327">
        <v>0</v>
      </c>
      <c r="HB29" s="331">
        <v>589830</v>
      </c>
      <c r="HC29" s="330">
        <v>1084090</v>
      </c>
      <c r="HD29" s="326">
        <v>792625</v>
      </c>
      <c r="HE29" s="327">
        <v>816989</v>
      </c>
      <c r="HF29" s="331">
        <v>1609614</v>
      </c>
      <c r="HG29" s="332">
        <v>0</v>
      </c>
      <c r="HH29" s="327">
        <v>6705999</v>
      </c>
      <c r="HI29" s="327">
        <v>5005257</v>
      </c>
      <c r="HJ29" s="327">
        <v>5508978</v>
      </c>
      <c r="HK29" s="327">
        <v>7628698</v>
      </c>
      <c r="HL29" s="327">
        <v>6048869</v>
      </c>
      <c r="HM29" s="328">
        <v>30897801</v>
      </c>
      <c r="HN29" s="329">
        <v>32507415</v>
      </c>
      <c r="HO29" s="333">
        <v>530289</v>
      </c>
      <c r="HP29" s="327">
        <v>575852</v>
      </c>
      <c r="HQ29" s="328">
        <v>1106141</v>
      </c>
      <c r="HR29" s="326">
        <v>0</v>
      </c>
      <c r="HS29" s="327">
        <v>2963260</v>
      </c>
      <c r="HT29" s="327">
        <v>2449493</v>
      </c>
      <c r="HU29" s="327">
        <v>1531824</v>
      </c>
      <c r="HV29" s="327">
        <v>1351161</v>
      </c>
      <c r="HW29" s="327">
        <v>579717</v>
      </c>
      <c r="HX29" s="331">
        <v>8875455</v>
      </c>
      <c r="HY29" s="330">
        <v>9981596</v>
      </c>
      <c r="HZ29" s="335">
        <v>94497</v>
      </c>
      <c r="IA29" s="336">
        <v>255953</v>
      </c>
      <c r="IB29" s="337">
        <v>350450</v>
      </c>
      <c r="IC29" s="338">
        <v>0</v>
      </c>
      <c r="ID29" s="336">
        <v>2776964</v>
      </c>
      <c r="IE29" s="339">
        <v>4111756</v>
      </c>
      <c r="IF29" s="337">
        <v>4518004</v>
      </c>
      <c r="IG29" s="336">
        <v>2757668</v>
      </c>
      <c r="IH29" s="337">
        <v>985363</v>
      </c>
      <c r="II29" s="340">
        <v>15149755</v>
      </c>
      <c r="IJ29" s="341">
        <v>15500205</v>
      </c>
      <c r="IK29" s="342">
        <v>0</v>
      </c>
      <c r="IL29" s="343">
        <v>0</v>
      </c>
      <c r="IM29" s="344">
        <v>0</v>
      </c>
      <c r="IN29" s="404">
        <v>0</v>
      </c>
      <c r="IO29" s="345">
        <v>0</v>
      </c>
      <c r="IP29" s="345">
        <v>0</v>
      </c>
      <c r="IQ29" s="345">
        <v>181356</v>
      </c>
      <c r="IR29" s="345">
        <v>255148</v>
      </c>
      <c r="IS29" s="345">
        <v>0</v>
      </c>
      <c r="IT29" s="346">
        <v>436504</v>
      </c>
      <c r="IU29" s="347">
        <v>436504</v>
      </c>
      <c r="IV29" s="348">
        <v>0</v>
      </c>
      <c r="IW29" s="345">
        <v>0</v>
      </c>
      <c r="IX29" s="349">
        <v>0</v>
      </c>
      <c r="IY29" s="413">
        <v>0</v>
      </c>
      <c r="IZ29" s="345">
        <v>0</v>
      </c>
      <c r="JA29" s="345">
        <v>0</v>
      </c>
      <c r="JB29" s="345">
        <v>0</v>
      </c>
      <c r="JC29" s="345">
        <v>0</v>
      </c>
      <c r="JD29" s="345">
        <v>0</v>
      </c>
      <c r="JE29" s="349">
        <v>0</v>
      </c>
      <c r="JF29" s="350">
        <v>0</v>
      </c>
      <c r="JG29" s="348">
        <v>0</v>
      </c>
      <c r="JH29" s="345">
        <v>0</v>
      </c>
      <c r="JI29" s="346">
        <v>0</v>
      </c>
      <c r="JJ29" s="351">
        <v>0</v>
      </c>
      <c r="JK29" s="345">
        <v>1359129</v>
      </c>
      <c r="JL29" s="345">
        <v>888473</v>
      </c>
      <c r="JM29" s="345">
        <v>1051249</v>
      </c>
      <c r="JN29" s="345">
        <v>394505</v>
      </c>
      <c r="JO29" s="345">
        <v>128477</v>
      </c>
      <c r="JP29" s="349">
        <v>3821833</v>
      </c>
      <c r="JQ29" s="347">
        <v>3821833</v>
      </c>
      <c r="JR29" s="348">
        <v>0</v>
      </c>
      <c r="JS29" s="345">
        <v>0</v>
      </c>
      <c r="JT29" s="346">
        <v>0</v>
      </c>
      <c r="JU29" s="351">
        <v>0</v>
      </c>
      <c r="JV29" s="345">
        <v>0</v>
      </c>
      <c r="JW29" s="345">
        <v>0</v>
      </c>
      <c r="JX29" s="345">
        <v>125181</v>
      </c>
      <c r="JY29" s="345">
        <v>0</v>
      </c>
      <c r="JZ29" s="345">
        <v>0</v>
      </c>
      <c r="KA29" s="349">
        <v>125181</v>
      </c>
      <c r="KB29" s="347">
        <v>125181</v>
      </c>
      <c r="KC29" s="352">
        <v>94497</v>
      </c>
      <c r="KD29" s="353">
        <v>255953</v>
      </c>
      <c r="KE29" s="349">
        <v>350450</v>
      </c>
      <c r="KF29" s="351">
        <v>0</v>
      </c>
      <c r="KG29" s="345">
        <v>1169741</v>
      </c>
      <c r="KH29" s="345">
        <v>1981031</v>
      </c>
      <c r="KI29" s="345">
        <v>1610828</v>
      </c>
      <c r="KJ29" s="345">
        <v>1013763</v>
      </c>
      <c r="KK29" s="345">
        <v>639800</v>
      </c>
      <c r="KL29" s="349">
        <v>6415163</v>
      </c>
      <c r="KM29" s="354">
        <v>6765613</v>
      </c>
      <c r="KN29" s="342">
        <v>0</v>
      </c>
      <c r="KO29" s="343">
        <v>0</v>
      </c>
      <c r="KP29" s="344">
        <v>0</v>
      </c>
      <c r="KQ29" s="413">
        <v>0</v>
      </c>
      <c r="KR29" s="345">
        <v>248094</v>
      </c>
      <c r="KS29" s="345">
        <v>1242252</v>
      </c>
      <c r="KT29" s="345">
        <v>1549390</v>
      </c>
      <c r="KU29" s="345">
        <v>1094252</v>
      </c>
      <c r="KV29" s="345">
        <v>217086</v>
      </c>
      <c r="KW29" s="349">
        <v>4351074</v>
      </c>
      <c r="KX29" s="347">
        <v>4351074</v>
      </c>
      <c r="KY29" s="348">
        <v>0</v>
      </c>
      <c r="KZ29" s="345">
        <v>0</v>
      </c>
      <c r="LA29" s="349">
        <v>0</v>
      </c>
      <c r="LB29" s="413">
        <v>0</v>
      </c>
      <c r="LC29" s="345">
        <v>0</v>
      </c>
      <c r="LD29" s="345">
        <v>0</v>
      </c>
      <c r="LE29" s="345">
        <v>0</v>
      </c>
      <c r="LF29" s="345">
        <v>0</v>
      </c>
      <c r="LG29" s="345">
        <v>0</v>
      </c>
      <c r="LH29" s="349">
        <v>0</v>
      </c>
      <c r="LI29" s="350">
        <v>0</v>
      </c>
      <c r="LJ29" s="348">
        <v>0</v>
      </c>
      <c r="LK29" s="345">
        <v>0</v>
      </c>
      <c r="LL29" s="349">
        <v>0</v>
      </c>
      <c r="LM29" s="413">
        <v>0</v>
      </c>
      <c r="LN29" s="345">
        <v>0</v>
      </c>
      <c r="LO29" s="345">
        <v>0</v>
      </c>
      <c r="LP29" s="345">
        <v>0</v>
      </c>
      <c r="LQ29" s="345">
        <v>0</v>
      </c>
      <c r="LR29" s="345">
        <v>0</v>
      </c>
      <c r="LS29" s="349">
        <v>0</v>
      </c>
      <c r="LT29" s="347">
        <v>0</v>
      </c>
      <c r="LU29" s="348">
        <v>0</v>
      </c>
      <c r="LV29" s="345">
        <v>0</v>
      </c>
      <c r="LW29" s="349">
        <v>0</v>
      </c>
      <c r="LX29" s="413">
        <v>0</v>
      </c>
      <c r="LY29" s="345">
        <v>0</v>
      </c>
      <c r="LZ29" s="345">
        <v>0</v>
      </c>
      <c r="MA29" s="345">
        <v>0</v>
      </c>
      <c r="MB29" s="345">
        <v>0</v>
      </c>
      <c r="MC29" s="345">
        <v>0</v>
      </c>
      <c r="MD29" s="349">
        <v>0</v>
      </c>
      <c r="ME29" s="350">
        <v>0</v>
      </c>
      <c r="MF29" s="348">
        <v>0</v>
      </c>
      <c r="MG29" s="345">
        <v>0</v>
      </c>
      <c r="MH29" s="349">
        <v>0</v>
      </c>
      <c r="MI29" s="413">
        <v>0</v>
      </c>
      <c r="MJ29" s="345">
        <v>3462398</v>
      </c>
      <c r="MK29" s="345">
        <v>2286506</v>
      </c>
      <c r="ML29" s="345">
        <v>13395738</v>
      </c>
      <c r="MM29" s="345">
        <v>36124065</v>
      </c>
      <c r="MN29" s="345">
        <v>18747847</v>
      </c>
      <c r="MO29" s="349">
        <v>74016554</v>
      </c>
      <c r="MP29" s="354">
        <v>74016554</v>
      </c>
      <c r="MQ29" s="348">
        <v>0</v>
      </c>
      <c r="MR29" s="345">
        <v>0</v>
      </c>
      <c r="MS29" s="349">
        <v>0</v>
      </c>
      <c r="MT29" s="413">
        <v>0</v>
      </c>
      <c r="MU29" s="345">
        <v>251165</v>
      </c>
      <c r="MV29" s="345">
        <v>0</v>
      </c>
      <c r="MW29" s="345">
        <v>6818505</v>
      </c>
      <c r="MX29" s="345">
        <v>26537266</v>
      </c>
      <c r="MY29" s="345">
        <v>15760405</v>
      </c>
      <c r="MZ29" s="349">
        <v>49367341</v>
      </c>
      <c r="NA29" s="354">
        <v>49367341</v>
      </c>
      <c r="NB29" s="348">
        <v>0</v>
      </c>
      <c r="NC29" s="345">
        <v>0</v>
      </c>
      <c r="ND29" s="349">
        <v>0</v>
      </c>
      <c r="NE29" s="413">
        <v>0</v>
      </c>
      <c r="NF29" s="345">
        <v>3211233</v>
      </c>
      <c r="NG29" s="345">
        <v>2286506</v>
      </c>
      <c r="NH29" s="345">
        <v>6577233</v>
      </c>
      <c r="NI29" s="345">
        <v>9586799</v>
      </c>
      <c r="NJ29" s="345">
        <v>2987442</v>
      </c>
      <c r="NK29" s="349">
        <v>24649213</v>
      </c>
      <c r="NL29" s="347">
        <v>24649213</v>
      </c>
      <c r="NM29" s="348">
        <v>0</v>
      </c>
      <c r="NN29" s="345">
        <v>0</v>
      </c>
      <c r="NO29" s="349">
        <v>0</v>
      </c>
      <c r="NP29" s="413">
        <v>0</v>
      </c>
      <c r="NQ29" s="345">
        <v>0</v>
      </c>
      <c r="NR29" s="345">
        <v>0</v>
      </c>
      <c r="NS29" s="345">
        <v>0</v>
      </c>
      <c r="NT29" s="345">
        <v>0</v>
      </c>
      <c r="NU29" s="345">
        <v>0</v>
      </c>
      <c r="NV29" s="349">
        <v>0</v>
      </c>
      <c r="NW29" s="350">
        <v>0</v>
      </c>
      <c r="NX29" s="348">
        <v>0</v>
      </c>
      <c r="NY29" s="345">
        <v>0</v>
      </c>
      <c r="NZ29" s="349">
        <v>0</v>
      </c>
      <c r="OA29" s="413">
        <v>0</v>
      </c>
      <c r="OB29" s="345">
        <v>0</v>
      </c>
      <c r="OC29" s="345">
        <v>0</v>
      </c>
      <c r="OD29" s="345">
        <v>0</v>
      </c>
      <c r="OE29" s="345">
        <v>0</v>
      </c>
      <c r="OF29" s="345">
        <v>0</v>
      </c>
      <c r="OG29" s="349">
        <v>0</v>
      </c>
      <c r="OH29" s="350">
        <v>0</v>
      </c>
      <c r="OI29" s="348">
        <v>2927742</v>
      </c>
      <c r="OJ29" s="345">
        <v>4407705</v>
      </c>
      <c r="OK29" s="346">
        <v>7335447</v>
      </c>
      <c r="OL29" s="351">
        <v>0</v>
      </c>
      <c r="OM29" s="345">
        <v>34020168</v>
      </c>
      <c r="ON29" s="345">
        <v>36455293</v>
      </c>
      <c r="OO29" s="345">
        <v>41562469</v>
      </c>
      <c r="OP29" s="345">
        <v>67142671</v>
      </c>
      <c r="OQ29" s="345">
        <v>38860519</v>
      </c>
      <c r="OR29" s="349">
        <v>218041120</v>
      </c>
      <c r="OS29" s="354">
        <v>225376567</v>
      </c>
    </row>
    <row r="30" spans="2:409" s="70" customFormat="1" ht="21" customHeight="1" x14ac:dyDescent="0.2">
      <c r="B30" s="410" t="s">
        <v>25</v>
      </c>
      <c r="C30" s="326">
        <v>2224252</v>
      </c>
      <c r="D30" s="327">
        <v>5109526</v>
      </c>
      <c r="E30" s="328">
        <v>7333778</v>
      </c>
      <c r="F30" s="329">
        <v>0</v>
      </c>
      <c r="G30" s="327">
        <v>30726387</v>
      </c>
      <c r="H30" s="327">
        <v>37139092</v>
      </c>
      <c r="I30" s="327">
        <v>29166944</v>
      </c>
      <c r="J30" s="327">
        <v>27828411</v>
      </c>
      <c r="K30" s="327">
        <v>16500250</v>
      </c>
      <c r="L30" s="367">
        <v>141361084</v>
      </c>
      <c r="M30" s="330">
        <v>148694862</v>
      </c>
      <c r="N30" s="326">
        <v>632529</v>
      </c>
      <c r="O30" s="327">
        <v>1617493</v>
      </c>
      <c r="P30" s="328">
        <v>2250022</v>
      </c>
      <c r="Q30" s="326">
        <v>0</v>
      </c>
      <c r="R30" s="327">
        <v>8882419</v>
      </c>
      <c r="S30" s="327">
        <v>12229227</v>
      </c>
      <c r="T30" s="327">
        <v>9973588</v>
      </c>
      <c r="U30" s="327">
        <v>10544322</v>
      </c>
      <c r="V30" s="327">
        <v>8716476</v>
      </c>
      <c r="W30" s="328">
        <v>50346032</v>
      </c>
      <c r="X30" s="330">
        <v>52596054</v>
      </c>
      <c r="Y30" s="326">
        <v>0</v>
      </c>
      <c r="Z30" s="327">
        <v>0</v>
      </c>
      <c r="AA30" s="328">
        <v>0</v>
      </c>
      <c r="AB30" s="326">
        <v>0</v>
      </c>
      <c r="AC30" s="327">
        <v>4534927</v>
      </c>
      <c r="AD30" s="327">
        <v>6065892</v>
      </c>
      <c r="AE30" s="327">
        <v>6228664</v>
      </c>
      <c r="AF30" s="327">
        <v>6548025</v>
      </c>
      <c r="AG30" s="327">
        <v>5533588</v>
      </c>
      <c r="AH30" s="328">
        <v>28911096</v>
      </c>
      <c r="AI30" s="330">
        <v>28911096</v>
      </c>
      <c r="AJ30" s="326">
        <v>0</v>
      </c>
      <c r="AK30" s="327">
        <v>0</v>
      </c>
      <c r="AL30" s="328">
        <v>0</v>
      </c>
      <c r="AM30" s="326">
        <v>0</v>
      </c>
      <c r="AN30" s="327">
        <v>163409</v>
      </c>
      <c r="AO30" s="327">
        <v>334147</v>
      </c>
      <c r="AP30" s="327">
        <v>588638</v>
      </c>
      <c r="AQ30" s="327">
        <v>887433</v>
      </c>
      <c r="AR30" s="327">
        <v>1093110</v>
      </c>
      <c r="AS30" s="328">
        <v>3066737</v>
      </c>
      <c r="AT30" s="330">
        <v>3066737</v>
      </c>
      <c r="AU30" s="326">
        <v>445078</v>
      </c>
      <c r="AV30" s="327">
        <v>1324271</v>
      </c>
      <c r="AW30" s="328">
        <v>1769349</v>
      </c>
      <c r="AX30" s="326">
        <v>0</v>
      </c>
      <c r="AY30" s="327">
        <v>3067219</v>
      </c>
      <c r="AZ30" s="327">
        <v>4451647</v>
      </c>
      <c r="BA30" s="327">
        <v>2057605</v>
      </c>
      <c r="BB30" s="327">
        <v>1901037</v>
      </c>
      <c r="BC30" s="327">
        <v>1174784</v>
      </c>
      <c r="BD30" s="328">
        <v>12652292</v>
      </c>
      <c r="BE30" s="330">
        <v>14421641</v>
      </c>
      <c r="BF30" s="326">
        <v>41605</v>
      </c>
      <c r="BG30" s="327">
        <v>150349</v>
      </c>
      <c r="BH30" s="331">
        <v>191954</v>
      </c>
      <c r="BI30" s="332">
        <v>0</v>
      </c>
      <c r="BJ30" s="327">
        <v>24420</v>
      </c>
      <c r="BK30" s="327">
        <v>490029</v>
      </c>
      <c r="BL30" s="327">
        <v>186040</v>
      </c>
      <c r="BM30" s="327">
        <v>184543</v>
      </c>
      <c r="BN30" s="327">
        <v>205838</v>
      </c>
      <c r="BO30" s="328">
        <v>1090870</v>
      </c>
      <c r="BP30" s="330">
        <v>1282824</v>
      </c>
      <c r="BQ30" s="326">
        <v>145846</v>
      </c>
      <c r="BR30" s="327">
        <v>142873</v>
      </c>
      <c r="BS30" s="328">
        <v>288719</v>
      </c>
      <c r="BT30" s="326">
        <v>0</v>
      </c>
      <c r="BU30" s="327">
        <v>1092444</v>
      </c>
      <c r="BV30" s="327">
        <v>887512</v>
      </c>
      <c r="BW30" s="327">
        <v>912641</v>
      </c>
      <c r="BX30" s="327">
        <v>1023284</v>
      </c>
      <c r="BY30" s="327">
        <v>709156</v>
      </c>
      <c r="BZ30" s="328">
        <v>4625037</v>
      </c>
      <c r="CA30" s="330">
        <v>4913756</v>
      </c>
      <c r="CB30" s="326">
        <v>24145</v>
      </c>
      <c r="CC30" s="327">
        <v>302517</v>
      </c>
      <c r="CD30" s="328">
        <v>326662</v>
      </c>
      <c r="CE30" s="326">
        <v>0</v>
      </c>
      <c r="CF30" s="327">
        <v>11002625</v>
      </c>
      <c r="CG30" s="327">
        <v>12659621</v>
      </c>
      <c r="CH30" s="327">
        <v>8431620</v>
      </c>
      <c r="CI30" s="327">
        <v>5961552</v>
      </c>
      <c r="CJ30" s="327">
        <v>1453856</v>
      </c>
      <c r="CK30" s="328">
        <v>39509274</v>
      </c>
      <c r="CL30" s="330">
        <v>39835936</v>
      </c>
      <c r="CM30" s="326">
        <v>0</v>
      </c>
      <c r="CN30" s="327">
        <v>0</v>
      </c>
      <c r="CO30" s="328">
        <v>0</v>
      </c>
      <c r="CP30" s="332">
        <v>0</v>
      </c>
      <c r="CQ30" s="327">
        <v>9091764</v>
      </c>
      <c r="CR30" s="327">
        <v>8421044</v>
      </c>
      <c r="CS30" s="327">
        <v>6174608</v>
      </c>
      <c r="CT30" s="327">
        <v>4723355</v>
      </c>
      <c r="CU30" s="327">
        <v>1060541</v>
      </c>
      <c r="CV30" s="328">
        <v>29471312</v>
      </c>
      <c r="CW30" s="330">
        <v>29471312</v>
      </c>
      <c r="CX30" s="326">
        <v>24145</v>
      </c>
      <c r="CY30" s="327">
        <v>302517</v>
      </c>
      <c r="CZ30" s="328">
        <v>326662</v>
      </c>
      <c r="DA30" s="326">
        <v>0</v>
      </c>
      <c r="DB30" s="327">
        <v>1910861</v>
      </c>
      <c r="DC30" s="327">
        <v>4238577</v>
      </c>
      <c r="DD30" s="327">
        <v>2257012</v>
      </c>
      <c r="DE30" s="327">
        <v>1238197</v>
      </c>
      <c r="DF30" s="327">
        <v>393315</v>
      </c>
      <c r="DG30" s="328">
        <v>10037962</v>
      </c>
      <c r="DH30" s="330">
        <v>10364624</v>
      </c>
      <c r="DI30" s="326">
        <v>0</v>
      </c>
      <c r="DJ30" s="327">
        <v>49804</v>
      </c>
      <c r="DK30" s="331">
        <v>49804</v>
      </c>
      <c r="DL30" s="332">
        <v>0</v>
      </c>
      <c r="DM30" s="327">
        <v>944563</v>
      </c>
      <c r="DN30" s="327">
        <v>2649359</v>
      </c>
      <c r="DO30" s="327">
        <v>3413323</v>
      </c>
      <c r="DP30" s="327">
        <v>2442253</v>
      </c>
      <c r="DQ30" s="327">
        <v>1063835</v>
      </c>
      <c r="DR30" s="328">
        <v>10513333</v>
      </c>
      <c r="DS30" s="330">
        <v>10563137</v>
      </c>
      <c r="DT30" s="326">
        <v>0</v>
      </c>
      <c r="DU30" s="327">
        <v>49804</v>
      </c>
      <c r="DV30" s="328">
        <v>49804</v>
      </c>
      <c r="DW30" s="326">
        <v>0</v>
      </c>
      <c r="DX30" s="327">
        <v>772586</v>
      </c>
      <c r="DY30" s="327">
        <v>1785058</v>
      </c>
      <c r="DZ30" s="327">
        <v>2824115</v>
      </c>
      <c r="EA30" s="327">
        <v>1893363</v>
      </c>
      <c r="EB30" s="327">
        <v>530555</v>
      </c>
      <c r="EC30" s="328">
        <v>7805677</v>
      </c>
      <c r="ED30" s="330">
        <v>7855481</v>
      </c>
      <c r="EE30" s="326">
        <v>0</v>
      </c>
      <c r="EF30" s="331">
        <v>0</v>
      </c>
      <c r="EG30" s="328">
        <v>0</v>
      </c>
      <c r="EH30" s="326">
        <v>0</v>
      </c>
      <c r="EI30" s="327">
        <v>171977</v>
      </c>
      <c r="EJ30" s="327">
        <v>864301</v>
      </c>
      <c r="EK30" s="327">
        <v>589208</v>
      </c>
      <c r="EL30" s="327">
        <v>548890</v>
      </c>
      <c r="EM30" s="327">
        <v>533280</v>
      </c>
      <c r="EN30" s="331">
        <v>2707656</v>
      </c>
      <c r="EO30" s="330">
        <v>2707656</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753278</v>
      </c>
      <c r="FM30" s="327">
        <v>1681277</v>
      </c>
      <c r="FN30" s="328">
        <v>2434555</v>
      </c>
      <c r="FO30" s="326">
        <v>0</v>
      </c>
      <c r="FP30" s="327">
        <v>1295419</v>
      </c>
      <c r="FQ30" s="327">
        <v>3846118</v>
      </c>
      <c r="FR30" s="327">
        <v>2324804</v>
      </c>
      <c r="FS30" s="327">
        <v>2294914</v>
      </c>
      <c r="FT30" s="327">
        <v>1212181</v>
      </c>
      <c r="FU30" s="328">
        <v>10973436</v>
      </c>
      <c r="FV30" s="330">
        <v>13407991</v>
      </c>
      <c r="FW30" s="333">
        <v>486221</v>
      </c>
      <c r="FX30" s="327">
        <v>1178228</v>
      </c>
      <c r="FY30" s="331">
        <v>1664449</v>
      </c>
      <c r="FZ30" s="332">
        <v>0</v>
      </c>
      <c r="GA30" s="327">
        <v>975527</v>
      </c>
      <c r="GB30" s="327">
        <v>3602760</v>
      </c>
      <c r="GC30" s="327">
        <v>2028210</v>
      </c>
      <c r="GD30" s="327">
        <v>1895062</v>
      </c>
      <c r="GE30" s="327">
        <v>1179511</v>
      </c>
      <c r="GF30" s="328">
        <v>9681070</v>
      </c>
      <c r="GG30" s="334">
        <v>11345519</v>
      </c>
      <c r="GH30" s="333">
        <v>24057</v>
      </c>
      <c r="GI30" s="327">
        <v>145209</v>
      </c>
      <c r="GJ30" s="331">
        <v>169266</v>
      </c>
      <c r="GK30" s="332">
        <v>0</v>
      </c>
      <c r="GL30" s="327">
        <v>18900</v>
      </c>
      <c r="GM30" s="327">
        <v>25398</v>
      </c>
      <c r="GN30" s="327">
        <v>25344</v>
      </c>
      <c r="GO30" s="327">
        <v>218052</v>
      </c>
      <c r="GP30" s="327">
        <v>32670</v>
      </c>
      <c r="GQ30" s="328">
        <v>320364</v>
      </c>
      <c r="GR30" s="330">
        <v>489630</v>
      </c>
      <c r="GS30" s="326">
        <v>243000</v>
      </c>
      <c r="GT30" s="327">
        <v>357840</v>
      </c>
      <c r="GU30" s="328">
        <v>600840</v>
      </c>
      <c r="GV30" s="326">
        <v>0</v>
      </c>
      <c r="GW30" s="327">
        <v>300992</v>
      </c>
      <c r="GX30" s="327">
        <v>217960</v>
      </c>
      <c r="GY30" s="327">
        <v>271250</v>
      </c>
      <c r="GZ30" s="327">
        <v>181800</v>
      </c>
      <c r="HA30" s="327">
        <v>0</v>
      </c>
      <c r="HB30" s="331">
        <v>972002</v>
      </c>
      <c r="HC30" s="330">
        <v>1572842</v>
      </c>
      <c r="HD30" s="326">
        <v>309644</v>
      </c>
      <c r="HE30" s="327">
        <v>511976</v>
      </c>
      <c r="HF30" s="331">
        <v>821620</v>
      </c>
      <c r="HG30" s="332">
        <v>0</v>
      </c>
      <c r="HH30" s="327">
        <v>4172738</v>
      </c>
      <c r="HI30" s="327">
        <v>1488032</v>
      </c>
      <c r="HJ30" s="327">
        <v>2420960</v>
      </c>
      <c r="HK30" s="327">
        <v>4842594</v>
      </c>
      <c r="HL30" s="327">
        <v>3163222</v>
      </c>
      <c r="HM30" s="328">
        <v>16087546</v>
      </c>
      <c r="HN30" s="329">
        <v>16909166</v>
      </c>
      <c r="HO30" s="333">
        <v>504656</v>
      </c>
      <c r="HP30" s="327">
        <v>946459</v>
      </c>
      <c r="HQ30" s="328">
        <v>1451115</v>
      </c>
      <c r="HR30" s="326">
        <v>0</v>
      </c>
      <c r="HS30" s="327">
        <v>4428623</v>
      </c>
      <c r="HT30" s="327">
        <v>4266735</v>
      </c>
      <c r="HU30" s="327">
        <v>2602649</v>
      </c>
      <c r="HV30" s="327">
        <v>1742776</v>
      </c>
      <c r="HW30" s="327">
        <v>890680</v>
      </c>
      <c r="HX30" s="331">
        <v>13931463</v>
      </c>
      <c r="HY30" s="330">
        <v>15382578</v>
      </c>
      <c r="HZ30" s="358">
        <v>90910</v>
      </c>
      <c r="IA30" s="356">
        <v>169958</v>
      </c>
      <c r="IB30" s="358">
        <v>260868</v>
      </c>
      <c r="IC30" s="355">
        <v>0</v>
      </c>
      <c r="ID30" s="356">
        <v>7600224</v>
      </c>
      <c r="IE30" s="357">
        <v>4193243</v>
      </c>
      <c r="IF30" s="358">
        <v>6196072</v>
      </c>
      <c r="IG30" s="356">
        <v>2678597</v>
      </c>
      <c r="IH30" s="358">
        <v>955469</v>
      </c>
      <c r="II30" s="359">
        <v>21623605</v>
      </c>
      <c r="IJ30" s="358">
        <v>21884473</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13">
        <v>0</v>
      </c>
      <c r="IZ30" s="345">
        <v>0</v>
      </c>
      <c r="JA30" s="345">
        <v>0</v>
      </c>
      <c r="JB30" s="345">
        <v>0</v>
      </c>
      <c r="JC30" s="345">
        <v>0</v>
      </c>
      <c r="JD30" s="345">
        <v>0</v>
      </c>
      <c r="JE30" s="349">
        <v>0</v>
      </c>
      <c r="JF30" s="350">
        <v>0</v>
      </c>
      <c r="JG30" s="348">
        <v>0</v>
      </c>
      <c r="JH30" s="345">
        <v>0</v>
      </c>
      <c r="JI30" s="346">
        <v>0</v>
      </c>
      <c r="JJ30" s="351">
        <v>0</v>
      </c>
      <c r="JK30" s="345">
        <v>4018913</v>
      </c>
      <c r="JL30" s="345">
        <v>2569714</v>
      </c>
      <c r="JM30" s="345">
        <v>1695381</v>
      </c>
      <c r="JN30" s="345">
        <v>486517</v>
      </c>
      <c r="JO30" s="345">
        <v>74283</v>
      </c>
      <c r="JP30" s="349">
        <v>8844808</v>
      </c>
      <c r="JQ30" s="347">
        <v>8844808</v>
      </c>
      <c r="JR30" s="348">
        <v>0</v>
      </c>
      <c r="JS30" s="345">
        <v>0</v>
      </c>
      <c r="JT30" s="346">
        <v>0</v>
      </c>
      <c r="JU30" s="351">
        <v>0</v>
      </c>
      <c r="JV30" s="345">
        <v>0</v>
      </c>
      <c r="JW30" s="345">
        <v>0</v>
      </c>
      <c r="JX30" s="345">
        <v>0</v>
      </c>
      <c r="JY30" s="345">
        <v>0</v>
      </c>
      <c r="JZ30" s="345">
        <v>0</v>
      </c>
      <c r="KA30" s="349">
        <v>0</v>
      </c>
      <c r="KB30" s="347">
        <v>0</v>
      </c>
      <c r="KC30" s="352">
        <v>90910</v>
      </c>
      <c r="KD30" s="353">
        <v>169958</v>
      </c>
      <c r="KE30" s="349">
        <v>260868</v>
      </c>
      <c r="KF30" s="351">
        <v>0</v>
      </c>
      <c r="KG30" s="345">
        <v>581486</v>
      </c>
      <c r="KH30" s="345">
        <v>564399</v>
      </c>
      <c r="KI30" s="345">
        <v>1522639</v>
      </c>
      <c r="KJ30" s="345">
        <v>513782</v>
      </c>
      <c r="KK30" s="345">
        <v>315148</v>
      </c>
      <c r="KL30" s="349">
        <v>3497454</v>
      </c>
      <c r="KM30" s="354">
        <v>3758322</v>
      </c>
      <c r="KN30" s="342">
        <v>0</v>
      </c>
      <c r="KO30" s="343">
        <v>0</v>
      </c>
      <c r="KP30" s="344">
        <v>0</v>
      </c>
      <c r="KQ30" s="413">
        <v>0</v>
      </c>
      <c r="KR30" s="345">
        <v>2999825</v>
      </c>
      <c r="KS30" s="345">
        <v>1059130</v>
      </c>
      <c r="KT30" s="345">
        <v>2978052</v>
      </c>
      <c r="KU30" s="345">
        <v>1678298</v>
      </c>
      <c r="KV30" s="345">
        <v>566038</v>
      </c>
      <c r="KW30" s="349">
        <v>9281343</v>
      </c>
      <c r="KX30" s="347">
        <v>9281343</v>
      </c>
      <c r="KY30" s="348">
        <v>0</v>
      </c>
      <c r="KZ30" s="345">
        <v>0</v>
      </c>
      <c r="LA30" s="349">
        <v>0</v>
      </c>
      <c r="LB30" s="413">
        <v>0</v>
      </c>
      <c r="LC30" s="345">
        <v>0</v>
      </c>
      <c r="LD30" s="345">
        <v>0</v>
      </c>
      <c r="LE30" s="345">
        <v>0</v>
      </c>
      <c r="LF30" s="345">
        <v>0</v>
      </c>
      <c r="LG30" s="345">
        <v>0</v>
      </c>
      <c r="LH30" s="349">
        <v>0</v>
      </c>
      <c r="LI30" s="350">
        <v>0</v>
      </c>
      <c r="LJ30" s="348">
        <v>0</v>
      </c>
      <c r="LK30" s="345">
        <v>0</v>
      </c>
      <c r="LL30" s="349">
        <v>0</v>
      </c>
      <c r="LM30" s="413">
        <v>0</v>
      </c>
      <c r="LN30" s="345">
        <v>0</v>
      </c>
      <c r="LO30" s="345">
        <v>0</v>
      </c>
      <c r="LP30" s="345">
        <v>0</v>
      </c>
      <c r="LQ30" s="345">
        <v>0</v>
      </c>
      <c r="LR30" s="345">
        <v>0</v>
      </c>
      <c r="LS30" s="349">
        <v>0</v>
      </c>
      <c r="LT30" s="347">
        <v>0</v>
      </c>
      <c r="LU30" s="348">
        <v>0</v>
      </c>
      <c r="LV30" s="345">
        <v>0</v>
      </c>
      <c r="LW30" s="349">
        <v>0</v>
      </c>
      <c r="LX30" s="413">
        <v>0</v>
      </c>
      <c r="LY30" s="345">
        <v>0</v>
      </c>
      <c r="LZ30" s="345">
        <v>0</v>
      </c>
      <c r="MA30" s="345">
        <v>0</v>
      </c>
      <c r="MB30" s="345">
        <v>0</v>
      </c>
      <c r="MC30" s="345">
        <v>0</v>
      </c>
      <c r="MD30" s="349">
        <v>0</v>
      </c>
      <c r="ME30" s="350">
        <v>0</v>
      </c>
      <c r="MF30" s="348">
        <v>0</v>
      </c>
      <c r="MG30" s="345">
        <v>0</v>
      </c>
      <c r="MH30" s="349">
        <v>0</v>
      </c>
      <c r="MI30" s="413">
        <v>0</v>
      </c>
      <c r="MJ30" s="345">
        <v>2968472</v>
      </c>
      <c r="MK30" s="345">
        <v>8841102</v>
      </c>
      <c r="ML30" s="345">
        <v>20123727</v>
      </c>
      <c r="MM30" s="345">
        <v>37478251</v>
      </c>
      <c r="MN30" s="345">
        <v>20156908</v>
      </c>
      <c r="MO30" s="349">
        <v>89568460</v>
      </c>
      <c r="MP30" s="354">
        <v>89568460</v>
      </c>
      <c r="MQ30" s="348">
        <v>0</v>
      </c>
      <c r="MR30" s="345">
        <v>0</v>
      </c>
      <c r="MS30" s="349">
        <v>0</v>
      </c>
      <c r="MT30" s="413">
        <v>0</v>
      </c>
      <c r="MU30" s="345">
        <v>387892</v>
      </c>
      <c r="MV30" s="345">
        <v>952131</v>
      </c>
      <c r="MW30" s="345">
        <v>14540306</v>
      </c>
      <c r="MX30" s="345">
        <v>21726841</v>
      </c>
      <c r="MY30" s="345">
        <v>14309063</v>
      </c>
      <c r="MZ30" s="349">
        <v>51916233</v>
      </c>
      <c r="NA30" s="354">
        <v>51916233</v>
      </c>
      <c r="NB30" s="348">
        <v>0</v>
      </c>
      <c r="NC30" s="345">
        <v>0</v>
      </c>
      <c r="ND30" s="349">
        <v>0</v>
      </c>
      <c r="NE30" s="413">
        <v>0</v>
      </c>
      <c r="NF30" s="345">
        <v>2580580</v>
      </c>
      <c r="NG30" s="345">
        <v>7888971</v>
      </c>
      <c r="NH30" s="345">
        <v>5583421</v>
      </c>
      <c r="NI30" s="345">
        <v>15751410</v>
      </c>
      <c r="NJ30" s="345">
        <v>5005132</v>
      </c>
      <c r="NK30" s="349">
        <v>36809514</v>
      </c>
      <c r="NL30" s="347">
        <v>36809514</v>
      </c>
      <c r="NM30" s="348">
        <v>0</v>
      </c>
      <c r="NN30" s="345">
        <v>0</v>
      </c>
      <c r="NO30" s="349">
        <v>0</v>
      </c>
      <c r="NP30" s="413">
        <v>0</v>
      </c>
      <c r="NQ30" s="345">
        <v>0</v>
      </c>
      <c r="NR30" s="345">
        <v>0</v>
      </c>
      <c r="NS30" s="345">
        <v>0</v>
      </c>
      <c r="NT30" s="345">
        <v>0</v>
      </c>
      <c r="NU30" s="345">
        <v>0</v>
      </c>
      <c r="NV30" s="349">
        <v>0</v>
      </c>
      <c r="NW30" s="350">
        <v>0</v>
      </c>
      <c r="NX30" s="348">
        <v>0</v>
      </c>
      <c r="NY30" s="345">
        <v>0</v>
      </c>
      <c r="NZ30" s="349">
        <v>0</v>
      </c>
      <c r="OA30" s="413">
        <v>0</v>
      </c>
      <c r="OB30" s="345">
        <v>0</v>
      </c>
      <c r="OC30" s="345">
        <v>0</v>
      </c>
      <c r="OD30" s="345">
        <v>0</v>
      </c>
      <c r="OE30" s="345">
        <v>0</v>
      </c>
      <c r="OF30" s="345">
        <v>842713</v>
      </c>
      <c r="OG30" s="349">
        <v>842713</v>
      </c>
      <c r="OH30" s="350">
        <v>842713</v>
      </c>
      <c r="OI30" s="348">
        <v>2315162</v>
      </c>
      <c r="OJ30" s="345">
        <v>5279484</v>
      </c>
      <c r="OK30" s="346">
        <v>7594646</v>
      </c>
      <c r="OL30" s="351">
        <v>0</v>
      </c>
      <c r="OM30" s="345">
        <v>41295083</v>
      </c>
      <c r="ON30" s="345">
        <v>50173437</v>
      </c>
      <c r="OO30" s="345">
        <v>55486743</v>
      </c>
      <c r="OP30" s="345">
        <v>67985259</v>
      </c>
      <c r="OQ30" s="345">
        <v>37612627</v>
      </c>
      <c r="OR30" s="349">
        <v>252553149</v>
      </c>
      <c r="OS30" s="354">
        <v>260147795</v>
      </c>
    </row>
    <row r="31" spans="2:409" s="70" customFormat="1" ht="21" customHeight="1" x14ac:dyDescent="0.2">
      <c r="B31" s="410" t="s">
        <v>26</v>
      </c>
      <c r="C31" s="326">
        <v>1977338</v>
      </c>
      <c r="D31" s="327">
        <v>2432191</v>
      </c>
      <c r="E31" s="328">
        <v>4409529</v>
      </c>
      <c r="F31" s="329">
        <v>0</v>
      </c>
      <c r="G31" s="327">
        <v>25255475</v>
      </c>
      <c r="H31" s="327">
        <v>29921062</v>
      </c>
      <c r="I31" s="327">
        <v>25356964</v>
      </c>
      <c r="J31" s="327">
        <v>20235650</v>
      </c>
      <c r="K31" s="327">
        <v>22859588</v>
      </c>
      <c r="L31" s="367">
        <v>123628739</v>
      </c>
      <c r="M31" s="330">
        <v>128038268</v>
      </c>
      <c r="N31" s="326">
        <v>483396</v>
      </c>
      <c r="O31" s="327">
        <v>478598</v>
      </c>
      <c r="P31" s="328">
        <v>961994</v>
      </c>
      <c r="Q31" s="326">
        <v>0</v>
      </c>
      <c r="R31" s="327">
        <v>6605655</v>
      </c>
      <c r="S31" s="327">
        <v>9779137</v>
      </c>
      <c r="T31" s="327">
        <v>8095751</v>
      </c>
      <c r="U31" s="327">
        <v>6199321</v>
      </c>
      <c r="V31" s="327">
        <v>12154120</v>
      </c>
      <c r="W31" s="328">
        <v>42833984</v>
      </c>
      <c r="X31" s="330">
        <v>43795978</v>
      </c>
      <c r="Y31" s="326">
        <v>0</v>
      </c>
      <c r="Z31" s="327">
        <v>0</v>
      </c>
      <c r="AA31" s="328">
        <v>0</v>
      </c>
      <c r="AB31" s="326">
        <v>0</v>
      </c>
      <c r="AC31" s="327">
        <v>2891071</v>
      </c>
      <c r="AD31" s="327">
        <v>5467603</v>
      </c>
      <c r="AE31" s="327">
        <v>4466393</v>
      </c>
      <c r="AF31" s="327">
        <v>2807998</v>
      </c>
      <c r="AG31" s="327">
        <v>7274338</v>
      </c>
      <c r="AH31" s="328">
        <v>22907403</v>
      </c>
      <c r="AI31" s="330">
        <v>22907403</v>
      </c>
      <c r="AJ31" s="326">
        <v>0</v>
      </c>
      <c r="AK31" s="327">
        <v>0</v>
      </c>
      <c r="AL31" s="328">
        <v>0</v>
      </c>
      <c r="AM31" s="326">
        <v>0</v>
      </c>
      <c r="AN31" s="327">
        <v>0</v>
      </c>
      <c r="AO31" s="327">
        <v>122416</v>
      </c>
      <c r="AP31" s="327">
        <v>323987</v>
      </c>
      <c r="AQ31" s="327">
        <v>597357</v>
      </c>
      <c r="AR31" s="327">
        <v>1085430</v>
      </c>
      <c r="AS31" s="328">
        <v>2129190</v>
      </c>
      <c r="AT31" s="330">
        <v>2129190</v>
      </c>
      <c r="AU31" s="326">
        <v>354243</v>
      </c>
      <c r="AV31" s="327">
        <v>412356</v>
      </c>
      <c r="AW31" s="328">
        <v>766599</v>
      </c>
      <c r="AX31" s="326">
        <v>0</v>
      </c>
      <c r="AY31" s="327">
        <v>2718346</v>
      </c>
      <c r="AZ31" s="327">
        <v>3347693</v>
      </c>
      <c r="BA31" s="327">
        <v>1779833</v>
      </c>
      <c r="BB31" s="327">
        <v>1871528</v>
      </c>
      <c r="BC31" s="327">
        <v>2772763</v>
      </c>
      <c r="BD31" s="328">
        <v>12490163</v>
      </c>
      <c r="BE31" s="330">
        <v>13256762</v>
      </c>
      <c r="BF31" s="326">
        <v>23775</v>
      </c>
      <c r="BG31" s="327">
        <v>34274</v>
      </c>
      <c r="BH31" s="331">
        <v>58049</v>
      </c>
      <c r="BI31" s="332">
        <v>0</v>
      </c>
      <c r="BJ31" s="327">
        <v>106831</v>
      </c>
      <c r="BK31" s="327">
        <v>59421</v>
      </c>
      <c r="BL31" s="327">
        <v>197556</v>
      </c>
      <c r="BM31" s="327">
        <v>80101</v>
      </c>
      <c r="BN31" s="327">
        <v>236495</v>
      </c>
      <c r="BO31" s="328">
        <v>680404</v>
      </c>
      <c r="BP31" s="330">
        <v>738453</v>
      </c>
      <c r="BQ31" s="326">
        <v>105378</v>
      </c>
      <c r="BR31" s="327">
        <v>31968</v>
      </c>
      <c r="BS31" s="328">
        <v>137346</v>
      </c>
      <c r="BT31" s="326">
        <v>0</v>
      </c>
      <c r="BU31" s="327">
        <v>889407</v>
      </c>
      <c r="BV31" s="327">
        <v>782004</v>
      </c>
      <c r="BW31" s="327">
        <v>1327982</v>
      </c>
      <c r="BX31" s="327">
        <v>842337</v>
      </c>
      <c r="BY31" s="327">
        <v>785094</v>
      </c>
      <c r="BZ31" s="328">
        <v>4626824</v>
      </c>
      <c r="CA31" s="330">
        <v>4764170</v>
      </c>
      <c r="CB31" s="326">
        <v>179193</v>
      </c>
      <c r="CC31" s="327">
        <v>256290</v>
      </c>
      <c r="CD31" s="328">
        <v>435483</v>
      </c>
      <c r="CE31" s="326">
        <v>0</v>
      </c>
      <c r="CF31" s="327">
        <v>7369137</v>
      </c>
      <c r="CG31" s="327">
        <v>8932073</v>
      </c>
      <c r="CH31" s="327">
        <v>4810315</v>
      </c>
      <c r="CI31" s="327">
        <v>3399077</v>
      </c>
      <c r="CJ31" s="327">
        <v>2457131</v>
      </c>
      <c r="CK31" s="328">
        <v>26967733</v>
      </c>
      <c r="CL31" s="330">
        <v>27403216</v>
      </c>
      <c r="CM31" s="326">
        <v>0</v>
      </c>
      <c r="CN31" s="327">
        <v>0</v>
      </c>
      <c r="CO31" s="328">
        <v>0</v>
      </c>
      <c r="CP31" s="332">
        <v>0</v>
      </c>
      <c r="CQ31" s="327">
        <v>6315733</v>
      </c>
      <c r="CR31" s="327">
        <v>6943284</v>
      </c>
      <c r="CS31" s="327">
        <v>3632669</v>
      </c>
      <c r="CT31" s="327">
        <v>2275910</v>
      </c>
      <c r="CU31" s="327">
        <v>1866186</v>
      </c>
      <c r="CV31" s="328">
        <v>21033782</v>
      </c>
      <c r="CW31" s="330">
        <v>21033782</v>
      </c>
      <c r="CX31" s="326">
        <v>179193</v>
      </c>
      <c r="CY31" s="327">
        <v>256290</v>
      </c>
      <c r="CZ31" s="328">
        <v>435483</v>
      </c>
      <c r="DA31" s="326">
        <v>0</v>
      </c>
      <c r="DB31" s="327">
        <v>1053404</v>
      </c>
      <c r="DC31" s="327">
        <v>1988789</v>
      </c>
      <c r="DD31" s="327">
        <v>1177646</v>
      </c>
      <c r="DE31" s="327">
        <v>1123167</v>
      </c>
      <c r="DF31" s="327">
        <v>590945</v>
      </c>
      <c r="DG31" s="328">
        <v>5933951</v>
      </c>
      <c r="DH31" s="330">
        <v>6369434</v>
      </c>
      <c r="DI31" s="326">
        <v>0</v>
      </c>
      <c r="DJ31" s="327">
        <v>0</v>
      </c>
      <c r="DK31" s="331">
        <v>0</v>
      </c>
      <c r="DL31" s="332">
        <v>0</v>
      </c>
      <c r="DM31" s="327">
        <v>1162911</v>
      </c>
      <c r="DN31" s="327">
        <v>1632678</v>
      </c>
      <c r="DO31" s="327">
        <v>2939608</v>
      </c>
      <c r="DP31" s="327">
        <v>2400719</v>
      </c>
      <c r="DQ31" s="327">
        <v>1283849</v>
      </c>
      <c r="DR31" s="328">
        <v>9419765</v>
      </c>
      <c r="DS31" s="330">
        <v>9419765</v>
      </c>
      <c r="DT31" s="326">
        <v>0</v>
      </c>
      <c r="DU31" s="327">
        <v>0</v>
      </c>
      <c r="DV31" s="328">
        <v>0</v>
      </c>
      <c r="DW31" s="326">
        <v>0</v>
      </c>
      <c r="DX31" s="327">
        <v>1092452</v>
      </c>
      <c r="DY31" s="327">
        <v>1562411</v>
      </c>
      <c r="DZ31" s="327">
        <v>2828425</v>
      </c>
      <c r="EA31" s="327">
        <v>2036498</v>
      </c>
      <c r="EB31" s="327">
        <v>1196689</v>
      </c>
      <c r="EC31" s="328">
        <v>8716475</v>
      </c>
      <c r="ED31" s="330">
        <v>8716475</v>
      </c>
      <c r="EE31" s="326">
        <v>0</v>
      </c>
      <c r="EF31" s="331">
        <v>0</v>
      </c>
      <c r="EG31" s="328">
        <v>0</v>
      </c>
      <c r="EH31" s="326">
        <v>0</v>
      </c>
      <c r="EI31" s="327">
        <v>70459</v>
      </c>
      <c r="EJ31" s="327">
        <v>70267</v>
      </c>
      <c r="EK31" s="327">
        <v>111183</v>
      </c>
      <c r="EL31" s="327">
        <v>364221</v>
      </c>
      <c r="EM31" s="327">
        <v>87160</v>
      </c>
      <c r="EN31" s="331">
        <v>703290</v>
      </c>
      <c r="EO31" s="330">
        <v>703290</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434994</v>
      </c>
      <c r="FM31" s="327">
        <v>805804</v>
      </c>
      <c r="FN31" s="328">
        <v>1240798</v>
      </c>
      <c r="FO31" s="326">
        <v>0</v>
      </c>
      <c r="FP31" s="327">
        <v>1320725</v>
      </c>
      <c r="FQ31" s="327">
        <v>2917235</v>
      </c>
      <c r="FR31" s="327">
        <v>1610555</v>
      </c>
      <c r="FS31" s="327">
        <v>1603664</v>
      </c>
      <c r="FT31" s="327">
        <v>1687207</v>
      </c>
      <c r="FU31" s="328">
        <v>9139386</v>
      </c>
      <c r="FV31" s="330">
        <v>10380184</v>
      </c>
      <c r="FW31" s="333">
        <v>422421</v>
      </c>
      <c r="FX31" s="327">
        <v>712424</v>
      </c>
      <c r="FY31" s="331">
        <v>1134845</v>
      </c>
      <c r="FZ31" s="332">
        <v>0</v>
      </c>
      <c r="GA31" s="327">
        <v>1137534</v>
      </c>
      <c r="GB31" s="327">
        <v>2600331</v>
      </c>
      <c r="GC31" s="327">
        <v>1579055</v>
      </c>
      <c r="GD31" s="327">
        <v>1567232</v>
      </c>
      <c r="GE31" s="327">
        <v>1687207</v>
      </c>
      <c r="GF31" s="328">
        <v>8571359</v>
      </c>
      <c r="GG31" s="334">
        <v>9706204</v>
      </c>
      <c r="GH31" s="333">
        <v>12573</v>
      </c>
      <c r="GI31" s="327">
        <v>21740</v>
      </c>
      <c r="GJ31" s="331">
        <v>34313</v>
      </c>
      <c r="GK31" s="332">
        <v>0</v>
      </c>
      <c r="GL31" s="327">
        <v>29403</v>
      </c>
      <c r="GM31" s="327">
        <v>88704</v>
      </c>
      <c r="GN31" s="327">
        <v>0</v>
      </c>
      <c r="GO31" s="327">
        <v>36432</v>
      </c>
      <c r="GP31" s="327">
        <v>0</v>
      </c>
      <c r="GQ31" s="328">
        <v>154539</v>
      </c>
      <c r="GR31" s="330">
        <v>188852</v>
      </c>
      <c r="GS31" s="326">
        <v>0</v>
      </c>
      <c r="GT31" s="327">
        <v>71640</v>
      </c>
      <c r="GU31" s="328">
        <v>71640</v>
      </c>
      <c r="GV31" s="326">
        <v>0</v>
      </c>
      <c r="GW31" s="327">
        <v>153788</v>
      </c>
      <c r="GX31" s="327">
        <v>228200</v>
      </c>
      <c r="GY31" s="327">
        <v>31500</v>
      </c>
      <c r="GZ31" s="327">
        <v>0</v>
      </c>
      <c r="HA31" s="327">
        <v>0</v>
      </c>
      <c r="HB31" s="331">
        <v>413488</v>
      </c>
      <c r="HC31" s="330">
        <v>485128</v>
      </c>
      <c r="HD31" s="326">
        <v>466490</v>
      </c>
      <c r="HE31" s="327">
        <v>288690</v>
      </c>
      <c r="HF31" s="331">
        <v>755180</v>
      </c>
      <c r="HG31" s="332">
        <v>0</v>
      </c>
      <c r="HH31" s="327">
        <v>4631888</v>
      </c>
      <c r="HI31" s="327">
        <v>2888525</v>
      </c>
      <c r="HJ31" s="327">
        <v>5434649</v>
      </c>
      <c r="HK31" s="327">
        <v>5113298</v>
      </c>
      <c r="HL31" s="327">
        <v>3923233</v>
      </c>
      <c r="HM31" s="328">
        <v>21991593</v>
      </c>
      <c r="HN31" s="329">
        <v>22746773</v>
      </c>
      <c r="HO31" s="333">
        <v>413265</v>
      </c>
      <c r="HP31" s="327">
        <v>602809</v>
      </c>
      <c r="HQ31" s="328">
        <v>1016074</v>
      </c>
      <c r="HR31" s="326">
        <v>0</v>
      </c>
      <c r="HS31" s="327">
        <v>4165159</v>
      </c>
      <c r="HT31" s="327">
        <v>3771414</v>
      </c>
      <c r="HU31" s="327">
        <v>2466086</v>
      </c>
      <c r="HV31" s="327">
        <v>1519571</v>
      </c>
      <c r="HW31" s="327">
        <v>1354048</v>
      </c>
      <c r="HX31" s="331">
        <v>13276278</v>
      </c>
      <c r="HY31" s="330">
        <v>14292352</v>
      </c>
      <c r="HZ31" s="335">
        <v>0</v>
      </c>
      <c r="IA31" s="336">
        <v>0</v>
      </c>
      <c r="IB31" s="337">
        <v>0</v>
      </c>
      <c r="IC31" s="338">
        <v>0</v>
      </c>
      <c r="ID31" s="336">
        <v>4087524</v>
      </c>
      <c r="IE31" s="339">
        <v>6662671</v>
      </c>
      <c r="IF31" s="337">
        <v>8921742</v>
      </c>
      <c r="IG31" s="336">
        <v>4785863</v>
      </c>
      <c r="IH31" s="337">
        <v>1421753</v>
      </c>
      <c r="II31" s="340">
        <v>25879553</v>
      </c>
      <c r="IJ31" s="341">
        <v>25879553</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13">
        <v>0</v>
      </c>
      <c r="IZ31" s="345">
        <v>0</v>
      </c>
      <c r="JA31" s="345">
        <v>0</v>
      </c>
      <c r="JB31" s="345">
        <v>0</v>
      </c>
      <c r="JC31" s="345">
        <v>0</v>
      </c>
      <c r="JD31" s="345">
        <v>0</v>
      </c>
      <c r="JE31" s="349">
        <v>0</v>
      </c>
      <c r="JF31" s="350">
        <v>0</v>
      </c>
      <c r="JG31" s="348">
        <v>0</v>
      </c>
      <c r="JH31" s="345">
        <v>0</v>
      </c>
      <c r="JI31" s="346">
        <v>0</v>
      </c>
      <c r="JJ31" s="351">
        <v>0</v>
      </c>
      <c r="JK31" s="345">
        <v>2515390</v>
      </c>
      <c r="JL31" s="345">
        <v>2988275</v>
      </c>
      <c r="JM31" s="345">
        <v>2914232</v>
      </c>
      <c r="JN31" s="345">
        <v>1106336</v>
      </c>
      <c r="JO31" s="345">
        <v>520074</v>
      </c>
      <c r="JP31" s="349">
        <v>10044307</v>
      </c>
      <c r="JQ31" s="347">
        <v>10044307</v>
      </c>
      <c r="JR31" s="348">
        <v>0</v>
      </c>
      <c r="JS31" s="345">
        <v>0</v>
      </c>
      <c r="JT31" s="346">
        <v>0</v>
      </c>
      <c r="JU31" s="351">
        <v>0</v>
      </c>
      <c r="JV31" s="345">
        <v>0</v>
      </c>
      <c r="JW31" s="345">
        <v>0</v>
      </c>
      <c r="JX31" s="345">
        <v>0</v>
      </c>
      <c r="JY31" s="345">
        <v>589279</v>
      </c>
      <c r="JZ31" s="345">
        <v>0</v>
      </c>
      <c r="KA31" s="349">
        <v>589279</v>
      </c>
      <c r="KB31" s="347">
        <v>589279</v>
      </c>
      <c r="KC31" s="352">
        <v>0</v>
      </c>
      <c r="KD31" s="353">
        <v>0</v>
      </c>
      <c r="KE31" s="349">
        <v>0</v>
      </c>
      <c r="KF31" s="351">
        <v>0</v>
      </c>
      <c r="KG31" s="345">
        <v>301686</v>
      </c>
      <c r="KH31" s="345">
        <v>1193633</v>
      </c>
      <c r="KI31" s="345">
        <v>1854762</v>
      </c>
      <c r="KJ31" s="345">
        <v>1592153</v>
      </c>
      <c r="KK31" s="345">
        <v>335463</v>
      </c>
      <c r="KL31" s="349">
        <v>5277697</v>
      </c>
      <c r="KM31" s="354">
        <v>5277697</v>
      </c>
      <c r="KN31" s="342">
        <v>0</v>
      </c>
      <c r="KO31" s="343">
        <v>0</v>
      </c>
      <c r="KP31" s="344">
        <v>0</v>
      </c>
      <c r="KQ31" s="413">
        <v>0</v>
      </c>
      <c r="KR31" s="345">
        <v>1270448</v>
      </c>
      <c r="KS31" s="345">
        <v>2480763</v>
      </c>
      <c r="KT31" s="345">
        <v>4152748</v>
      </c>
      <c r="KU31" s="345">
        <v>1498095</v>
      </c>
      <c r="KV31" s="345">
        <v>566216</v>
      </c>
      <c r="KW31" s="349">
        <v>9968270</v>
      </c>
      <c r="KX31" s="347">
        <v>9968270</v>
      </c>
      <c r="KY31" s="348">
        <v>0</v>
      </c>
      <c r="KZ31" s="345">
        <v>0</v>
      </c>
      <c r="LA31" s="349">
        <v>0</v>
      </c>
      <c r="LB31" s="413">
        <v>0</v>
      </c>
      <c r="LC31" s="345">
        <v>0</v>
      </c>
      <c r="LD31" s="345">
        <v>0</v>
      </c>
      <c r="LE31" s="345">
        <v>0</v>
      </c>
      <c r="LF31" s="345">
        <v>0</v>
      </c>
      <c r="LG31" s="345">
        <v>0</v>
      </c>
      <c r="LH31" s="349">
        <v>0</v>
      </c>
      <c r="LI31" s="350">
        <v>0</v>
      </c>
      <c r="LJ31" s="348">
        <v>0</v>
      </c>
      <c r="LK31" s="345">
        <v>0</v>
      </c>
      <c r="LL31" s="349">
        <v>0</v>
      </c>
      <c r="LM31" s="413">
        <v>0</v>
      </c>
      <c r="LN31" s="345">
        <v>0</v>
      </c>
      <c r="LO31" s="345">
        <v>0</v>
      </c>
      <c r="LP31" s="345">
        <v>0</v>
      </c>
      <c r="LQ31" s="345">
        <v>0</v>
      </c>
      <c r="LR31" s="345">
        <v>0</v>
      </c>
      <c r="LS31" s="349">
        <v>0</v>
      </c>
      <c r="LT31" s="347">
        <v>0</v>
      </c>
      <c r="LU31" s="348">
        <v>0</v>
      </c>
      <c r="LV31" s="345">
        <v>0</v>
      </c>
      <c r="LW31" s="349">
        <v>0</v>
      </c>
      <c r="LX31" s="413">
        <v>0</v>
      </c>
      <c r="LY31" s="345">
        <v>0</v>
      </c>
      <c r="LZ31" s="345">
        <v>0</v>
      </c>
      <c r="MA31" s="345">
        <v>0</v>
      </c>
      <c r="MB31" s="345">
        <v>0</v>
      </c>
      <c r="MC31" s="345">
        <v>0</v>
      </c>
      <c r="MD31" s="349">
        <v>0</v>
      </c>
      <c r="ME31" s="350">
        <v>0</v>
      </c>
      <c r="MF31" s="348">
        <v>0</v>
      </c>
      <c r="MG31" s="345">
        <v>0</v>
      </c>
      <c r="MH31" s="349">
        <v>0</v>
      </c>
      <c r="MI31" s="413">
        <v>0</v>
      </c>
      <c r="MJ31" s="345">
        <v>1065609</v>
      </c>
      <c r="MK31" s="345">
        <v>5375662</v>
      </c>
      <c r="ML31" s="345">
        <v>17984483</v>
      </c>
      <c r="MM31" s="345">
        <v>23897477</v>
      </c>
      <c r="MN31" s="345">
        <v>20094152</v>
      </c>
      <c r="MO31" s="349">
        <v>68417383</v>
      </c>
      <c r="MP31" s="354">
        <v>68417383</v>
      </c>
      <c r="MQ31" s="348">
        <v>0</v>
      </c>
      <c r="MR31" s="345">
        <v>0</v>
      </c>
      <c r="MS31" s="349">
        <v>0</v>
      </c>
      <c r="MT31" s="413">
        <v>0</v>
      </c>
      <c r="MU31" s="345">
        <v>496206</v>
      </c>
      <c r="MV31" s="345">
        <v>1028687</v>
      </c>
      <c r="MW31" s="345">
        <v>7291426</v>
      </c>
      <c r="MX31" s="345">
        <v>17764509</v>
      </c>
      <c r="MY31" s="345">
        <v>14650198</v>
      </c>
      <c r="MZ31" s="349">
        <v>41231026</v>
      </c>
      <c r="NA31" s="354">
        <v>41231026</v>
      </c>
      <c r="NB31" s="348">
        <v>0</v>
      </c>
      <c r="NC31" s="345">
        <v>0</v>
      </c>
      <c r="ND31" s="349">
        <v>0</v>
      </c>
      <c r="NE31" s="413">
        <v>0</v>
      </c>
      <c r="NF31" s="345">
        <v>569403</v>
      </c>
      <c r="NG31" s="345">
        <v>4346975</v>
      </c>
      <c r="NH31" s="345">
        <v>10322548</v>
      </c>
      <c r="NI31" s="345">
        <v>5703409</v>
      </c>
      <c r="NJ31" s="345">
        <v>4447529</v>
      </c>
      <c r="NK31" s="349">
        <v>25389864</v>
      </c>
      <c r="NL31" s="347">
        <v>25389864</v>
      </c>
      <c r="NM31" s="348">
        <v>0</v>
      </c>
      <c r="NN31" s="345">
        <v>0</v>
      </c>
      <c r="NO31" s="349">
        <v>0</v>
      </c>
      <c r="NP31" s="413">
        <v>0</v>
      </c>
      <c r="NQ31" s="345">
        <v>0</v>
      </c>
      <c r="NR31" s="345">
        <v>0</v>
      </c>
      <c r="NS31" s="345">
        <v>0</v>
      </c>
      <c r="NT31" s="345">
        <v>0</v>
      </c>
      <c r="NU31" s="345">
        <v>0</v>
      </c>
      <c r="NV31" s="349">
        <v>0</v>
      </c>
      <c r="NW31" s="350">
        <v>0</v>
      </c>
      <c r="NX31" s="348">
        <v>0</v>
      </c>
      <c r="NY31" s="345">
        <v>0</v>
      </c>
      <c r="NZ31" s="349">
        <v>0</v>
      </c>
      <c r="OA31" s="413">
        <v>0</v>
      </c>
      <c r="OB31" s="345">
        <v>0</v>
      </c>
      <c r="OC31" s="345">
        <v>0</v>
      </c>
      <c r="OD31" s="345">
        <v>370509</v>
      </c>
      <c r="OE31" s="345">
        <v>429559</v>
      </c>
      <c r="OF31" s="345">
        <v>996425</v>
      </c>
      <c r="OG31" s="349">
        <v>1796493</v>
      </c>
      <c r="OH31" s="350">
        <v>1796493</v>
      </c>
      <c r="OI31" s="348">
        <v>1977338</v>
      </c>
      <c r="OJ31" s="345">
        <v>2432191</v>
      </c>
      <c r="OK31" s="346">
        <v>4409529</v>
      </c>
      <c r="OL31" s="351">
        <v>0</v>
      </c>
      <c r="OM31" s="345">
        <v>30408608</v>
      </c>
      <c r="ON31" s="345">
        <v>41959395</v>
      </c>
      <c r="OO31" s="345">
        <v>52263189</v>
      </c>
      <c r="OP31" s="345">
        <v>48918990</v>
      </c>
      <c r="OQ31" s="345">
        <v>44375493</v>
      </c>
      <c r="OR31" s="349">
        <v>217925675</v>
      </c>
      <c r="OS31" s="354">
        <v>222335204</v>
      </c>
    </row>
    <row r="32" spans="2:409" s="70" customFormat="1" ht="21" customHeight="1" x14ac:dyDescent="0.2">
      <c r="B32" s="410" t="s">
        <v>27</v>
      </c>
      <c r="C32" s="326">
        <v>2978916</v>
      </c>
      <c r="D32" s="327">
        <v>7473438</v>
      </c>
      <c r="E32" s="328">
        <v>10452354</v>
      </c>
      <c r="F32" s="329">
        <v>0</v>
      </c>
      <c r="G32" s="327">
        <v>24827651</v>
      </c>
      <c r="H32" s="327">
        <v>23194152</v>
      </c>
      <c r="I32" s="327">
        <v>22612195</v>
      </c>
      <c r="J32" s="327">
        <v>19122147</v>
      </c>
      <c r="K32" s="327">
        <v>15065813</v>
      </c>
      <c r="L32" s="367">
        <v>104821958</v>
      </c>
      <c r="M32" s="330">
        <v>115274312</v>
      </c>
      <c r="N32" s="326">
        <v>595743</v>
      </c>
      <c r="O32" s="327">
        <v>1683241</v>
      </c>
      <c r="P32" s="328">
        <v>2278984</v>
      </c>
      <c r="Q32" s="326">
        <v>0</v>
      </c>
      <c r="R32" s="327">
        <v>4140057</v>
      </c>
      <c r="S32" s="327">
        <v>6327009</v>
      </c>
      <c r="T32" s="327">
        <v>6416980</v>
      </c>
      <c r="U32" s="327">
        <v>5495057</v>
      </c>
      <c r="V32" s="327">
        <v>6817810</v>
      </c>
      <c r="W32" s="328">
        <v>29196913</v>
      </c>
      <c r="X32" s="330">
        <v>31475897</v>
      </c>
      <c r="Y32" s="326">
        <v>0</v>
      </c>
      <c r="Z32" s="327">
        <v>0</v>
      </c>
      <c r="AA32" s="328">
        <v>0</v>
      </c>
      <c r="AB32" s="326">
        <v>0</v>
      </c>
      <c r="AC32" s="327">
        <v>2025596</v>
      </c>
      <c r="AD32" s="327">
        <v>2818696</v>
      </c>
      <c r="AE32" s="327">
        <v>3813338</v>
      </c>
      <c r="AF32" s="327">
        <v>3071639</v>
      </c>
      <c r="AG32" s="327">
        <v>3410191</v>
      </c>
      <c r="AH32" s="328">
        <v>15139460</v>
      </c>
      <c r="AI32" s="330">
        <v>15139460</v>
      </c>
      <c r="AJ32" s="326">
        <v>0</v>
      </c>
      <c r="AK32" s="327">
        <v>0</v>
      </c>
      <c r="AL32" s="328">
        <v>0</v>
      </c>
      <c r="AM32" s="326">
        <v>0</v>
      </c>
      <c r="AN32" s="327">
        <v>64351</v>
      </c>
      <c r="AO32" s="327">
        <v>381068</v>
      </c>
      <c r="AP32" s="327">
        <v>210759</v>
      </c>
      <c r="AQ32" s="327">
        <v>372517</v>
      </c>
      <c r="AR32" s="327">
        <v>1072779</v>
      </c>
      <c r="AS32" s="328">
        <v>2101474</v>
      </c>
      <c r="AT32" s="330">
        <v>2101474</v>
      </c>
      <c r="AU32" s="326">
        <v>491560</v>
      </c>
      <c r="AV32" s="327">
        <v>1392932</v>
      </c>
      <c r="AW32" s="328">
        <v>1884492</v>
      </c>
      <c r="AX32" s="326">
        <v>0</v>
      </c>
      <c r="AY32" s="327">
        <v>1062105</v>
      </c>
      <c r="AZ32" s="327">
        <v>2305898</v>
      </c>
      <c r="BA32" s="327">
        <v>1511296</v>
      </c>
      <c r="BB32" s="327">
        <v>1244074</v>
      </c>
      <c r="BC32" s="327">
        <v>1695492</v>
      </c>
      <c r="BD32" s="328">
        <v>7818865</v>
      </c>
      <c r="BE32" s="330">
        <v>9703357</v>
      </c>
      <c r="BF32" s="326">
        <v>0</v>
      </c>
      <c r="BG32" s="327">
        <v>83212</v>
      </c>
      <c r="BH32" s="331">
        <v>83212</v>
      </c>
      <c r="BI32" s="332">
        <v>0</v>
      </c>
      <c r="BJ32" s="327">
        <v>124430</v>
      </c>
      <c r="BK32" s="327">
        <v>31600</v>
      </c>
      <c r="BL32" s="327">
        <v>0</v>
      </c>
      <c r="BM32" s="327">
        <v>0</v>
      </c>
      <c r="BN32" s="327">
        <v>23089</v>
      </c>
      <c r="BO32" s="328">
        <v>179119</v>
      </c>
      <c r="BP32" s="330">
        <v>262331</v>
      </c>
      <c r="BQ32" s="326">
        <v>104183</v>
      </c>
      <c r="BR32" s="327">
        <v>207097</v>
      </c>
      <c r="BS32" s="328">
        <v>311280</v>
      </c>
      <c r="BT32" s="326">
        <v>0</v>
      </c>
      <c r="BU32" s="327">
        <v>863575</v>
      </c>
      <c r="BV32" s="327">
        <v>789747</v>
      </c>
      <c r="BW32" s="327">
        <v>881587</v>
      </c>
      <c r="BX32" s="327">
        <v>806827</v>
      </c>
      <c r="BY32" s="327">
        <v>616259</v>
      </c>
      <c r="BZ32" s="328">
        <v>3957995</v>
      </c>
      <c r="CA32" s="330">
        <v>4269275</v>
      </c>
      <c r="CB32" s="326">
        <v>315676</v>
      </c>
      <c r="CC32" s="327">
        <v>1226744</v>
      </c>
      <c r="CD32" s="328">
        <v>1542420</v>
      </c>
      <c r="CE32" s="326">
        <v>0</v>
      </c>
      <c r="CF32" s="327">
        <v>8373148</v>
      </c>
      <c r="CG32" s="327">
        <v>5833858</v>
      </c>
      <c r="CH32" s="327">
        <v>4500113</v>
      </c>
      <c r="CI32" s="327">
        <v>3325881</v>
      </c>
      <c r="CJ32" s="327">
        <v>1973481</v>
      </c>
      <c r="CK32" s="328">
        <v>24006481</v>
      </c>
      <c r="CL32" s="330">
        <v>25548901</v>
      </c>
      <c r="CM32" s="326">
        <v>0</v>
      </c>
      <c r="CN32" s="327">
        <v>0</v>
      </c>
      <c r="CO32" s="328">
        <v>0</v>
      </c>
      <c r="CP32" s="332">
        <v>0</v>
      </c>
      <c r="CQ32" s="327">
        <v>7005735</v>
      </c>
      <c r="CR32" s="327">
        <v>3874674</v>
      </c>
      <c r="CS32" s="327">
        <v>2971027</v>
      </c>
      <c r="CT32" s="327">
        <v>3176315</v>
      </c>
      <c r="CU32" s="327">
        <v>1404999</v>
      </c>
      <c r="CV32" s="328">
        <v>18432750</v>
      </c>
      <c r="CW32" s="330">
        <v>18432750</v>
      </c>
      <c r="CX32" s="326">
        <v>315676</v>
      </c>
      <c r="CY32" s="327">
        <v>1226744</v>
      </c>
      <c r="CZ32" s="328">
        <v>1542420</v>
      </c>
      <c r="DA32" s="326">
        <v>0</v>
      </c>
      <c r="DB32" s="327">
        <v>1367413</v>
      </c>
      <c r="DC32" s="327">
        <v>1959184</v>
      </c>
      <c r="DD32" s="327">
        <v>1529086</v>
      </c>
      <c r="DE32" s="327">
        <v>149566</v>
      </c>
      <c r="DF32" s="327">
        <v>568482</v>
      </c>
      <c r="DG32" s="328">
        <v>5573731</v>
      </c>
      <c r="DH32" s="330">
        <v>7116151</v>
      </c>
      <c r="DI32" s="326">
        <v>16609</v>
      </c>
      <c r="DJ32" s="327">
        <v>24031</v>
      </c>
      <c r="DK32" s="331">
        <v>40640</v>
      </c>
      <c r="DL32" s="332">
        <v>0</v>
      </c>
      <c r="DM32" s="327">
        <v>359585</v>
      </c>
      <c r="DN32" s="327">
        <v>770794</v>
      </c>
      <c r="DO32" s="327">
        <v>907574</v>
      </c>
      <c r="DP32" s="327">
        <v>1393768</v>
      </c>
      <c r="DQ32" s="327">
        <v>254671</v>
      </c>
      <c r="DR32" s="328">
        <v>3686392</v>
      </c>
      <c r="DS32" s="330">
        <v>3727032</v>
      </c>
      <c r="DT32" s="326">
        <v>0</v>
      </c>
      <c r="DU32" s="327">
        <v>0</v>
      </c>
      <c r="DV32" s="328">
        <v>0</v>
      </c>
      <c r="DW32" s="326">
        <v>0</v>
      </c>
      <c r="DX32" s="327">
        <v>359585</v>
      </c>
      <c r="DY32" s="327">
        <v>718988</v>
      </c>
      <c r="DZ32" s="327">
        <v>852764</v>
      </c>
      <c r="EA32" s="327">
        <v>1290469</v>
      </c>
      <c r="EB32" s="327">
        <v>254671</v>
      </c>
      <c r="EC32" s="328">
        <v>3476477</v>
      </c>
      <c r="ED32" s="330">
        <v>3476477</v>
      </c>
      <c r="EE32" s="326">
        <v>16609</v>
      </c>
      <c r="EF32" s="331">
        <v>24031</v>
      </c>
      <c r="EG32" s="328">
        <v>40640</v>
      </c>
      <c r="EH32" s="326">
        <v>0</v>
      </c>
      <c r="EI32" s="327">
        <v>0</v>
      </c>
      <c r="EJ32" s="327">
        <v>51806</v>
      </c>
      <c r="EK32" s="327">
        <v>54810</v>
      </c>
      <c r="EL32" s="327">
        <v>103299</v>
      </c>
      <c r="EM32" s="327">
        <v>0</v>
      </c>
      <c r="EN32" s="331">
        <v>209915</v>
      </c>
      <c r="EO32" s="330">
        <v>250555</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889206</v>
      </c>
      <c r="FM32" s="327">
        <v>2262710</v>
      </c>
      <c r="FN32" s="328">
        <v>3151916</v>
      </c>
      <c r="FO32" s="326">
        <v>0</v>
      </c>
      <c r="FP32" s="327">
        <v>836928</v>
      </c>
      <c r="FQ32" s="327">
        <v>1895857</v>
      </c>
      <c r="FR32" s="327">
        <v>2030383</v>
      </c>
      <c r="FS32" s="327">
        <v>1146457</v>
      </c>
      <c r="FT32" s="327">
        <v>1084716</v>
      </c>
      <c r="FU32" s="328">
        <v>6994341</v>
      </c>
      <c r="FV32" s="330">
        <v>10146257</v>
      </c>
      <c r="FW32" s="333">
        <v>419534</v>
      </c>
      <c r="FX32" s="327">
        <v>1171685</v>
      </c>
      <c r="FY32" s="331">
        <v>1591219</v>
      </c>
      <c r="FZ32" s="332">
        <v>0</v>
      </c>
      <c r="GA32" s="327">
        <v>600210</v>
      </c>
      <c r="GB32" s="327">
        <v>1680195</v>
      </c>
      <c r="GC32" s="327">
        <v>1598771</v>
      </c>
      <c r="GD32" s="327">
        <v>1057357</v>
      </c>
      <c r="GE32" s="327">
        <v>996012</v>
      </c>
      <c r="GF32" s="328">
        <v>5932545</v>
      </c>
      <c r="GG32" s="334">
        <v>7523764</v>
      </c>
      <c r="GH32" s="333">
        <v>95643</v>
      </c>
      <c r="GI32" s="327">
        <v>345795</v>
      </c>
      <c r="GJ32" s="331">
        <v>441438</v>
      </c>
      <c r="GK32" s="332">
        <v>0</v>
      </c>
      <c r="GL32" s="327">
        <v>114948</v>
      </c>
      <c r="GM32" s="327">
        <v>53014</v>
      </c>
      <c r="GN32" s="327">
        <v>80512</v>
      </c>
      <c r="GO32" s="327">
        <v>89100</v>
      </c>
      <c r="GP32" s="327">
        <v>88704</v>
      </c>
      <c r="GQ32" s="328">
        <v>426278</v>
      </c>
      <c r="GR32" s="330">
        <v>867716</v>
      </c>
      <c r="GS32" s="326">
        <v>374029</v>
      </c>
      <c r="GT32" s="327">
        <v>745230</v>
      </c>
      <c r="GU32" s="328">
        <v>1119259</v>
      </c>
      <c r="GV32" s="326">
        <v>0</v>
      </c>
      <c r="GW32" s="327">
        <v>121770</v>
      </c>
      <c r="GX32" s="327">
        <v>162648</v>
      </c>
      <c r="GY32" s="327">
        <v>351100</v>
      </c>
      <c r="GZ32" s="327">
        <v>0</v>
      </c>
      <c r="HA32" s="327">
        <v>0</v>
      </c>
      <c r="HB32" s="331">
        <v>635518</v>
      </c>
      <c r="HC32" s="330">
        <v>1754777</v>
      </c>
      <c r="HD32" s="326">
        <v>590536</v>
      </c>
      <c r="HE32" s="327">
        <v>1372610</v>
      </c>
      <c r="HF32" s="331">
        <v>1963146</v>
      </c>
      <c r="HG32" s="332">
        <v>0</v>
      </c>
      <c r="HH32" s="327">
        <v>7680968</v>
      </c>
      <c r="HI32" s="327">
        <v>6010278</v>
      </c>
      <c r="HJ32" s="327">
        <v>6873477</v>
      </c>
      <c r="HK32" s="327">
        <v>6634504</v>
      </c>
      <c r="HL32" s="327">
        <v>4147057</v>
      </c>
      <c r="HM32" s="328">
        <v>31346284</v>
      </c>
      <c r="HN32" s="329">
        <v>33309430</v>
      </c>
      <c r="HO32" s="333">
        <v>571146</v>
      </c>
      <c r="HP32" s="327">
        <v>904102</v>
      </c>
      <c r="HQ32" s="328">
        <v>1475248</v>
      </c>
      <c r="HR32" s="326">
        <v>0</v>
      </c>
      <c r="HS32" s="327">
        <v>3436965</v>
      </c>
      <c r="HT32" s="327">
        <v>2356356</v>
      </c>
      <c r="HU32" s="327">
        <v>1883668</v>
      </c>
      <c r="HV32" s="327">
        <v>1126480</v>
      </c>
      <c r="HW32" s="327">
        <v>788078</v>
      </c>
      <c r="HX32" s="331">
        <v>9591547</v>
      </c>
      <c r="HY32" s="330">
        <v>11066795</v>
      </c>
      <c r="HZ32" s="358">
        <v>0</v>
      </c>
      <c r="IA32" s="356">
        <v>0</v>
      </c>
      <c r="IB32" s="358">
        <v>0</v>
      </c>
      <c r="IC32" s="355">
        <v>0</v>
      </c>
      <c r="ID32" s="356">
        <v>4580860</v>
      </c>
      <c r="IE32" s="357">
        <v>2959877</v>
      </c>
      <c r="IF32" s="358">
        <v>6181998</v>
      </c>
      <c r="IG32" s="356">
        <v>4819277</v>
      </c>
      <c r="IH32" s="358">
        <v>3110585</v>
      </c>
      <c r="II32" s="359">
        <v>21652597</v>
      </c>
      <c r="IJ32" s="358">
        <v>21652597</v>
      </c>
      <c r="IK32" s="342">
        <v>0</v>
      </c>
      <c r="IL32" s="343">
        <v>0</v>
      </c>
      <c r="IM32" s="344">
        <v>0</v>
      </c>
      <c r="IN32" s="404">
        <v>0</v>
      </c>
      <c r="IO32" s="345">
        <v>0</v>
      </c>
      <c r="IP32" s="345">
        <v>0</v>
      </c>
      <c r="IQ32" s="345">
        <v>170184</v>
      </c>
      <c r="IR32" s="345">
        <v>0</v>
      </c>
      <c r="IS32" s="345">
        <v>0</v>
      </c>
      <c r="IT32" s="346">
        <v>170184</v>
      </c>
      <c r="IU32" s="347">
        <v>170184</v>
      </c>
      <c r="IV32" s="348">
        <v>0</v>
      </c>
      <c r="IW32" s="345">
        <v>0</v>
      </c>
      <c r="IX32" s="349">
        <v>0</v>
      </c>
      <c r="IY32" s="413">
        <v>0</v>
      </c>
      <c r="IZ32" s="345">
        <v>0</v>
      </c>
      <c r="JA32" s="345">
        <v>0</v>
      </c>
      <c r="JB32" s="345">
        <v>0</v>
      </c>
      <c r="JC32" s="345">
        <v>0</v>
      </c>
      <c r="JD32" s="345">
        <v>0</v>
      </c>
      <c r="JE32" s="349">
        <v>0</v>
      </c>
      <c r="JF32" s="350">
        <v>0</v>
      </c>
      <c r="JG32" s="348">
        <v>0</v>
      </c>
      <c r="JH32" s="345">
        <v>0</v>
      </c>
      <c r="JI32" s="346">
        <v>0</v>
      </c>
      <c r="JJ32" s="351">
        <v>0</v>
      </c>
      <c r="JK32" s="345">
        <v>1907503</v>
      </c>
      <c r="JL32" s="345">
        <v>820470</v>
      </c>
      <c r="JM32" s="345">
        <v>744905</v>
      </c>
      <c r="JN32" s="345">
        <v>197836</v>
      </c>
      <c r="JO32" s="345">
        <v>0</v>
      </c>
      <c r="JP32" s="349">
        <v>3670714</v>
      </c>
      <c r="JQ32" s="347">
        <v>3670714</v>
      </c>
      <c r="JR32" s="348">
        <v>0</v>
      </c>
      <c r="JS32" s="345">
        <v>0</v>
      </c>
      <c r="JT32" s="346">
        <v>0</v>
      </c>
      <c r="JU32" s="351">
        <v>0</v>
      </c>
      <c r="JV32" s="345">
        <v>131172</v>
      </c>
      <c r="JW32" s="345">
        <v>38982</v>
      </c>
      <c r="JX32" s="345">
        <v>313418</v>
      </c>
      <c r="JY32" s="345">
        <v>259654</v>
      </c>
      <c r="JZ32" s="345">
        <v>0</v>
      </c>
      <c r="KA32" s="349">
        <v>743226</v>
      </c>
      <c r="KB32" s="347">
        <v>743226</v>
      </c>
      <c r="KC32" s="352">
        <v>0</v>
      </c>
      <c r="KD32" s="353">
        <v>0</v>
      </c>
      <c r="KE32" s="349">
        <v>0</v>
      </c>
      <c r="KF32" s="351">
        <v>0</v>
      </c>
      <c r="KG32" s="345">
        <v>1449629</v>
      </c>
      <c r="KH32" s="345">
        <v>308102</v>
      </c>
      <c r="KI32" s="345">
        <v>722383</v>
      </c>
      <c r="KJ32" s="345">
        <v>0</v>
      </c>
      <c r="KK32" s="345">
        <v>0</v>
      </c>
      <c r="KL32" s="349">
        <v>2480114</v>
      </c>
      <c r="KM32" s="354">
        <v>2480114</v>
      </c>
      <c r="KN32" s="342">
        <v>0</v>
      </c>
      <c r="KO32" s="343">
        <v>0</v>
      </c>
      <c r="KP32" s="344">
        <v>0</v>
      </c>
      <c r="KQ32" s="413">
        <v>0</v>
      </c>
      <c r="KR32" s="345">
        <v>1092556</v>
      </c>
      <c r="KS32" s="345">
        <v>1792323</v>
      </c>
      <c r="KT32" s="345">
        <v>2710856</v>
      </c>
      <c r="KU32" s="345">
        <v>1562699</v>
      </c>
      <c r="KV32" s="345">
        <v>1900013</v>
      </c>
      <c r="KW32" s="349">
        <v>9058447</v>
      </c>
      <c r="KX32" s="347">
        <v>9058447</v>
      </c>
      <c r="KY32" s="348">
        <v>0</v>
      </c>
      <c r="KZ32" s="345">
        <v>0</v>
      </c>
      <c r="LA32" s="349">
        <v>0</v>
      </c>
      <c r="LB32" s="413">
        <v>0</v>
      </c>
      <c r="LC32" s="345">
        <v>0</v>
      </c>
      <c r="LD32" s="345">
        <v>0</v>
      </c>
      <c r="LE32" s="345">
        <v>0</v>
      </c>
      <c r="LF32" s="345">
        <v>0</v>
      </c>
      <c r="LG32" s="345">
        <v>0</v>
      </c>
      <c r="LH32" s="349">
        <v>0</v>
      </c>
      <c r="LI32" s="350">
        <v>0</v>
      </c>
      <c r="LJ32" s="348">
        <v>0</v>
      </c>
      <c r="LK32" s="345">
        <v>0</v>
      </c>
      <c r="LL32" s="349">
        <v>0</v>
      </c>
      <c r="LM32" s="413">
        <v>0</v>
      </c>
      <c r="LN32" s="345">
        <v>0</v>
      </c>
      <c r="LO32" s="345">
        <v>0</v>
      </c>
      <c r="LP32" s="345">
        <v>1520252</v>
      </c>
      <c r="LQ32" s="345">
        <v>2489002</v>
      </c>
      <c r="LR32" s="345">
        <v>1210572</v>
      </c>
      <c r="LS32" s="349">
        <v>5219826</v>
      </c>
      <c r="LT32" s="347">
        <v>5219826</v>
      </c>
      <c r="LU32" s="348">
        <v>0</v>
      </c>
      <c r="LV32" s="345">
        <v>0</v>
      </c>
      <c r="LW32" s="349">
        <v>0</v>
      </c>
      <c r="LX32" s="413">
        <v>0</v>
      </c>
      <c r="LY32" s="345">
        <v>0</v>
      </c>
      <c r="LZ32" s="345">
        <v>0</v>
      </c>
      <c r="MA32" s="345">
        <v>0</v>
      </c>
      <c r="MB32" s="345">
        <v>310086</v>
      </c>
      <c r="MC32" s="345">
        <v>0</v>
      </c>
      <c r="MD32" s="349">
        <v>310086</v>
      </c>
      <c r="ME32" s="350">
        <v>310086</v>
      </c>
      <c r="MF32" s="348">
        <v>0</v>
      </c>
      <c r="MG32" s="345">
        <v>0</v>
      </c>
      <c r="MH32" s="349">
        <v>0</v>
      </c>
      <c r="MI32" s="413">
        <v>0</v>
      </c>
      <c r="MJ32" s="345">
        <v>2769254</v>
      </c>
      <c r="MK32" s="345">
        <v>4625587</v>
      </c>
      <c r="ML32" s="345">
        <v>11632093</v>
      </c>
      <c r="MM32" s="345">
        <v>25858688</v>
      </c>
      <c r="MN32" s="345">
        <v>17657490</v>
      </c>
      <c r="MO32" s="349">
        <v>62543112</v>
      </c>
      <c r="MP32" s="354">
        <v>62543112</v>
      </c>
      <c r="MQ32" s="348">
        <v>0</v>
      </c>
      <c r="MR32" s="345">
        <v>0</v>
      </c>
      <c r="MS32" s="349">
        <v>0</v>
      </c>
      <c r="MT32" s="413">
        <v>0</v>
      </c>
      <c r="MU32" s="345">
        <v>478241</v>
      </c>
      <c r="MV32" s="345">
        <v>232800</v>
      </c>
      <c r="MW32" s="345">
        <v>7049504</v>
      </c>
      <c r="MX32" s="345">
        <v>17663951</v>
      </c>
      <c r="MY32" s="345">
        <v>11145417</v>
      </c>
      <c r="MZ32" s="349">
        <v>36569913</v>
      </c>
      <c r="NA32" s="354">
        <v>36569913</v>
      </c>
      <c r="NB32" s="348">
        <v>0</v>
      </c>
      <c r="NC32" s="345">
        <v>0</v>
      </c>
      <c r="ND32" s="349">
        <v>0</v>
      </c>
      <c r="NE32" s="413">
        <v>0</v>
      </c>
      <c r="NF32" s="345">
        <v>2291013</v>
      </c>
      <c r="NG32" s="345">
        <v>4392787</v>
      </c>
      <c r="NH32" s="345">
        <v>4582589</v>
      </c>
      <c r="NI32" s="345">
        <v>7407094</v>
      </c>
      <c r="NJ32" s="345">
        <v>5631470</v>
      </c>
      <c r="NK32" s="349">
        <v>24304953</v>
      </c>
      <c r="NL32" s="347">
        <v>24304953</v>
      </c>
      <c r="NM32" s="348">
        <v>0</v>
      </c>
      <c r="NN32" s="345">
        <v>0</v>
      </c>
      <c r="NO32" s="349">
        <v>0</v>
      </c>
      <c r="NP32" s="413">
        <v>0</v>
      </c>
      <c r="NQ32" s="345">
        <v>0</v>
      </c>
      <c r="NR32" s="345">
        <v>0</v>
      </c>
      <c r="NS32" s="345">
        <v>0</v>
      </c>
      <c r="NT32" s="345">
        <v>0</v>
      </c>
      <c r="NU32" s="345">
        <v>0</v>
      </c>
      <c r="NV32" s="349">
        <v>0</v>
      </c>
      <c r="NW32" s="350">
        <v>0</v>
      </c>
      <c r="NX32" s="348">
        <v>0</v>
      </c>
      <c r="NY32" s="345">
        <v>0</v>
      </c>
      <c r="NZ32" s="349">
        <v>0</v>
      </c>
      <c r="OA32" s="413">
        <v>0</v>
      </c>
      <c r="OB32" s="345">
        <v>0</v>
      </c>
      <c r="OC32" s="345">
        <v>0</v>
      </c>
      <c r="OD32" s="345">
        <v>0</v>
      </c>
      <c r="OE32" s="345">
        <v>787643</v>
      </c>
      <c r="OF32" s="345">
        <v>880603</v>
      </c>
      <c r="OG32" s="349">
        <v>1668246</v>
      </c>
      <c r="OH32" s="350">
        <v>1668246</v>
      </c>
      <c r="OI32" s="348">
        <v>2978916</v>
      </c>
      <c r="OJ32" s="345">
        <v>7473438</v>
      </c>
      <c r="OK32" s="346">
        <v>10452354</v>
      </c>
      <c r="OL32" s="351">
        <v>0</v>
      </c>
      <c r="OM32" s="345">
        <v>32177765</v>
      </c>
      <c r="ON32" s="345">
        <v>30779616</v>
      </c>
      <c r="OO32" s="345">
        <v>40426286</v>
      </c>
      <c r="OP32" s="345">
        <v>49800112</v>
      </c>
      <c r="OQ32" s="345">
        <v>35833888</v>
      </c>
      <c r="OR32" s="349">
        <v>189017667</v>
      </c>
      <c r="OS32" s="354">
        <v>199470021</v>
      </c>
    </row>
    <row r="33" spans="2:409" s="70" customFormat="1" ht="21" customHeight="1" x14ac:dyDescent="0.2">
      <c r="B33" s="410" t="s">
        <v>28</v>
      </c>
      <c r="C33" s="326">
        <v>141742</v>
      </c>
      <c r="D33" s="327">
        <v>742216</v>
      </c>
      <c r="E33" s="328">
        <v>883958</v>
      </c>
      <c r="F33" s="329">
        <v>0</v>
      </c>
      <c r="G33" s="327">
        <v>5735735</v>
      </c>
      <c r="H33" s="327">
        <v>8963815</v>
      </c>
      <c r="I33" s="327">
        <v>6985513</v>
      </c>
      <c r="J33" s="327">
        <v>5996633</v>
      </c>
      <c r="K33" s="327">
        <v>4443725</v>
      </c>
      <c r="L33" s="367">
        <v>32125421</v>
      </c>
      <c r="M33" s="330">
        <v>33009379</v>
      </c>
      <c r="N33" s="326">
        <v>32732</v>
      </c>
      <c r="O33" s="327">
        <v>95427</v>
      </c>
      <c r="P33" s="328">
        <v>128159</v>
      </c>
      <c r="Q33" s="326">
        <v>0</v>
      </c>
      <c r="R33" s="327">
        <v>858641</v>
      </c>
      <c r="S33" s="327">
        <v>1751904</v>
      </c>
      <c r="T33" s="327">
        <v>1280336</v>
      </c>
      <c r="U33" s="327">
        <v>1464567</v>
      </c>
      <c r="V33" s="327">
        <v>2217440</v>
      </c>
      <c r="W33" s="328">
        <v>7572888</v>
      </c>
      <c r="X33" s="330">
        <v>7701047</v>
      </c>
      <c r="Y33" s="326">
        <v>0</v>
      </c>
      <c r="Z33" s="327">
        <v>0</v>
      </c>
      <c r="AA33" s="328">
        <v>0</v>
      </c>
      <c r="AB33" s="326">
        <v>0</v>
      </c>
      <c r="AC33" s="327">
        <v>369775</v>
      </c>
      <c r="AD33" s="327">
        <v>874212</v>
      </c>
      <c r="AE33" s="327">
        <v>480284</v>
      </c>
      <c r="AF33" s="327">
        <v>504397</v>
      </c>
      <c r="AG33" s="327">
        <v>1101507</v>
      </c>
      <c r="AH33" s="328">
        <v>3330175</v>
      </c>
      <c r="AI33" s="330">
        <v>3330175</v>
      </c>
      <c r="AJ33" s="326">
        <v>0</v>
      </c>
      <c r="AK33" s="327">
        <v>0</v>
      </c>
      <c r="AL33" s="328">
        <v>0</v>
      </c>
      <c r="AM33" s="326">
        <v>0</v>
      </c>
      <c r="AN33" s="327">
        <v>0</v>
      </c>
      <c r="AO33" s="327">
        <v>79251</v>
      </c>
      <c r="AP33" s="327">
        <v>152010</v>
      </c>
      <c r="AQ33" s="327">
        <v>143546</v>
      </c>
      <c r="AR33" s="327">
        <v>307287</v>
      </c>
      <c r="AS33" s="328">
        <v>682094</v>
      </c>
      <c r="AT33" s="330">
        <v>682094</v>
      </c>
      <c r="AU33" s="326">
        <v>23426</v>
      </c>
      <c r="AV33" s="327">
        <v>90063</v>
      </c>
      <c r="AW33" s="328">
        <v>113489</v>
      </c>
      <c r="AX33" s="326">
        <v>0</v>
      </c>
      <c r="AY33" s="327">
        <v>300618</v>
      </c>
      <c r="AZ33" s="327">
        <v>538031</v>
      </c>
      <c r="BA33" s="327">
        <v>390046</v>
      </c>
      <c r="BB33" s="327">
        <v>606492</v>
      </c>
      <c r="BC33" s="327">
        <v>587450</v>
      </c>
      <c r="BD33" s="328">
        <v>2422637</v>
      </c>
      <c r="BE33" s="330">
        <v>2536126</v>
      </c>
      <c r="BF33" s="326">
        <v>0</v>
      </c>
      <c r="BG33" s="327">
        <v>0</v>
      </c>
      <c r="BH33" s="331">
        <v>0</v>
      </c>
      <c r="BI33" s="332">
        <v>0</v>
      </c>
      <c r="BJ33" s="327">
        <v>28170</v>
      </c>
      <c r="BK33" s="327">
        <v>0</v>
      </c>
      <c r="BL33" s="327">
        <v>79991</v>
      </c>
      <c r="BM33" s="327">
        <v>35550</v>
      </c>
      <c r="BN33" s="327">
        <v>45945</v>
      </c>
      <c r="BO33" s="328">
        <v>189656</v>
      </c>
      <c r="BP33" s="330">
        <v>189656</v>
      </c>
      <c r="BQ33" s="326">
        <v>9306</v>
      </c>
      <c r="BR33" s="327">
        <v>5364</v>
      </c>
      <c r="BS33" s="328">
        <v>14670</v>
      </c>
      <c r="BT33" s="326">
        <v>0</v>
      </c>
      <c r="BU33" s="327">
        <v>160078</v>
      </c>
      <c r="BV33" s="327">
        <v>260410</v>
      </c>
      <c r="BW33" s="327">
        <v>178005</v>
      </c>
      <c r="BX33" s="327">
        <v>174582</v>
      </c>
      <c r="BY33" s="327">
        <v>175251</v>
      </c>
      <c r="BZ33" s="328">
        <v>948326</v>
      </c>
      <c r="CA33" s="330">
        <v>962996</v>
      </c>
      <c r="CB33" s="326">
        <v>23483</v>
      </c>
      <c r="CC33" s="327">
        <v>175430</v>
      </c>
      <c r="CD33" s="328">
        <v>198913</v>
      </c>
      <c r="CE33" s="326">
        <v>0</v>
      </c>
      <c r="CF33" s="327">
        <v>2243631</v>
      </c>
      <c r="CG33" s="327">
        <v>3455052</v>
      </c>
      <c r="CH33" s="327">
        <v>2686497</v>
      </c>
      <c r="CI33" s="327">
        <v>2274668</v>
      </c>
      <c r="CJ33" s="327">
        <v>751415</v>
      </c>
      <c r="CK33" s="328">
        <v>11411263</v>
      </c>
      <c r="CL33" s="330">
        <v>11610176</v>
      </c>
      <c r="CM33" s="326">
        <v>0</v>
      </c>
      <c r="CN33" s="327">
        <v>0</v>
      </c>
      <c r="CO33" s="328">
        <v>0</v>
      </c>
      <c r="CP33" s="332">
        <v>0</v>
      </c>
      <c r="CQ33" s="327">
        <v>1726312</v>
      </c>
      <c r="CR33" s="327">
        <v>2352376</v>
      </c>
      <c r="CS33" s="327">
        <v>2366488</v>
      </c>
      <c r="CT33" s="327">
        <v>1471449</v>
      </c>
      <c r="CU33" s="327">
        <v>373155</v>
      </c>
      <c r="CV33" s="328">
        <v>8289780</v>
      </c>
      <c r="CW33" s="330">
        <v>8289780</v>
      </c>
      <c r="CX33" s="326">
        <v>23483</v>
      </c>
      <c r="CY33" s="327">
        <v>175430</v>
      </c>
      <c r="CZ33" s="328">
        <v>198913</v>
      </c>
      <c r="DA33" s="326">
        <v>0</v>
      </c>
      <c r="DB33" s="327">
        <v>517319</v>
      </c>
      <c r="DC33" s="327">
        <v>1102676</v>
      </c>
      <c r="DD33" s="327">
        <v>320009</v>
      </c>
      <c r="DE33" s="327">
        <v>803219</v>
      </c>
      <c r="DF33" s="327">
        <v>378260</v>
      </c>
      <c r="DG33" s="328">
        <v>3121483</v>
      </c>
      <c r="DH33" s="330">
        <v>3320396</v>
      </c>
      <c r="DI33" s="326">
        <v>0</v>
      </c>
      <c r="DJ33" s="327">
        <v>30335</v>
      </c>
      <c r="DK33" s="331">
        <v>30335</v>
      </c>
      <c r="DL33" s="332">
        <v>0</v>
      </c>
      <c r="DM33" s="327">
        <v>106762</v>
      </c>
      <c r="DN33" s="327">
        <v>280751</v>
      </c>
      <c r="DO33" s="327">
        <v>666246</v>
      </c>
      <c r="DP33" s="327">
        <v>490012</v>
      </c>
      <c r="DQ33" s="327">
        <v>392845</v>
      </c>
      <c r="DR33" s="328">
        <v>1936616</v>
      </c>
      <c r="DS33" s="330">
        <v>1966951</v>
      </c>
      <c r="DT33" s="326">
        <v>0</v>
      </c>
      <c r="DU33" s="327">
        <v>30335</v>
      </c>
      <c r="DV33" s="328">
        <v>30335</v>
      </c>
      <c r="DW33" s="326">
        <v>0</v>
      </c>
      <c r="DX33" s="327">
        <v>58672</v>
      </c>
      <c r="DY33" s="327">
        <v>210728</v>
      </c>
      <c r="DZ33" s="327">
        <v>384038</v>
      </c>
      <c r="EA33" s="327">
        <v>490012</v>
      </c>
      <c r="EB33" s="327">
        <v>279297</v>
      </c>
      <c r="EC33" s="328">
        <v>1422747</v>
      </c>
      <c r="ED33" s="330">
        <v>1453082</v>
      </c>
      <c r="EE33" s="326">
        <v>0</v>
      </c>
      <c r="EF33" s="331">
        <v>0</v>
      </c>
      <c r="EG33" s="328">
        <v>0</v>
      </c>
      <c r="EH33" s="326">
        <v>0</v>
      </c>
      <c r="EI33" s="327">
        <v>48090</v>
      </c>
      <c r="EJ33" s="327">
        <v>70023</v>
      </c>
      <c r="EK33" s="327">
        <v>282208</v>
      </c>
      <c r="EL33" s="327">
        <v>0</v>
      </c>
      <c r="EM33" s="327">
        <v>113548</v>
      </c>
      <c r="EN33" s="331">
        <v>513869</v>
      </c>
      <c r="EO33" s="330">
        <v>513869</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44082</v>
      </c>
      <c r="FM33" s="327">
        <v>332334</v>
      </c>
      <c r="FN33" s="328">
        <v>376416</v>
      </c>
      <c r="FO33" s="326">
        <v>0</v>
      </c>
      <c r="FP33" s="327">
        <v>381957</v>
      </c>
      <c r="FQ33" s="327">
        <v>1006639</v>
      </c>
      <c r="FR33" s="327">
        <v>582054</v>
      </c>
      <c r="FS33" s="327">
        <v>576336</v>
      </c>
      <c r="FT33" s="327">
        <v>354033</v>
      </c>
      <c r="FU33" s="328">
        <v>2901019</v>
      </c>
      <c r="FV33" s="330">
        <v>3277435</v>
      </c>
      <c r="FW33" s="333">
        <v>44082</v>
      </c>
      <c r="FX33" s="327">
        <v>173794</v>
      </c>
      <c r="FY33" s="331">
        <v>217876</v>
      </c>
      <c r="FZ33" s="332">
        <v>0</v>
      </c>
      <c r="GA33" s="327">
        <v>297312</v>
      </c>
      <c r="GB33" s="327">
        <v>876424</v>
      </c>
      <c r="GC33" s="327">
        <v>582054</v>
      </c>
      <c r="GD33" s="327">
        <v>576336</v>
      </c>
      <c r="GE33" s="327">
        <v>354033</v>
      </c>
      <c r="GF33" s="328">
        <v>2686159</v>
      </c>
      <c r="GG33" s="334">
        <v>2904035</v>
      </c>
      <c r="GH33" s="333">
        <v>0</v>
      </c>
      <c r="GI33" s="327">
        <v>0</v>
      </c>
      <c r="GJ33" s="331">
        <v>0</v>
      </c>
      <c r="GK33" s="332">
        <v>0</v>
      </c>
      <c r="GL33" s="327">
        <v>84645</v>
      </c>
      <c r="GM33" s="327">
        <v>46688</v>
      </c>
      <c r="GN33" s="327">
        <v>0</v>
      </c>
      <c r="GO33" s="327">
        <v>0</v>
      </c>
      <c r="GP33" s="327">
        <v>0</v>
      </c>
      <c r="GQ33" s="328">
        <v>131333</v>
      </c>
      <c r="GR33" s="330">
        <v>131333</v>
      </c>
      <c r="GS33" s="326">
        <v>0</v>
      </c>
      <c r="GT33" s="327">
        <v>158540</v>
      </c>
      <c r="GU33" s="328">
        <v>158540</v>
      </c>
      <c r="GV33" s="326">
        <v>0</v>
      </c>
      <c r="GW33" s="327">
        <v>0</v>
      </c>
      <c r="GX33" s="327">
        <v>83527</v>
      </c>
      <c r="GY33" s="327">
        <v>0</v>
      </c>
      <c r="GZ33" s="327">
        <v>0</v>
      </c>
      <c r="HA33" s="327">
        <v>0</v>
      </c>
      <c r="HB33" s="331">
        <v>83527</v>
      </c>
      <c r="HC33" s="330">
        <v>242067</v>
      </c>
      <c r="HD33" s="326">
        <v>0</v>
      </c>
      <c r="HE33" s="327">
        <v>0</v>
      </c>
      <c r="HF33" s="331">
        <v>0</v>
      </c>
      <c r="HG33" s="332">
        <v>0</v>
      </c>
      <c r="HH33" s="327">
        <v>1005422</v>
      </c>
      <c r="HI33" s="327">
        <v>1260236</v>
      </c>
      <c r="HJ33" s="327">
        <v>977276</v>
      </c>
      <c r="HK33" s="327">
        <v>643945</v>
      </c>
      <c r="HL33" s="327">
        <v>447780</v>
      </c>
      <c r="HM33" s="328">
        <v>4334659</v>
      </c>
      <c r="HN33" s="329">
        <v>4334659</v>
      </c>
      <c r="HO33" s="333">
        <v>41445</v>
      </c>
      <c r="HP33" s="327">
        <v>108690</v>
      </c>
      <c r="HQ33" s="328">
        <v>150135</v>
      </c>
      <c r="HR33" s="326">
        <v>0</v>
      </c>
      <c r="HS33" s="327">
        <v>1139322</v>
      </c>
      <c r="HT33" s="327">
        <v>1209233</v>
      </c>
      <c r="HU33" s="327">
        <v>793104</v>
      </c>
      <c r="HV33" s="327">
        <v>547105</v>
      </c>
      <c r="HW33" s="327">
        <v>280212</v>
      </c>
      <c r="HX33" s="331">
        <v>3968976</v>
      </c>
      <c r="HY33" s="330">
        <v>4119111</v>
      </c>
      <c r="HZ33" s="335">
        <v>0</v>
      </c>
      <c r="IA33" s="336">
        <v>0</v>
      </c>
      <c r="IB33" s="337">
        <v>0</v>
      </c>
      <c r="IC33" s="338">
        <v>0</v>
      </c>
      <c r="ID33" s="336">
        <v>1555964</v>
      </c>
      <c r="IE33" s="339">
        <v>1653671</v>
      </c>
      <c r="IF33" s="337">
        <v>1228315</v>
      </c>
      <c r="IG33" s="336">
        <v>1654216</v>
      </c>
      <c r="IH33" s="337">
        <v>903981</v>
      </c>
      <c r="II33" s="340">
        <v>6996147</v>
      </c>
      <c r="IJ33" s="341">
        <v>6996147</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13">
        <v>0</v>
      </c>
      <c r="IZ33" s="345">
        <v>0</v>
      </c>
      <c r="JA33" s="345">
        <v>0</v>
      </c>
      <c r="JB33" s="345">
        <v>0</v>
      </c>
      <c r="JC33" s="345">
        <v>0</v>
      </c>
      <c r="JD33" s="345">
        <v>0</v>
      </c>
      <c r="JE33" s="349">
        <v>0</v>
      </c>
      <c r="JF33" s="350">
        <v>0</v>
      </c>
      <c r="JG33" s="348">
        <v>0</v>
      </c>
      <c r="JH33" s="345">
        <v>0</v>
      </c>
      <c r="JI33" s="346">
        <v>0</v>
      </c>
      <c r="JJ33" s="351">
        <v>0</v>
      </c>
      <c r="JK33" s="345">
        <v>939781</v>
      </c>
      <c r="JL33" s="345">
        <v>398580</v>
      </c>
      <c r="JM33" s="345">
        <v>366471</v>
      </c>
      <c r="JN33" s="345">
        <v>172121</v>
      </c>
      <c r="JO33" s="345">
        <v>26878</v>
      </c>
      <c r="JP33" s="349">
        <v>1903831</v>
      </c>
      <c r="JQ33" s="347">
        <v>1903831</v>
      </c>
      <c r="JR33" s="348">
        <v>0</v>
      </c>
      <c r="JS33" s="345">
        <v>0</v>
      </c>
      <c r="JT33" s="346">
        <v>0</v>
      </c>
      <c r="JU33" s="351">
        <v>0</v>
      </c>
      <c r="JV33" s="345">
        <v>353877</v>
      </c>
      <c r="JW33" s="345">
        <v>213039</v>
      </c>
      <c r="JX33" s="345">
        <v>109546</v>
      </c>
      <c r="JY33" s="345">
        <v>335927</v>
      </c>
      <c r="JZ33" s="345">
        <v>0</v>
      </c>
      <c r="KA33" s="349">
        <v>1012389</v>
      </c>
      <c r="KB33" s="347">
        <v>1012389</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13">
        <v>0</v>
      </c>
      <c r="KR33" s="345">
        <v>262306</v>
      </c>
      <c r="KS33" s="345">
        <v>1042052</v>
      </c>
      <c r="KT33" s="345">
        <v>752298</v>
      </c>
      <c r="KU33" s="345">
        <v>1146168</v>
      </c>
      <c r="KV33" s="345">
        <v>877103</v>
      </c>
      <c r="KW33" s="349">
        <v>4079927</v>
      </c>
      <c r="KX33" s="347">
        <v>4079927</v>
      </c>
      <c r="KY33" s="348">
        <v>0</v>
      </c>
      <c r="KZ33" s="345">
        <v>0</v>
      </c>
      <c r="LA33" s="349">
        <v>0</v>
      </c>
      <c r="LB33" s="413">
        <v>0</v>
      </c>
      <c r="LC33" s="345">
        <v>0</v>
      </c>
      <c r="LD33" s="345">
        <v>0</v>
      </c>
      <c r="LE33" s="345">
        <v>0</v>
      </c>
      <c r="LF33" s="345">
        <v>0</v>
      </c>
      <c r="LG33" s="345">
        <v>0</v>
      </c>
      <c r="LH33" s="349">
        <v>0</v>
      </c>
      <c r="LI33" s="350">
        <v>0</v>
      </c>
      <c r="LJ33" s="348">
        <v>0</v>
      </c>
      <c r="LK33" s="345">
        <v>0</v>
      </c>
      <c r="LL33" s="349">
        <v>0</v>
      </c>
      <c r="LM33" s="413">
        <v>0</v>
      </c>
      <c r="LN33" s="345">
        <v>0</v>
      </c>
      <c r="LO33" s="345">
        <v>0</v>
      </c>
      <c r="LP33" s="345">
        <v>0</v>
      </c>
      <c r="LQ33" s="345">
        <v>0</v>
      </c>
      <c r="LR33" s="345">
        <v>0</v>
      </c>
      <c r="LS33" s="349">
        <v>0</v>
      </c>
      <c r="LT33" s="347">
        <v>0</v>
      </c>
      <c r="LU33" s="348">
        <v>0</v>
      </c>
      <c r="LV33" s="345">
        <v>0</v>
      </c>
      <c r="LW33" s="349">
        <v>0</v>
      </c>
      <c r="LX33" s="413">
        <v>0</v>
      </c>
      <c r="LY33" s="345">
        <v>0</v>
      </c>
      <c r="LZ33" s="345">
        <v>0</v>
      </c>
      <c r="MA33" s="345">
        <v>0</v>
      </c>
      <c r="MB33" s="345">
        <v>0</v>
      </c>
      <c r="MC33" s="345">
        <v>0</v>
      </c>
      <c r="MD33" s="349">
        <v>0</v>
      </c>
      <c r="ME33" s="350">
        <v>0</v>
      </c>
      <c r="MF33" s="348">
        <v>0</v>
      </c>
      <c r="MG33" s="345">
        <v>0</v>
      </c>
      <c r="MH33" s="349">
        <v>0</v>
      </c>
      <c r="MI33" s="413">
        <v>0</v>
      </c>
      <c r="MJ33" s="345">
        <v>549069</v>
      </c>
      <c r="MK33" s="345">
        <v>2579856</v>
      </c>
      <c r="ML33" s="345">
        <v>5605468</v>
      </c>
      <c r="MM33" s="345">
        <v>6400551</v>
      </c>
      <c r="MN33" s="345">
        <v>6517039</v>
      </c>
      <c r="MO33" s="349">
        <v>21651983</v>
      </c>
      <c r="MP33" s="354">
        <v>21651983</v>
      </c>
      <c r="MQ33" s="348">
        <v>0</v>
      </c>
      <c r="MR33" s="345">
        <v>0</v>
      </c>
      <c r="MS33" s="349">
        <v>0</v>
      </c>
      <c r="MT33" s="413">
        <v>0</v>
      </c>
      <c r="MU33" s="345">
        <v>0</v>
      </c>
      <c r="MV33" s="345">
        <v>265144</v>
      </c>
      <c r="MW33" s="345">
        <v>2776521</v>
      </c>
      <c r="MX33" s="345">
        <v>4437185</v>
      </c>
      <c r="MY33" s="345">
        <v>5723131</v>
      </c>
      <c r="MZ33" s="349">
        <v>13201981</v>
      </c>
      <c r="NA33" s="354">
        <v>13201981</v>
      </c>
      <c r="NB33" s="348">
        <v>0</v>
      </c>
      <c r="NC33" s="345">
        <v>0</v>
      </c>
      <c r="ND33" s="349">
        <v>0</v>
      </c>
      <c r="NE33" s="413">
        <v>0</v>
      </c>
      <c r="NF33" s="345">
        <v>549069</v>
      </c>
      <c r="NG33" s="345">
        <v>2314712</v>
      </c>
      <c r="NH33" s="345">
        <v>2828947</v>
      </c>
      <c r="NI33" s="345">
        <v>1963366</v>
      </c>
      <c r="NJ33" s="345">
        <v>793908</v>
      </c>
      <c r="NK33" s="349">
        <v>8450002</v>
      </c>
      <c r="NL33" s="347">
        <v>8450002</v>
      </c>
      <c r="NM33" s="348">
        <v>0</v>
      </c>
      <c r="NN33" s="345">
        <v>0</v>
      </c>
      <c r="NO33" s="349">
        <v>0</v>
      </c>
      <c r="NP33" s="413">
        <v>0</v>
      </c>
      <c r="NQ33" s="345">
        <v>0</v>
      </c>
      <c r="NR33" s="345">
        <v>0</v>
      </c>
      <c r="NS33" s="345">
        <v>0</v>
      </c>
      <c r="NT33" s="345">
        <v>0</v>
      </c>
      <c r="NU33" s="345">
        <v>0</v>
      </c>
      <c r="NV33" s="349">
        <v>0</v>
      </c>
      <c r="NW33" s="350">
        <v>0</v>
      </c>
      <c r="NX33" s="348">
        <v>0</v>
      </c>
      <c r="NY33" s="345">
        <v>0</v>
      </c>
      <c r="NZ33" s="349">
        <v>0</v>
      </c>
      <c r="OA33" s="413">
        <v>0</v>
      </c>
      <c r="OB33" s="345">
        <v>0</v>
      </c>
      <c r="OC33" s="345">
        <v>0</v>
      </c>
      <c r="OD33" s="345">
        <v>0</v>
      </c>
      <c r="OE33" s="345">
        <v>0</v>
      </c>
      <c r="OF33" s="345">
        <v>0</v>
      </c>
      <c r="OG33" s="349">
        <v>0</v>
      </c>
      <c r="OH33" s="350">
        <v>0</v>
      </c>
      <c r="OI33" s="348">
        <v>141742</v>
      </c>
      <c r="OJ33" s="345">
        <v>742216</v>
      </c>
      <c r="OK33" s="346">
        <v>883958</v>
      </c>
      <c r="OL33" s="351">
        <v>0</v>
      </c>
      <c r="OM33" s="345">
        <v>7840768</v>
      </c>
      <c r="ON33" s="345">
        <v>13197342</v>
      </c>
      <c r="OO33" s="345">
        <v>13819296</v>
      </c>
      <c r="OP33" s="345">
        <v>14051400</v>
      </c>
      <c r="OQ33" s="345">
        <v>11864745</v>
      </c>
      <c r="OR33" s="349">
        <v>60773551</v>
      </c>
      <c r="OS33" s="354">
        <v>61657509</v>
      </c>
    </row>
    <row r="34" spans="2:409" s="70" customFormat="1" ht="21" customHeight="1" x14ac:dyDescent="0.2">
      <c r="B34" s="410" t="s">
        <v>29</v>
      </c>
      <c r="C34" s="326">
        <v>588952</v>
      </c>
      <c r="D34" s="327">
        <v>756434</v>
      </c>
      <c r="E34" s="328">
        <v>1345386</v>
      </c>
      <c r="F34" s="329">
        <v>0</v>
      </c>
      <c r="G34" s="327">
        <v>7803707</v>
      </c>
      <c r="H34" s="327">
        <v>10685160</v>
      </c>
      <c r="I34" s="327">
        <v>9958163</v>
      </c>
      <c r="J34" s="327">
        <v>7749413</v>
      </c>
      <c r="K34" s="327">
        <v>7898190</v>
      </c>
      <c r="L34" s="367">
        <v>44094633</v>
      </c>
      <c r="M34" s="330">
        <v>45440019</v>
      </c>
      <c r="N34" s="326">
        <v>73709</v>
      </c>
      <c r="O34" s="327">
        <v>219862</v>
      </c>
      <c r="P34" s="328">
        <v>293571</v>
      </c>
      <c r="Q34" s="326">
        <v>0</v>
      </c>
      <c r="R34" s="327">
        <v>2223198</v>
      </c>
      <c r="S34" s="327">
        <v>2772718</v>
      </c>
      <c r="T34" s="327">
        <v>2165504</v>
      </c>
      <c r="U34" s="327">
        <v>2477133</v>
      </c>
      <c r="V34" s="327">
        <v>3852074</v>
      </c>
      <c r="W34" s="328">
        <v>13490627</v>
      </c>
      <c r="X34" s="330">
        <v>13784198</v>
      </c>
      <c r="Y34" s="326">
        <v>0</v>
      </c>
      <c r="Z34" s="327">
        <v>0</v>
      </c>
      <c r="AA34" s="328">
        <v>0</v>
      </c>
      <c r="AB34" s="326">
        <v>0</v>
      </c>
      <c r="AC34" s="327">
        <v>913871</v>
      </c>
      <c r="AD34" s="327">
        <v>1119911</v>
      </c>
      <c r="AE34" s="327">
        <v>1390996</v>
      </c>
      <c r="AF34" s="327">
        <v>1667384</v>
      </c>
      <c r="AG34" s="327">
        <v>2078477</v>
      </c>
      <c r="AH34" s="328">
        <v>7170639</v>
      </c>
      <c r="AI34" s="330">
        <v>7170639</v>
      </c>
      <c r="AJ34" s="326">
        <v>0</v>
      </c>
      <c r="AK34" s="327">
        <v>0</v>
      </c>
      <c r="AL34" s="328">
        <v>0</v>
      </c>
      <c r="AM34" s="326">
        <v>0</v>
      </c>
      <c r="AN34" s="327">
        <v>0</v>
      </c>
      <c r="AO34" s="327">
        <v>92128</v>
      </c>
      <c r="AP34" s="327">
        <v>11663</v>
      </c>
      <c r="AQ34" s="327">
        <v>115749</v>
      </c>
      <c r="AR34" s="327">
        <v>645763</v>
      </c>
      <c r="AS34" s="328">
        <v>865303</v>
      </c>
      <c r="AT34" s="330">
        <v>865303</v>
      </c>
      <c r="AU34" s="326">
        <v>40772</v>
      </c>
      <c r="AV34" s="327">
        <v>131102</v>
      </c>
      <c r="AW34" s="328">
        <v>171874</v>
      </c>
      <c r="AX34" s="326">
        <v>0</v>
      </c>
      <c r="AY34" s="327">
        <v>863478</v>
      </c>
      <c r="AZ34" s="327">
        <v>1121575</v>
      </c>
      <c r="BA34" s="327">
        <v>459080</v>
      </c>
      <c r="BB34" s="327">
        <v>392998</v>
      </c>
      <c r="BC34" s="327">
        <v>902949</v>
      </c>
      <c r="BD34" s="328">
        <v>3740080</v>
      </c>
      <c r="BE34" s="330">
        <v>3911954</v>
      </c>
      <c r="BF34" s="326">
        <v>0</v>
      </c>
      <c r="BG34" s="327">
        <v>57458</v>
      </c>
      <c r="BH34" s="331">
        <v>57458</v>
      </c>
      <c r="BI34" s="332">
        <v>0</v>
      </c>
      <c r="BJ34" s="327">
        <v>89640</v>
      </c>
      <c r="BK34" s="327">
        <v>72656</v>
      </c>
      <c r="BL34" s="327">
        <v>64611</v>
      </c>
      <c r="BM34" s="327">
        <v>48123</v>
      </c>
      <c r="BN34" s="327">
        <v>0</v>
      </c>
      <c r="BO34" s="328">
        <v>275030</v>
      </c>
      <c r="BP34" s="330">
        <v>332488</v>
      </c>
      <c r="BQ34" s="326">
        <v>32937</v>
      </c>
      <c r="BR34" s="327">
        <v>31302</v>
      </c>
      <c r="BS34" s="328">
        <v>64239</v>
      </c>
      <c r="BT34" s="326">
        <v>0</v>
      </c>
      <c r="BU34" s="327">
        <v>356209</v>
      </c>
      <c r="BV34" s="327">
        <v>366448</v>
      </c>
      <c r="BW34" s="327">
        <v>239154</v>
      </c>
      <c r="BX34" s="327">
        <v>252879</v>
      </c>
      <c r="BY34" s="327">
        <v>224885</v>
      </c>
      <c r="BZ34" s="328">
        <v>1439575</v>
      </c>
      <c r="CA34" s="330">
        <v>1503814</v>
      </c>
      <c r="CB34" s="326">
        <v>22212</v>
      </c>
      <c r="CC34" s="327">
        <v>167690</v>
      </c>
      <c r="CD34" s="328">
        <v>189902</v>
      </c>
      <c r="CE34" s="326">
        <v>0</v>
      </c>
      <c r="CF34" s="327">
        <v>2537279</v>
      </c>
      <c r="CG34" s="327">
        <v>3425940</v>
      </c>
      <c r="CH34" s="327">
        <v>4243437</v>
      </c>
      <c r="CI34" s="327">
        <v>1335282</v>
      </c>
      <c r="CJ34" s="327">
        <v>1094546</v>
      </c>
      <c r="CK34" s="328">
        <v>12636484</v>
      </c>
      <c r="CL34" s="330">
        <v>12826386</v>
      </c>
      <c r="CM34" s="326">
        <v>0</v>
      </c>
      <c r="CN34" s="327">
        <v>0</v>
      </c>
      <c r="CO34" s="328">
        <v>0</v>
      </c>
      <c r="CP34" s="332">
        <v>0</v>
      </c>
      <c r="CQ34" s="327">
        <v>2037274</v>
      </c>
      <c r="CR34" s="327">
        <v>2880707</v>
      </c>
      <c r="CS34" s="327">
        <v>2893598</v>
      </c>
      <c r="CT34" s="327">
        <v>1136615</v>
      </c>
      <c r="CU34" s="327">
        <v>934895</v>
      </c>
      <c r="CV34" s="328">
        <v>9883089</v>
      </c>
      <c r="CW34" s="330">
        <v>9883089</v>
      </c>
      <c r="CX34" s="326">
        <v>22212</v>
      </c>
      <c r="CY34" s="327">
        <v>167690</v>
      </c>
      <c r="CZ34" s="328">
        <v>189902</v>
      </c>
      <c r="DA34" s="326">
        <v>0</v>
      </c>
      <c r="DB34" s="327">
        <v>500005</v>
      </c>
      <c r="DC34" s="327">
        <v>545233</v>
      </c>
      <c r="DD34" s="327">
        <v>1349839</v>
      </c>
      <c r="DE34" s="327">
        <v>198667</v>
      </c>
      <c r="DF34" s="327">
        <v>159651</v>
      </c>
      <c r="DG34" s="328">
        <v>2753395</v>
      </c>
      <c r="DH34" s="330">
        <v>2943297</v>
      </c>
      <c r="DI34" s="326">
        <v>0</v>
      </c>
      <c r="DJ34" s="327">
        <v>0</v>
      </c>
      <c r="DK34" s="331">
        <v>0</v>
      </c>
      <c r="DL34" s="332">
        <v>0</v>
      </c>
      <c r="DM34" s="327">
        <v>201350</v>
      </c>
      <c r="DN34" s="327">
        <v>564804</v>
      </c>
      <c r="DO34" s="327">
        <v>810603</v>
      </c>
      <c r="DP34" s="327">
        <v>772796</v>
      </c>
      <c r="DQ34" s="327">
        <v>719734</v>
      </c>
      <c r="DR34" s="328">
        <v>3069287</v>
      </c>
      <c r="DS34" s="330">
        <v>3069287</v>
      </c>
      <c r="DT34" s="326">
        <v>0</v>
      </c>
      <c r="DU34" s="327">
        <v>0</v>
      </c>
      <c r="DV34" s="328">
        <v>0</v>
      </c>
      <c r="DW34" s="326">
        <v>0</v>
      </c>
      <c r="DX34" s="327">
        <v>201350</v>
      </c>
      <c r="DY34" s="327">
        <v>510501</v>
      </c>
      <c r="DZ34" s="327">
        <v>772382</v>
      </c>
      <c r="EA34" s="327">
        <v>714937</v>
      </c>
      <c r="EB34" s="327">
        <v>719734</v>
      </c>
      <c r="EC34" s="328">
        <v>2918904</v>
      </c>
      <c r="ED34" s="330">
        <v>2918904</v>
      </c>
      <c r="EE34" s="326">
        <v>0</v>
      </c>
      <c r="EF34" s="331">
        <v>0</v>
      </c>
      <c r="EG34" s="328">
        <v>0</v>
      </c>
      <c r="EH34" s="326">
        <v>0</v>
      </c>
      <c r="EI34" s="327">
        <v>0</v>
      </c>
      <c r="EJ34" s="327">
        <v>54303</v>
      </c>
      <c r="EK34" s="327">
        <v>38221</v>
      </c>
      <c r="EL34" s="327">
        <v>57859</v>
      </c>
      <c r="EM34" s="327">
        <v>0</v>
      </c>
      <c r="EN34" s="331">
        <v>150383</v>
      </c>
      <c r="EO34" s="330">
        <v>150383</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168810</v>
      </c>
      <c r="FM34" s="327">
        <v>214182</v>
      </c>
      <c r="FN34" s="328">
        <v>382992</v>
      </c>
      <c r="FO34" s="326">
        <v>0</v>
      </c>
      <c r="FP34" s="327">
        <v>484273</v>
      </c>
      <c r="FQ34" s="327">
        <v>1525285</v>
      </c>
      <c r="FR34" s="327">
        <v>989436</v>
      </c>
      <c r="FS34" s="327">
        <v>814659</v>
      </c>
      <c r="FT34" s="327">
        <v>639240</v>
      </c>
      <c r="FU34" s="328">
        <v>4452893</v>
      </c>
      <c r="FV34" s="330">
        <v>4835885</v>
      </c>
      <c r="FW34" s="333">
        <v>168810</v>
      </c>
      <c r="FX34" s="327">
        <v>194382</v>
      </c>
      <c r="FY34" s="331">
        <v>363192</v>
      </c>
      <c r="FZ34" s="332">
        <v>0</v>
      </c>
      <c r="GA34" s="327">
        <v>373962</v>
      </c>
      <c r="GB34" s="327">
        <v>1202293</v>
      </c>
      <c r="GC34" s="327">
        <v>705306</v>
      </c>
      <c r="GD34" s="327">
        <v>697659</v>
      </c>
      <c r="GE34" s="327">
        <v>639240</v>
      </c>
      <c r="GF34" s="328">
        <v>3618460</v>
      </c>
      <c r="GG34" s="334">
        <v>3981652</v>
      </c>
      <c r="GH34" s="333">
        <v>0</v>
      </c>
      <c r="GI34" s="327">
        <v>19800</v>
      </c>
      <c r="GJ34" s="331">
        <v>19800</v>
      </c>
      <c r="GK34" s="332">
        <v>0</v>
      </c>
      <c r="GL34" s="327">
        <v>18934</v>
      </c>
      <c r="GM34" s="327">
        <v>67122</v>
      </c>
      <c r="GN34" s="327">
        <v>0</v>
      </c>
      <c r="GO34" s="327">
        <v>0</v>
      </c>
      <c r="GP34" s="327">
        <v>0</v>
      </c>
      <c r="GQ34" s="328">
        <v>86056</v>
      </c>
      <c r="GR34" s="330">
        <v>105856</v>
      </c>
      <c r="GS34" s="326">
        <v>0</v>
      </c>
      <c r="GT34" s="327">
        <v>0</v>
      </c>
      <c r="GU34" s="328">
        <v>0</v>
      </c>
      <c r="GV34" s="326">
        <v>0</v>
      </c>
      <c r="GW34" s="327">
        <v>91377</v>
      </c>
      <c r="GX34" s="327">
        <v>255870</v>
      </c>
      <c r="GY34" s="327">
        <v>284130</v>
      </c>
      <c r="GZ34" s="327">
        <v>117000</v>
      </c>
      <c r="HA34" s="327">
        <v>0</v>
      </c>
      <c r="HB34" s="331">
        <v>748377</v>
      </c>
      <c r="HC34" s="330">
        <v>748377</v>
      </c>
      <c r="HD34" s="326">
        <v>184241</v>
      </c>
      <c r="HE34" s="327">
        <v>0</v>
      </c>
      <c r="HF34" s="331">
        <v>184241</v>
      </c>
      <c r="HG34" s="332">
        <v>0</v>
      </c>
      <c r="HH34" s="327">
        <v>1193281</v>
      </c>
      <c r="HI34" s="327">
        <v>1110149</v>
      </c>
      <c r="HJ34" s="327">
        <v>685631</v>
      </c>
      <c r="HK34" s="327">
        <v>1814971</v>
      </c>
      <c r="HL34" s="327">
        <v>1096793</v>
      </c>
      <c r="HM34" s="328">
        <v>5900825</v>
      </c>
      <c r="HN34" s="329">
        <v>6085066</v>
      </c>
      <c r="HO34" s="333">
        <v>139980</v>
      </c>
      <c r="HP34" s="327">
        <v>154700</v>
      </c>
      <c r="HQ34" s="328">
        <v>294680</v>
      </c>
      <c r="HR34" s="326">
        <v>0</v>
      </c>
      <c r="HS34" s="327">
        <v>1164326</v>
      </c>
      <c r="HT34" s="327">
        <v>1286264</v>
      </c>
      <c r="HU34" s="327">
        <v>1063552</v>
      </c>
      <c r="HV34" s="327">
        <v>534572</v>
      </c>
      <c r="HW34" s="327">
        <v>495803</v>
      </c>
      <c r="HX34" s="331">
        <v>4544517</v>
      </c>
      <c r="HY34" s="330">
        <v>4839197</v>
      </c>
      <c r="HZ34" s="358">
        <v>0</v>
      </c>
      <c r="IA34" s="356">
        <v>0</v>
      </c>
      <c r="IB34" s="358">
        <v>0</v>
      </c>
      <c r="IC34" s="355">
        <v>0</v>
      </c>
      <c r="ID34" s="356">
        <v>3301761</v>
      </c>
      <c r="IE34" s="357">
        <v>4556597</v>
      </c>
      <c r="IF34" s="358">
        <v>6840738</v>
      </c>
      <c r="IG34" s="356">
        <v>5009279</v>
      </c>
      <c r="IH34" s="358">
        <v>2423466</v>
      </c>
      <c r="II34" s="359">
        <v>22131841</v>
      </c>
      <c r="IJ34" s="358">
        <v>22131841</v>
      </c>
      <c r="IK34" s="342">
        <v>0</v>
      </c>
      <c r="IL34" s="343">
        <v>0</v>
      </c>
      <c r="IM34" s="344">
        <v>0</v>
      </c>
      <c r="IN34" s="404">
        <v>0</v>
      </c>
      <c r="IO34" s="345">
        <v>109765</v>
      </c>
      <c r="IP34" s="345">
        <v>0</v>
      </c>
      <c r="IQ34" s="345">
        <v>139560</v>
      </c>
      <c r="IR34" s="345">
        <v>0</v>
      </c>
      <c r="IS34" s="345">
        <v>0</v>
      </c>
      <c r="IT34" s="346">
        <v>249325</v>
      </c>
      <c r="IU34" s="347">
        <v>249325</v>
      </c>
      <c r="IV34" s="348">
        <v>0</v>
      </c>
      <c r="IW34" s="345">
        <v>0</v>
      </c>
      <c r="IX34" s="349">
        <v>0</v>
      </c>
      <c r="IY34" s="413">
        <v>0</v>
      </c>
      <c r="IZ34" s="345">
        <v>0</v>
      </c>
      <c r="JA34" s="345">
        <v>0</v>
      </c>
      <c r="JB34" s="345">
        <v>0</v>
      </c>
      <c r="JC34" s="345">
        <v>0</v>
      </c>
      <c r="JD34" s="345">
        <v>0</v>
      </c>
      <c r="JE34" s="349">
        <v>0</v>
      </c>
      <c r="JF34" s="350">
        <v>0</v>
      </c>
      <c r="JG34" s="348">
        <v>0</v>
      </c>
      <c r="JH34" s="345">
        <v>0</v>
      </c>
      <c r="JI34" s="346">
        <v>0</v>
      </c>
      <c r="JJ34" s="351">
        <v>0</v>
      </c>
      <c r="JK34" s="345">
        <v>781797</v>
      </c>
      <c r="JL34" s="345">
        <v>1245947</v>
      </c>
      <c r="JM34" s="345">
        <v>818069</v>
      </c>
      <c r="JN34" s="345">
        <v>218051</v>
      </c>
      <c r="JO34" s="345">
        <v>0</v>
      </c>
      <c r="JP34" s="349">
        <v>3063864</v>
      </c>
      <c r="JQ34" s="347">
        <v>3063864</v>
      </c>
      <c r="JR34" s="348">
        <v>0</v>
      </c>
      <c r="JS34" s="345">
        <v>0</v>
      </c>
      <c r="JT34" s="346">
        <v>0</v>
      </c>
      <c r="JU34" s="351">
        <v>0</v>
      </c>
      <c r="JV34" s="345">
        <v>93505</v>
      </c>
      <c r="JW34" s="345">
        <v>111842</v>
      </c>
      <c r="JX34" s="345">
        <v>209731</v>
      </c>
      <c r="JY34" s="345">
        <v>0</v>
      </c>
      <c r="JZ34" s="345">
        <v>0</v>
      </c>
      <c r="KA34" s="349">
        <v>415078</v>
      </c>
      <c r="KB34" s="347">
        <v>415078</v>
      </c>
      <c r="KC34" s="352">
        <v>0</v>
      </c>
      <c r="KD34" s="353">
        <v>0</v>
      </c>
      <c r="KE34" s="349">
        <v>0</v>
      </c>
      <c r="KF34" s="351">
        <v>0</v>
      </c>
      <c r="KG34" s="345">
        <v>821092</v>
      </c>
      <c r="KH34" s="345">
        <v>917173</v>
      </c>
      <c r="KI34" s="345">
        <v>538072</v>
      </c>
      <c r="KJ34" s="345">
        <v>1773630</v>
      </c>
      <c r="KK34" s="345">
        <v>324027</v>
      </c>
      <c r="KL34" s="349">
        <v>4373994</v>
      </c>
      <c r="KM34" s="354">
        <v>4373994</v>
      </c>
      <c r="KN34" s="342">
        <v>0</v>
      </c>
      <c r="KO34" s="343">
        <v>0</v>
      </c>
      <c r="KP34" s="344">
        <v>0</v>
      </c>
      <c r="KQ34" s="413">
        <v>0</v>
      </c>
      <c r="KR34" s="345">
        <v>1495602</v>
      </c>
      <c r="KS34" s="345">
        <v>2281635</v>
      </c>
      <c r="KT34" s="345">
        <v>1986624</v>
      </c>
      <c r="KU34" s="345">
        <v>818982</v>
      </c>
      <c r="KV34" s="345">
        <v>285300</v>
      </c>
      <c r="KW34" s="349">
        <v>6868143</v>
      </c>
      <c r="KX34" s="347">
        <v>6868143</v>
      </c>
      <c r="KY34" s="348">
        <v>0</v>
      </c>
      <c r="KZ34" s="345">
        <v>0</v>
      </c>
      <c r="LA34" s="349">
        <v>0</v>
      </c>
      <c r="LB34" s="413">
        <v>0</v>
      </c>
      <c r="LC34" s="345">
        <v>0</v>
      </c>
      <c r="LD34" s="345">
        <v>0</v>
      </c>
      <c r="LE34" s="345">
        <v>0</v>
      </c>
      <c r="LF34" s="345">
        <v>0</v>
      </c>
      <c r="LG34" s="345">
        <v>0</v>
      </c>
      <c r="LH34" s="349">
        <v>0</v>
      </c>
      <c r="LI34" s="350">
        <v>0</v>
      </c>
      <c r="LJ34" s="348">
        <v>0</v>
      </c>
      <c r="LK34" s="345">
        <v>0</v>
      </c>
      <c r="LL34" s="349">
        <v>0</v>
      </c>
      <c r="LM34" s="413">
        <v>0</v>
      </c>
      <c r="LN34" s="345">
        <v>0</v>
      </c>
      <c r="LO34" s="345">
        <v>0</v>
      </c>
      <c r="LP34" s="345">
        <v>3148682</v>
      </c>
      <c r="LQ34" s="345">
        <v>2198616</v>
      </c>
      <c r="LR34" s="345">
        <v>1814139</v>
      </c>
      <c r="LS34" s="349">
        <v>7161437</v>
      </c>
      <c r="LT34" s="347">
        <v>7161437</v>
      </c>
      <c r="LU34" s="348">
        <v>0</v>
      </c>
      <c r="LV34" s="345">
        <v>0</v>
      </c>
      <c r="LW34" s="349">
        <v>0</v>
      </c>
      <c r="LX34" s="413">
        <v>0</v>
      </c>
      <c r="LY34" s="345">
        <v>0</v>
      </c>
      <c r="LZ34" s="345">
        <v>0</v>
      </c>
      <c r="MA34" s="345">
        <v>0</v>
      </c>
      <c r="MB34" s="345">
        <v>0</v>
      </c>
      <c r="MC34" s="345">
        <v>0</v>
      </c>
      <c r="MD34" s="349">
        <v>0</v>
      </c>
      <c r="ME34" s="350">
        <v>0</v>
      </c>
      <c r="MF34" s="348">
        <v>0</v>
      </c>
      <c r="MG34" s="345">
        <v>0</v>
      </c>
      <c r="MH34" s="349">
        <v>0</v>
      </c>
      <c r="MI34" s="413">
        <v>0</v>
      </c>
      <c r="MJ34" s="345">
        <v>1012192</v>
      </c>
      <c r="MK34" s="345">
        <v>2359094</v>
      </c>
      <c r="ML34" s="345">
        <v>4062444</v>
      </c>
      <c r="MM34" s="345">
        <v>12146051</v>
      </c>
      <c r="MN34" s="345">
        <v>8224148</v>
      </c>
      <c r="MO34" s="349">
        <v>27803929</v>
      </c>
      <c r="MP34" s="354">
        <v>27803929</v>
      </c>
      <c r="MQ34" s="348">
        <v>0</v>
      </c>
      <c r="MR34" s="345">
        <v>0</v>
      </c>
      <c r="MS34" s="349">
        <v>0</v>
      </c>
      <c r="MT34" s="413">
        <v>0</v>
      </c>
      <c r="MU34" s="345">
        <v>0</v>
      </c>
      <c r="MV34" s="345">
        <v>429433</v>
      </c>
      <c r="MW34" s="345">
        <v>2485916</v>
      </c>
      <c r="MX34" s="345">
        <v>7230014</v>
      </c>
      <c r="MY34" s="345">
        <v>5001176</v>
      </c>
      <c r="MZ34" s="349">
        <v>15146539</v>
      </c>
      <c r="NA34" s="354">
        <v>15146539</v>
      </c>
      <c r="NB34" s="348">
        <v>0</v>
      </c>
      <c r="NC34" s="345">
        <v>0</v>
      </c>
      <c r="ND34" s="349">
        <v>0</v>
      </c>
      <c r="NE34" s="413">
        <v>0</v>
      </c>
      <c r="NF34" s="345">
        <v>1012192</v>
      </c>
      <c r="NG34" s="345">
        <v>1929661</v>
      </c>
      <c r="NH34" s="345">
        <v>1576528</v>
      </c>
      <c r="NI34" s="345">
        <v>4916037</v>
      </c>
      <c r="NJ34" s="345">
        <v>3222972</v>
      </c>
      <c r="NK34" s="349">
        <v>12657390</v>
      </c>
      <c r="NL34" s="347">
        <v>12657390</v>
      </c>
      <c r="NM34" s="348">
        <v>0</v>
      </c>
      <c r="NN34" s="345">
        <v>0</v>
      </c>
      <c r="NO34" s="349">
        <v>0</v>
      </c>
      <c r="NP34" s="413">
        <v>0</v>
      </c>
      <c r="NQ34" s="345">
        <v>0</v>
      </c>
      <c r="NR34" s="345">
        <v>0</v>
      </c>
      <c r="NS34" s="345">
        <v>0</v>
      </c>
      <c r="NT34" s="345">
        <v>0</v>
      </c>
      <c r="NU34" s="345">
        <v>0</v>
      </c>
      <c r="NV34" s="349">
        <v>0</v>
      </c>
      <c r="NW34" s="350">
        <v>0</v>
      </c>
      <c r="NX34" s="348">
        <v>0</v>
      </c>
      <c r="NY34" s="345">
        <v>0</v>
      </c>
      <c r="NZ34" s="349">
        <v>0</v>
      </c>
      <c r="OA34" s="413">
        <v>0</v>
      </c>
      <c r="OB34" s="345">
        <v>0</v>
      </c>
      <c r="OC34" s="345">
        <v>0</v>
      </c>
      <c r="OD34" s="345">
        <v>0</v>
      </c>
      <c r="OE34" s="345">
        <v>0</v>
      </c>
      <c r="OF34" s="345">
        <v>0</v>
      </c>
      <c r="OG34" s="349">
        <v>0</v>
      </c>
      <c r="OH34" s="350">
        <v>0</v>
      </c>
      <c r="OI34" s="348">
        <v>588952</v>
      </c>
      <c r="OJ34" s="345">
        <v>756434</v>
      </c>
      <c r="OK34" s="346">
        <v>1345386</v>
      </c>
      <c r="OL34" s="351">
        <v>0</v>
      </c>
      <c r="OM34" s="345">
        <v>12117660</v>
      </c>
      <c r="ON34" s="345">
        <v>17600851</v>
      </c>
      <c r="OO34" s="345">
        <v>20861345</v>
      </c>
      <c r="OP34" s="345">
        <v>24904743</v>
      </c>
      <c r="OQ34" s="345">
        <v>18545804</v>
      </c>
      <c r="OR34" s="349">
        <v>94030403</v>
      </c>
      <c r="OS34" s="354">
        <v>95375789</v>
      </c>
    </row>
    <row r="35" spans="2:409" s="70" customFormat="1" ht="21" customHeight="1" x14ac:dyDescent="0.2">
      <c r="B35" s="410" t="s">
        <v>30</v>
      </c>
      <c r="C35" s="326">
        <v>789791</v>
      </c>
      <c r="D35" s="327">
        <v>917300</v>
      </c>
      <c r="E35" s="368">
        <v>1707091</v>
      </c>
      <c r="F35" s="370">
        <v>0</v>
      </c>
      <c r="G35" s="369">
        <v>7443603</v>
      </c>
      <c r="H35" s="369">
        <v>7437659</v>
      </c>
      <c r="I35" s="369">
        <v>9187790</v>
      </c>
      <c r="J35" s="369">
        <v>7949722</v>
      </c>
      <c r="K35" s="369">
        <v>4413822</v>
      </c>
      <c r="L35" s="370">
        <v>36432596</v>
      </c>
      <c r="M35" s="330">
        <v>38139687</v>
      </c>
      <c r="N35" s="326">
        <v>115974</v>
      </c>
      <c r="O35" s="327">
        <v>308438</v>
      </c>
      <c r="P35" s="328">
        <v>424412</v>
      </c>
      <c r="Q35" s="326">
        <v>0</v>
      </c>
      <c r="R35" s="327">
        <v>2183973</v>
      </c>
      <c r="S35" s="327">
        <v>1884749</v>
      </c>
      <c r="T35" s="327">
        <v>2999439</v>
      </c>
      <c r="U35" s="327">
        <v>3635871</v>
      </c>
      <c r="V35" s="327">
        <v>2683589</v>
      </c>
      <c r="W35" s="328">
        <v>13387621</v>
      </c>
      <c r="X35" s="330">
        <v>13812033</v>
      </c>
      <c r="Y35" s="326">
        <v>0</v>
      </c>
      <c r="Z35" s="327">
        <v>0</v>
      </c>
      <c r="AA35" s="328">
        <v>0</v>
      </c>
      <c r="AB35" s="326">
        <v>0</v>
      </c>
      <c r="AC35" s="327">
        <v>684916</v>
      </c>
      <c r="AD35" s="327">
        <v>782532</v>
      </c>
      <c r="AE35" s="327">
        <v>1552501</v>
      </c>
      <c r="AF35" s="327">
        <v>2179407</v>
      </c>
      <c r="AG35" s="327">
        <v>1736574</v>
      </c>
      <c r="AH35" s="328">
        <v>6935930</v>
      </c>
      <c r="AI35" s="330">
        <v>6935930</v>
      </c>
      <c r="AJ35" s="326">
        <v>0</v>
      </c>
      <c r="AK35" s="327">
        <v>0</v>
      </c>
      <c r="AL35" s="328">
        <v>0</v>
      </c>
      <c r="AM35" s="326">
        <v>0</v>
      </c>
      <c r="AN35" s="327">
        <v>65609</v>
      </c>
      <c r="AO35" s="327">
        <v>0</v>
      </c>
      <c r="AP35" s="327">
        <v>244159</v>
      </c>
      <c r="AQ35" s="327">
        <v>439504</v>
      </c>
      <c r="AR35" s="327">
        <v>284018</v>
      </c>
      <c r="AS35" s="328">
        <v>1033290</v>
      </c>
      <c r="AT35" s="330">
        <v>1033290</v>
      </c>
      <c r="AU35" s="326">
        <v>101304</v>
      </c>
      <c r="AV35" s="327">
        <v>286379</v>
      </c>
      <c r="AW35" s="328">
        <v>387683</v>
      </c>
      <c r="AX35" s="326">
        <v>0</v>
      </c>
      <c r="AY35" s="327">
        <v>948121</v>
      </c>
      <c r="AZ35" s="327">
        <v>723905</v>
      </c>
      <c r="BA35" s="327">
        <v>805180</v>
      </c>
      <c r="BB35" s="327">
        <v>606097</v>
      </c>
      <c r="BC35" s="327">
        <v>508692</v>
      </c>
      <c r="BD35" s="328">
        <v>3591995</v>
      </c>
      <c r="BE35" s="330">
        <v>3979678</v>
      </c>
      <c r="BF35" s="326">
        <v>0</v>
      </c>
      <c r="BG35" s="327">
        <v>0</v>
      </c>
      <c r="BH35" s="331">
        <v>0</v>
      </c>
      <c r="BI35" s="332">
        <v>0</v>
      </c>
      <c r="BJ35" s="327">
        <v>103248</v>
      </c>
      <c r="BK35" s="327">
        <v>140485</v>
      </c>
      <c r="BL35" s="327">
        <v>129456</v>
      </c>
      <c r="BM35" s="327">
        <v>0</v>
      </c>
      <c r="BN35" s="327">
        <v>0</v>
      </c>
      <c r="BO35" s="328">
        <v>373189</v>
      </c>
      <c r="BP35" s="330">
        <v>373189</v>
      </c>
      <c r="BQ35" s="326">
        <v>14670</v>
      </c>
      <c r="BR35" s="327">
        <v>22059</v>
      </c>
      <c r="BS35" s="328">
        <v>36729</v>
      </c>
      <c r="BT35" s="326">
        <v>0</v>
      </c>
      <c r="BU35" s="327">
        <v>382079</v>
      </c>
      <c r="BV35" s="327">
        <v>237827</v>
      </c>
      <c r="BW35" s="327">
        <v>268143</v>
      </c>
      <c r="BX35" s="327">
        <v>410863</v>
      </c>
      <c r="BY35" s="327">
        <v>154305</v>
      </c>
      <c r="BZ35" s="328">
        <v>1453217</v>
      </c>
      <c r="CA35" s="330">
        <v>1489946</v>
      </c>
      <c r="CB35" s="326">
        <v>111739</v>
      </c>
      <c r="CC35" s="327">
        <v>303337</v>
      </c>
      <c r="CD35" s="328">
        <v>415076</v>
      </c>
      <c r="CE35" s="326">
        <v>0</v>
      </c>
      <c r="CF35" s="327">
        <v>2031427</v>
      </c>
      <c r="CG35" s="327">
        <v>1916214</v>
      </c>
      <c r="CH35" s="327">
        <v>1480275</v>
      </c>
      <c r="CI35" s="327">
        <v>1472075</v>
      </c>
      <c r="CJ35" s="327">
        <v>495038</v>
      </c>
      <c r="CK35" s="328">
        <v>7395029</v>
      </c>
      <c r="CL35" s="330">
        <v>7810105</v>
      </c>
      <c r="CM35" s="326">
        <v>0</v>
      </c>
      <c r="CN35" s="327">
        <v>0</v>
      </c>
      <c r="CO35" s="328">
        <v>0</v>
      </c>
      <c r="CP35" s="332">
        <v>0</v>
      </c>
      <c r="CQ35" s="327">
        <v>1550410</v>
      </c>
      <c r="CR35" s="327">
        <v>1359924</v>
      </c>
      <c r="CS35" s="327">
        <v>1264594</v>
      </c>
      <c r="CT35" s="327">
        <v>973759</v>
      </c>
      <c r="CU35" s="327">
        <v>387622</v>
      </c>
      <c r="CV35" s="328">
        <v>5536309</v>
      </c>
      <c r="CW35" s="330">
        <v>5536309</v>
      </c>
      <c r="CX35" s="326">
        <v>111739</v>
      </c>
      <c r="CY35" s="327">
        <v>303337</v>
      </c>
      <c r="CZ35" s="328">
        <v>415076</v>
      </c>
      <c r="DA35" s="326">
        <v>0</v>
      </c>
      <c r="DB35" s="327">
        <v>481017</v>
      </c>
      <c r="DC35" s="327">
        <v>556290</v>
      </c>
      <c r="DD35" s="327">
        <v>215681</v>
      </c>
      <c r="DE35" s="327">
        <v>498316</v>
      </c>
      <c r="DF35" s="327">
        <v>107416</v>
      </c>
      <c r="DG35" s="328">
        <v>1858720</v>
      </c>
      <c r="DH35" s="330">
        <v>2273796</v>
      </c>
      <c r="DI35" s="326">
        <v>18436</v>
      </c>
      <c r="DJ35" s="327">
        <v>0</v>
      </c>
      <c r="DK35" s="331">
        <v>18436</v>
      </c>
      <c r="DL35" s="332">
        <v>0</v>
      </c>
      <c r="DM35" s="327">
        <v>94828</v>
      </c>
      <c r="DN35" s="327">
        <v>585785</v>
      </c>
      <c r="DO35" s="327">
        <v>1429984</v>
      </c>
      <c r="DP35" s="327">
        <v>480340</v>
      </c>
      <c r="DQ35" s="327">
        <v>169889</v>
      </c>
      <c r="DR35" s="328">
        <v>2760826</v>
      </c>
      <c r="DS35" s="330">
        <v>2779262</v>
      </c>
      <c r="DT35" s="326">
        <v>18436</v>
      </c>
      <c r="DU35" s="327">
        <v>0</v>
      </c>
      <c r="DV35" s="328">
        <v>18436</v>
      </c>
      <c r="DW35" s="326">
        <v>0</v>
      </c>
      <c r="DX35" s="327">
        <v>94828</v>
      </c>
      <c r="DY35" s="327">
        <v>508931</v>
      </c>
      <c r="DZ35" s="327">
        <v>1153600</v>
      </c>
      <c r="EA35" s="327">
        <v>480340</v>
      </c>
      <c r="EB35" s="327">
        <v>115002</v>
      </c>
      <c r="EC35" s="328">
        <v>2352701</v>
      </c>
      <c r="ED35" s="330">
        <v>2371137</v>
      </c>
      <c r="EE35" s="326">
        <v>0</v>
      </c>
      <c r="EF35" s="331">
        <v>0</v>
      </c>
      <c r="EG35" s="328">
        <v>0</v>
      </c>
      <c r="EH35" s="326">
        <v>0</v>
      </c>
      <c r="EI35" s="327">
        <v>0</v>
      </c>
      <c r="EJ35" s="327">
        <v>76854</v>
      </c>
      <c r="EK35" s="327">
        <v>276384</v>
      </c>
      <c r="EL35" s="327">
        <v>0</v>
      </c>
      <c r="EM35" s="327">
        <v>54887</v>
      </c>
      <c r="EN35" s="331">
        <v>408125</v>
      </c>
      <c r="EO35" s="330">
        <v>408125</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369682</v>
      </c>
      <c r="FM35" s="327">
        <v>177345</v>
      </c>
      <c r="FN35" s="328">
        <v>547027</v>
      </c>
      <c r="FO35" s="326">
        <v>0</v>
      </c>
      <c r="FP35" s="327">
        <v>502090</v>
      </c>
      <c r="FQ35" s="327">
        <v>634932</v>
      </c>
      <c r="FR35" s="327">
        <v>1116730</v>
      </c>
      <c r="FS35" s="327">
        <v>625449</v>
      </c>
      <c r="FT35" s="327">
        <v>312210</v>
      </c>
      <c r="FU35" s="328">
        <v>3191411</v>
      </c>
      <c r="FV35" s="330">
        <v>3738438</v>
      </c>
      <c r="FW35" s="333">
        <v>239646</v>
      </c>
      <c r="FX35" s="327">
        <v>177345</v>
      </c>
      <c r="FY35" s="331">
        <v>416991</v>
      </c>
      <c r="FZ35" s="332">
        <v>0</v>
      </c>
      <c r="GA35" s="327">
        <v>463210</v>
      </c>
      <c r="GB35" s="327">
        <v>580680</v>
      </c>
      <c r="GC35" s="327">
        <v>833230</v>
      </c>
      <c r="GD35" s="327">
        <v>625449</v>
      </c>
      <c r="GE35" s="327">
        <v>312210</v>
      </c>
      <c r="GF35" s="328">
        <v>2814779</v>
      </c>
      <c r="GG35" s="334">
        <v>3231770</v>
      </c>
      <c r="GH35" s="333">
        <v>40936</v>
      </c>
      <c r="GI35" s="327">
        <v>0</v>
      </c>
      <c r="GJ35" s="331">
        <v>40936</v>
      </c>
      <c r="GK35" s="332">
        <v>0</v>
      </c>
      <c r="GL35" s="327">
        <v>0</v>
      </c>
      <c r="GM35" s="327">
        <v>54252</v>
      </c>
      <c r="GN35" s="327">
        <v>0</v>
      </c>
      <c r="GO35" s="327">
        <v>0</v>
      </c>
      <c r="GP35" s="327">
        <v>0</v>
      </c>
      <c r="GQ35" s="328">
        <v>54252</v>
      </c>
      <c r="GR35" s="330">
        <v>95188</v>
      </c>
      <c r="GS35" s="326">
        <v>89100</v>
      </c>
      <c r="GT35" s="327">
        <v>0</v>
      </c>
      <c r="GU35" s="328">
        <v>89100</v>
      </c>
      <c r="GV35" s="326">
        <v>0</v>
      </c>
      <c r="GW35" s="327">
        <v>38880</v>
      </c>
      <c r="GX35" s="327">
        <v>0</v>
      </c>
      <c r="GY35" s="327">
        <v>283500</v>
      </c>
      <c r="GZ35" s="327">
        <v>0</v>
      </c>
      <c r="HA35" s="327">
        <v>0</v>
      </c>
      <c r="HB35" s="331">
        <v>322380</v>
      </c>
      <c r="HC35" s="330">
        <v>411480</v>
      </c>
      <c r="HD35" s="326">
        <v>0</v>
      </c>
      <c r="HE35" s="327">
        <v>0</v>
      </c>
      <c r="HF35" s="331">
        <v>0</v>
      </c>
      <c r="HG35" s="332">
        <v>0</v>
      </c>
      <c r="HH35" s="327">
        <v>1478121</v>
      </c>
      <c r="HI35" s="327">
        <v>1565079</v>
      </c>
      <c r="HJ35" s="327">
        <v>1357987</v>
      </c>
      <c r="HK35" s="327">
        <v>1200260</v>
      </c>
      <c r="HL35" s="327">
        <v>511848</v>
      </c>
      <c r="HM35" s="328">
        <v>6113295</v>
      </c>
      <c r="HN35" s="329">
        <v>6113295</v>
      </c>
      <c r="HO35" s="333">
        <v>173960</v>
      </c>
      <c r="HP35" s="327">
        <v>128180</v>
      </c>
      <c r="HQ35" s="328">
        <v>302140</v>
      </c>
      <c r="HR35" s="326">
        <v>0</v>
      </c>
      <c r="HS35" s="327">
        <v>1153164</v>
      </c>
      <c r="HT35" s="327">
        <v>850900</v>
      </c>
      <c r="HU35" s="327">
        <v>803375</v>
      </c>
      <c r="HV35" s="327">
        <v>535727</v>
      </c>
      <c r="HW35" s="327">
        <v>241248</v>
      </c>
      <c r="HX35" s="331">
        <v>3584414</v>
      </c>
      <c r="HY35" s="330">
        <v>3886554</v>
      </c>
      <c r="HZ35" s="335">
        <v>0</v>
      </c>
      <c r="IA35" s="336">
        <v>0</v>
      </c>
      <c r="IB35" s="337">
        <v>0</v>
      </c>
      <c r="IC35" s="338">
        <v>0</v>
      </c>
      <c r="ID35" s="336">
        <v>1996745</v>
      </c>
      <c r="IE35" s="339">
        <v>2234888</v>
      </c>
      <c r="IF35" s="337">
        <v>1225512</v>
      </c>
      <c r="IG35" s="336">
        <v>2586173</v>
      </c>
      <c r="IH35" s="337">
        <v>670941</v>
      </c>
      <c r="II35" s="340">
        <v>8714259</v>
      </c>
      <c r="IJ35" s="341">
        <v>8714259</v>
      </c>
      <c r="IK35" s="342">
        <v>0</v>
      </c>
      <c r="IL35" s="343">
        <v>0</v>
      </c>
      <c r="IM35" s="344">
        <v>0</v>
      </c>
      <c r="IN35" s="404">
        <v>0</v>
      </c>
      <c r="IO35" s="345">
        <v>0</v>
      </c>
      <c r="IP35" s="345">
        <v>170721</v>
      </c>
      <c r="IQ35" s="345">
        <v>173214</v>
      </c>
      <c r="IR35" s="345">
        <v>0</v>
      </c>
      <c r="IS35" s="345">
        <v>45495</v>
      </c>
      <c r="IT35" s="346">
        <v>389430</v>
      </c>
      <c r="IU35" s="347">
        <v>389430</v>
      </c>
      <c r="IV35" s="348">
        <v>0</v>
      </c>
      <c r="IW35" s="345">
        <v>0</v>
      </c>
      <c r="IX35" s="349">
        <v>0</v>
      </c>
      <c r="IY35" s="413">
        <v>0</v>
      </c>
      <c r="IZ35" s="345">
        <v>0</v>
      </c>
      <c r="JA35" s="345">
        <v>0</v>
      </c>
      <c r="JB35" s="345">
        <v>0</v>
      </c>
      <c r="JC35" s="345">
        <v>0</v>
      </c>
      <c r="JD35" s="345">
        <v>0</v>
      </c>
      <c r="JE35" s="349">
        <v>0</v>
      </c>
      <c r="JF35" s="350">
        <v>0</v>
      </c>
      <c r="JG35" s="348">
        <v>0</v>
      </c>
      <c r="JH35" s="345">
        <v>0</v>
      </c>
      <c r="JI35" s="346">
        <v>0</v>
      </c>
      <c r="JJ35" s="351">
        <v>0</v>
      </c>
      <c r="JK35" s="345">
        <v>1183004</v>
      </c>
      <c r="JL35" s="345">
        <v>881444</v>
      </c>
      <c r="JM35" s="345">
        <v>563139</v>
      </c>
      <c r="JN35" s="345">
        <v>680767</v>
      </c>
      <c r="JO35" s="345">
        <v>71460</v>
      </c>
      <c r="JP35" s="349">
        <v>3379814</v>
      </c>
      <c r="JQ35" s="347">
        <v>3379814</v>
      </c>
      <c r="JR35" s="348">
        <v>0</v>
      </c>
      <c r="JS35" s="345">
        <v>0</v>
      </c>
      <c r="JT35" s="346">
        <v>0</v>
      </c>
      <c r="JU35" s="351">
        <v>0</v>
      </c>
      <c r="JV35" s="345">
        <v>56841</v>
      </c>
      <c r="JW35" s="345">
        <v>351843</v>
      </c>
      <c r="JX35" s="345">
        <v>0</v>
      </c>
      <c r="JY35" s="345">
        <v>0</v>
      </c>
      <c r="JZ35" s="345">
        <v>0</v>
      </c>
      <c r="KA35" s="349">
        <v>408684</v>
      </c>
      <c r="KB35" s="347">
        <v>408684</v>
      </c>
      <c r="KC35" s="352">
        <v>0</v>
      </c>
      <c r="KD35" s="353">
        <v>0</v>
      </c>
      <c r="KE35" s="349">
        <v>0</v>
      </c>
      <c r="KF35" s="351">
        <v>0</v>
      </c>
      <c r="KG35" s="345">
        <v>0</v>
      </c>
      <c r="KH35" s="345">
        <v>0</v>
      </c>
      <c r="KI35" s="345">
        <v>0</v>
      </c>
      <c r="KJ35" s="345">
        <v>298188</v>
      </c>
      <c r="KK35" s="345">
        <v>0</v>
      </c>
      <c r="KL35" s="349">
        <v>298188</v>
      </c>
      <c r="KM35" s="354">
        <v>298188</v>
      </c>
      <c r="KN35" s="342">
        <v>0</v>
      </c>
      <c r="KO35" s="343">
        <v>0</v>
      </c>
      <c r="KP35" s="344">
        <v>0</v>
      </c>
      <c r="KQ35" s="413">
        <v>0</v>
      </c>
      <c r="KR35" s="345">
        <v>756900</v>
      </c>
      <c r="KS35" s="345">
        <v>830880</v>
      </c>
      <c r="KT35" s="345">
        <v>489159</v>
      </c>
      <c r="KU35" s="345">
        <v>1607218</v>
      </c>
      <c r="KV35" s="345">
        <v>553986</v>
      </c>
      <c r="KW35" s="349">
        <v>4238143</v>
      </c>
      <c r="KX35" s="347">
        <v>4238143</v>
      </c>
      <c r="KY35" s="348">
        <v>0</v>
      </c>
      <c r="KZ35" s="345">
        <v>0</v>
      </c>
      <c r="LA35" s="349">
        <v>0</v>
      </c>
      <c r="LB35" s="413">
        <v>0</v>
      </c>
      <c r="LC35" s="345">
        <v>0</v>
      </c>
      <c r="LD35" s="345">
        <v>0</v>
      </c>
      <c r="LE35" s="345">
        <v>0</v>
      </c>
      <c r="LF35" s="345">
        <v>0</v>
      </c>
      <c r="LG35" s="345">
        <v>0</v>
      </c>
      <c r="LH35" s="349">
        <v>0</v>
      </c>
      <c r="LI35" s="350">
        <v>0</v>
      </c>
      <c r="LJ35" s="348">
        <v>0</v>
      </c>
      <c r="LK35" s="345">
        <v>0</v>
      </c>
      <c r="LL35" s="349">
        <v>0</v>
      </c>
      <c r="LM35" s="413">
        <v>0</v>
      </c>
      <c r="LN35" s="345">
        <v>0</v>
      </c>
      <c r="LO35" s="345">
        <v>0</v>
      </c>
      <c r="LP35" s="345">
        <v>0</v>
      </c>
      <c r="LQ35" s="345">
        <v>0</v>
      </c>
      <c r="LR35" s="345">
        <v>0</v>
      </c>
      <c r="LS35" s="349">
        <v>0</v>
      </c>
      <c r="LT35" s="347">
        <v>0</v>
      </c>
      <c r="LU35" s="348">
        <v>0</v>
      </c>
      <c r="LV35" s="345">
        <v>0</v>
      </c>
      <c r="LW35" s="349">
        <v>0</v>
      </c>
      <c r="LX35" s="413">
        <v>0</v>
      </c>
      <c r="LY35" s="345">
        <v>0</v>
      </c>
      <c r="LZ35" s="345">
        <v>0</v>
      </c>
      <c r="MA35" s="345">
        <v>0</v>
      </c>
      <c r="MB35" s="345">
        <v>0</v>
      </c>
      <c r="MC35" s="345">
        <v>0</v>
      </c>
      <c r="MD35" s="349">
        <v>0</v>
      </c>
      <c r="ME35" s="350">
        <v>0</v>
      </c>
      <c r="MF35" s="348">
        <v>0</v>
      </c>
      <c r="MG35" s="345">
        <v>0</v>
      </c>
      <c r="MH35" s="349">
        <v>0</v>
      </c>
      <c r="MI35" s="413">
        <v>0</v>
      </c>
      <c r="MJ35" s="345">
        <v>2913719</v>
      </c>
      <c r="MK35" s="345">
        <v>2687957</v>
      </c>
      <c r="ML35" s="345">
        <v>7708765</v>
      </c>
      <c r="MM35" s="345">
        <v>12051004</v>
      </c>
      <c r="MN35" s="345">
        <v>8485746</v>
      </c>
      <c r="MO35" s="349">
        <v>33847191</v>
      </c>
      <c r="MP35" s="354">
        <v>33847191</v>
      </c>
      <c r="MQ35" s="348">
        <v>0</v>
      </c>
      <c r="MR35" s="345">
        <v>0</v>
      </c>
      <c r="MS35" s="349">
        <v>0</v>
      </c>
      <c r="MT35" s="413">
        <v>0</v>
      </c>
      <c r="MU35" s="345">
        <v>0</v>
      </c>
      <c r="MV35" s="345">
        <v>1232962</v>
      </c>
      <c r="MW35" s="345">
        <v>5396588</v>
      </c>
      <c r="MX35" s="345">
        <v>8925719</v>
      </c>
      <c r="MY35" s="345">
        <v>5601826</v>
      </c>
      <c r="MZ35" s="349">
        <v>21157095</v>
      </c>
      <c r="NA35" s="354">
        <v>21157095</v>
      </c>
      <c r="NB35" s="348">
        <v>0</v>
      </c>
      <c r="NC35" s="345">
        <v>0</v>
      </c>
      <c r="ND35" s="349">
        <v>0</v>
      </c>
      <c r="NE35" s="413">
        <v>0</v>
      </c>
      <c r="NF35" s="345">
        <v>2913719</v>
      </c>
      <c r="NG35" s="345">
        <v>1454995</v>
      </c>
      <c r="NH35" s="345">
        <v>2312177</v>
      </c>
      <c r="NI35" s="345">
        <v>2744489</v>
      </c>
      <c r="NJ35" s="345">
        <v>1768539</v>
      </c>
      <c r="NK35" s="349">
        <v>11193919</v>
      </c>
      <c r="NL35" s="347">
        <v>11193919</v>
      </c>
      <c r="NM35" s="348">
        <v>0</v>
      </c>
      <c r="NN35" s="345">
        <v>0</v>
      </c>
      <c r="NO35" s="349">
        <v>0</v>
      </c>
      <c r="NP35" s="413">
        <v>0</v>
      </c>
      <c r="NQ35" s="345">
        <v>0</v>
      </c>
      <c r="NR35" s="345">
        <v>0</v>
      </c>
      <c r="NS35" s="345">
        <v>0</v>
      </c>
      <c r="NT35" s="345">
        <v>0</v>
      </c>
      <c r="NU35" s="345">
        <v>0</v>
      </c>
      <c r="NV35" s="349">
        <v>0</v>
      </c>
      <c r="NW35" s="350">
        <v>0</v>
      </c>
      <c r="NX35" s="348">
        <v>0</v>
      </c>
      <c r="NY35" s="345">
        <v>0</v>
      </c>
      <c r="NZ35" s="349">
        <v>0</v>
      </c>
      <c r="OA35" s="413">
        <v>0</v>
      </c>
      <c r="OB35" s="345">
        <v>0</v>
      </c>
      <c r="OC35" s="345">
        <v>0</v>
      </c>
      <c r="OD35" s="345">
        <v>0</v>
      </c>
      <c r="OE35" s="345">
        <v>380796</v>
      </c>
      <c r="OF35" s="345">
        <v>1115381</v>
      </c>
      <c r="OG35" s="349">
        <v>1496177</v>
      </c>
      <c r="OH35" s="350">
        <v>1496177</v>
      </c>
      <c r="OI35" s="348">
        <v>789791</v>
      </c>
      <c r="OJ35" s="345">
        <v>917300</v>
      </c>
      <c r="OK35" s="346">
        <v>1707091</v>
      </c>
      <c r="OL35" s="351">
        <v>0</v>
      </c>
      <c r="OM35" s="345">
        <v>12354067</v>
      </c>
      <c r="ON35" s="345">
        <v>12360504</v>
      </c>
      <c r="OO35" s="345">
        <v>18122067</v>
      </c>
      <c r="OP35" s="345">
        <v>22586899</v>
      </c>
      <c r="OQ35" s="345">
        <v>13570509</v>
      </c>
      <c r="OR35" s="349">
        <v>78994046</v>
      </c>
      <c r="OS35" s="354">
        <v>80701137</v>
      </c>
    </row>
    <row r="36" spans="2:409" s="70" customFormat="1" ht="21" customHeight="1" x14ac:dyDescent="0.2">
      <c r="B36" s="410" t="s">
        <v>31</v>
      </c>
      <c r="C36" s="326">
        <v>654550</v>
      </c>
      <c r="D36" s="327">
        <v>1207398</v>
      </c>
      <c r="E36" s="328">
        <v>1861948</v>
      </c>
      <c r="F36" s="329">
        <v>0</v>
      </c>
      <c r="G36" s="327">
        <v>7392189</v>
      </c>
      <c r="H36" s="327">
        <v>9081433</v>
      </c>
      <c r="I36" s="327">
        <v>7362374</v>
      </c>
      <c r="J36" s="327">
        <v>5950259</v>
      </c>
      <c r="K36" s="327">
        <v>4343645</v>
      </c>
      <c r="L36" s="367">
        <v>34129900</v>
      </c>
      <c r="M36" s="330">
        <v>35991848</v>
      </c>
      <c r="N36" s="326">
        <v>100008</v>
      </c>
      <c r="O36" s="327">
        <v>163004</v>
      </c>
      <c r="P36" s="328">
        <v>263012</v>
      </c>
      <c r="Q36" s="326">
        <v>0</v>
      </c>
      <c r="R36" s="327">
        <v>1563174</v>
      </c>
      <c r="S36" s="327">
        <v>1378699</v>
      </c>
      <c r="T36" s="327">
        <v>1684122</v>
      </c>
      <c r="U36" s="327">
        <v>2184406</v>
      </c>
      <c r="V36" s="327">
        <v>1948203</v>
      </c>
      <c r="W36" s="328">
        <v>8758604</v>
      </c>
      <c r="X36" s="330">
        <v>9021616</v>
      </c>
      <c r="Y36" s="326">
        <v>0</v>
      </c>
      <c r="Z36" s="327">
        <v>0</v>
      </c>
      <c r="AA36" s="328">
        <v>0</v>
      </c>
      <c r="AB36" s="326">
        <v>0</v>
      </c>
      <c r="AC36" s="327">
        <v>409584</v>
      </c>
      <c r="AD36" s="327">
        <v>413891</v>
      </c>
      <c r="AE36" s="327">
        <v>694985</v>
      </c>
      <c r="AF36" s="327">
        <v>854196</v>
      </c>
      <c r="AG36" s="327">
        <v>974926</v>
      </c>
      <c r="AH36" s="328">
        <v>3347582</v>
      </c>
      <c r="AI36" s="330">
        <v>3347582</v>
      </c>
      <c r="AJ36" s="326">
        <v>0</v>
      </c>
      <c r="AK36" s="327">
        <v>0</v>
      </c>
      <c r="AL36" s="328">
        <v>0</v>
      </c>
      <c r="AM36" s="326">
        <v>0</v>
      </c>
      <c r="AN36" s="327">
        <v>223414</v>
      </c>
      <c r="AO36" s="327">
        <v>46655</v>
      </c>
      <c r="AP36" s="327">
        <v>195291</v>
      </c>
      <c r="AQ36" s="327">
        <v>451560</v>
      </c>
      <c r="AR36" s="327">
        <v>387615</v>
      </c>
      <c r="AS36" s="328">
        <v>1304535</v>
      </c>
      <c r="AT36" s="330">
        <v>1304535</v>
      </c>
      <c r="AU36" s="326">
        <v>30852</v>
      </c>
      <c r="AV36" s="327">
        <v>119264</v>
      </c>
      <c r="AW36" s="328">
        <v>150116</v>
      </c>
      <c r="AX36" s="326">
        <v>0</v>
      </c>
      <c r="AY36" s="327">
        <v>673955</v>
      </c>
      <c r="AZ36" s="327">
        <v>669475</v>
      </c>
      <c r="BA36" s="327">
        <v>578233</v>
      </c>
      <c r="BB36" s="327">
        <v>517852</v>
      </c>
      <c r="BC36" s="327">
        <v>437062</v>
      </c>
      <c r="BD36" s="328">
        <v>2876577</v>
      </c>
      <c r="BE36" s="330">
        <v>3026693</v>
      </c>
      <c r="BF36" s="326">
        <v>34344</v>
      </c>
      <c r="BG36" s="327">
        <v>43740</v>
      </c>
      <c r="BH36" s="331">
        <v>78084</v>
      </c>
      <c r="BI36" s="332">
        <v>0</v>
      </c>
      <c r="BJ36" s="327">
        <v>117639</v>
      </c>
      <c r="BK36" s="327">
        <v>43020</v>
      </c>
      <c r="BL36" s="327">
        <v>72486</v>
      </c>
      <c r="BM36" s="327">
        <v>111852</v>
      </c>
      <c r="BN36" s="327">
        <v>0</v>
      </c>
      <c r="BO36" s="328">
        <v>344997</v>
      </c>
      <c r="BP36" s="330">
        <v>423081</v>
      </c>
      <c r="BQ36" s="326">
        <v>34812</v>
      </c>
      <c r="BR36" s="327">
        <v>0</v>
      </c>
      <c r="BS36" s="328">
        <v>34812</v>
      </c>
      <c r="BT36" s="326">
        <v>0</v>
      </c>
      <c r="BU36" s="327">
        <v>138582</v>
      </c>
      <c r="BV36" s="327">
        <v>205658</v>
      </c>
      <c r="BW36" s="327">
        <v>143127</v>
      </c>
      <c r="BX36" s="327">
        <v>248946</v>
      </c>
      <c r="BY36" s="327">
        <v>148600</v>
      </c>
      <c r="BZ36" s="328">
        <v>884913</v>
      </c>
      <c r="CA36" s="330">
        <v>919725</v>
      </c>
      <c r="CB36" s="326">
        <v>46638</v>
      </c>
      <c r="CC36" s="327">
        <v>41911</v>
      </c>
      <c r="CD36" s="328">
        <v>88549</v>
      </c>
      <c r="CE36" s="326">
        <v>0</v>
      </c>
      <c r="CF36" s="327">
        <v>2869470</v>
      </c>
      <c r="CG36" s="327">
        <v>3351103</v>
      </c>
      <c r="CH36" s="327">
        <v>2083622</v>
      </c>
      <c r="CI36" s="327">
        <v>867340</v>
      </c>
      <c r="CJ36" s="327">
        <v>1085886</v>
      </c>
      <c r="CK36" s="328">
        <v>10257421</v>
      </c>
      <c r="CL36" s="330">
        <v>10345970</v>
      </c>
      <c r="CM36" s="326">
        <v>0</v>
      </c>
      <c r="CN36" s="327">
        <v>0</v>
      </c>
      <c r="CO36" s="328">
        <v>0</v>
      </c>
      <c r="CP36" s="332">
        <v>0</v>
      </c>
      <c r="CQ36" s="327">
        <v>2469611</v>
      </c>
      <c r="CR36" s="327">
        <v>2887288</v>
      </c>
      <c r="CS36" s="327">
        <v>1279575</v>
      </c>
      <c r="CT36" s="327">
        <v>622893</v>
      </c>
      <c r="CU36" s="327">
        <v>934825</v>
      </c>
      <c r="CV36" s="328">
        <v>8194192</v>
      </c>
      <c r="CW36" s="330">
        <v>8194192</v>
      </c>
      <c r="CX36" s="326">
        <v>46638</v>
      </c>
      <c r="CY36" s="327">
        <v>41911</v>
      </c>
      <c r="CZ36" s="328">
        <v>88549</v>
      </c>
      <c r="DA36" s="326">
        <v>0</v>
      </c>
      <c r="DB36" s="327">
        <v>399859</v>
      </c>
      <c r="DC36" s="327">
        <v>463815</v>
      </c>
      <c r="DD36" s="327">
        <v>804047</v>
      </c>
      <c r="DE36" s="327">
        <v>244447</v>
      </c>
      <c r="DF36" s="327">
        <v>151061</v>
      </c>
      <c r="DG36" s="328">
        <v>2063229</v>
      </c>
      <c r="DH36" s="330">
        <v>2151778</v>
      </c>
      <c r="DI36" s="326">
        <v>0</v>
      </c>
      <c r="DJ36" s="327">
        <v>57653</v>
      </c>
      <c r="DK36" s="331">
        <v>57653</v>
      </c>
      <c r="DL36" s="332">
        <v>0</v>
      </c>
      <c r="DM36" s="327">
        <v>255803</v>
      </c>
      <c r="DN36" s="327">
        <v>441967</v>
      </c>
      <c r="DO36" s="327">
        <v>1606537</v>
      </c>
      <c r="DP36" s="327">
        <v>905716</v>
      </c>
      <c r="DQ36" s="327">
        <v>241770</v>
      </c>
      <c r="DR36" s="328">
        <v>3451793</v>
      </c>
      <c r="DS36" s="330">
        <v>3509446</v>
      </c>
      <c r="DT36" s="326">
        <v>0</v>
      </c>
      <c r="DU36" s="327">
        <v>57653</v>
      </c>
      <c r="DV36" s="328">
        <v>57653</v>
      </c>
      <c r="DW36" s="326">
        <v>0</v>
      </c>
      <c r="DX36" s="327">
        <v>97000</v>
      </c>
      <c r="DY36" s="327">
        <v>441967</v>
      </c>
      <c r="DZ36" s="327">
        <v>1551396</v>
      </c>
      <c r="EA36" s="327">
        <v>905716</v>
      </c>
      <c r="EB36" s="327">
        <v>170936</v>
      </c>
      <c r="EC36" s="328">
        <v>3167015</v>
      </c>
      <c r="ED36" s="330">
        <v>3224668</v>
      </c>
      <c r="EE36" s="326">
        <v>0</v>
      </c>
      <c r="EF36" s="331">
        <v>0</v>
      </c>
      <c r="EG36" s="328">
        <v>0</v>
      </c>
      <c r="EH36" s="326">
        <v>0</v>
      </c>
      <c r="EI36" s="327">
        <v>158803</v>
      </c>
      <c r="EJ36" s="327">
        <v>0</v>
      </c>
      <c r="EK36" s="327">
        <v>55141</v>
      </c>
      <c r="EL36" s="327">
        <v>0</v>
      </c>
      <c r="EM36" s="327">
        <v>70834</v>
      </c>
      <c r="EN36" s="331">
        <v>284778</v>
      </c>
      <c r="EO36" s="330">
        <v>284778</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233452</v>
      </c>
      <c r="FM36" s="327">
        <v>651426</v>
      </c>
      <c r="FN36" s="328">
        <v>884878</v>
      </c>
      <c r="FO36" s="326">
        <v>0</v>
      </c>
      <c r="FP36" s="327">
        <v>411491</v>
      </c>
      <c r="FQ36" s="327">
        <v>912599</v>
      </c>
      <c r="FR36" s="327">
        <v>649604</v>
      </c>
      <c r="FS36" s="327">
        <v>648979</v>
      </c>
      <c r="FT36" s="327">
        <v>420984</v>
      </c>
      <c r="FU36" s="328">
        <v>3043657</v>
      </c>
      <c r="FV36" s="330">
        <v>3928535</v>
      </c>
      <c r="FW36" s="333">
        <v>147952</v>
      </c>
      <c r="FX36" s="327">
        <v>433176</v>
      </c>
      <c r="FY36" s="331">
        <v>581128</v>
      </c>
      <c r="FZ36" s="332">
        <v>0</v>
      </c>
      <c r="GA36" s="327">
        <v>370451</v>
      </c>
      <c r="GB36" s="327">
        <v>860480</v>
      </c>
      <c r="GC36" s="327">
        <v>562754</v>
      </c>
      <c r="GD36" s="327">
        <v>561679</v>
      </c>
      <c r="GE36" s="327">
        <v>420984</v>
      </c>
      <c r="GF36" s="328">
        <v>2776348</v>
      </c>
      <c r="GG36" s="334">
        <v>3357476</v>
      </c>
      <c r="GH36" s="333">
        <v>30420</v>
      </c>
      <c r="GI36" s="327">
        <v>90000</v>
      </c>
      <c r="GJ36" s="331">
        <v>120420</v>
      </c>
      <c r="GK36" s="332">
        <v>0</v>
      </c>
      <c r="GL36" s="327">
        <v>41040</v>
      </c>
      <c r="GM36" s="327">
        <v>26136</v>
      </c>
      <c r="GN36" s="327">
        <v>0</v>
      </c>
      <c r="GO36" s="327">
        <v>87300</v>
      </c>
      <c r="GP36" s="327">
        <v>0</v>
      </c>
      <c r="GQ36" s="328">
        <v>154476</v>
      </c>
      <c r="GR36" s="330">
        <v>274896</v>
      </c>
      <c r="GS36" s="326">
        <v>55080</v>
      </c>
      <c r="GT36" s="327">
        <v>128250</v>
      </c>
      <c r="GU36" s="328">
        <v>183330</v>
      </c>
      <c r="GV36" s="326">
        <v>0</v>
      </c>
      <c r="GW36" s="327">
        <v>0</v>
      </c>
      <c r="GX36" s="327">
        <v>25983</v>
      </c>
      <c r="GY36" s="327">
        <v>86850</v>
      </c>
      <c r="GZ36" s="327">
        <v>0</v>
      </c>
      <c r="HA36" s="327">
        <v>0</v>
      </c>
      <c r="HB36" s="331">
        <v>112833</v>
      </c>
      <c r="HC36" s="330">
        <v>296163</v>
      </c>
      <c r="HD36" s="326">
        <v>170676</v>
      </c>
      <c r="HE36" s="327">
        <v>0</v>
      </c>
      <c r="HF36" s="331">
        <v>170676</v>
      </c>
      <c r="HG36" s="332">
        <v>0</v>
      </c>
      <c r="HH36" s="327">
        <v>849165</v>
      </c>
      <c r="HI36" s="327">
        <v>1845533</v>
      </c>
      <c r="HJ36" s="327">
        <v>518388</v>
      </c>
      <c r="HK36" s="327">
        <v>939456</v>
      </c>
      <c r="HL36" s="327">
        <v>331866</v>
      </c>
      <c r="HM36" s="328">
        <v>4484408</v>
      </c>
      <c r="HN36" s="329">
        <v>4655084</v>
      </c>
      <c r="HO36" s="333">
        <v>103776</v>
      </c>
      <c r="HP36" s="327">
        <v>293404</v>
      </c>
      <c r="HQ36" s="328">
        <v>397180</v>
      </c>
      <c r="HR36" s="326">
        <v>0</v>
      </c>
      <c r="HS36" s="327">
        <v>1443086</v>
      </c>
      <c r="HT36" s="327">
        <v>1151532</v>
      </c>
      <c r="HU36" s="327">
        <v>820101</v>
      </c>
      <c r="HV36" s="327">
        <v>404362</v>
      </c>
      <c r="HW36" s="327">
        <v>314936</v>
      </c>
      <c r="HX36" s="331">
        <v>4134017</v>
      </c>
      <c r="HY36" s="330">
        <v>4531197</v>
      </c>
      <c r="HZ36" s="358">
        <v>0</v>
      </c>
      <c r="IA36" s="356">
        <v>91877</v>
      </c>
      <c r="IB36" s="358">
        <v>91877</v>
      </c>
      <c r="IC36" s="355">
        <v>0</v>
      </c>
      <c r="ID36" s="356">
        <v>3294841</v>
      </c>
      <c r="IE36" s="357">
        <v>4643700</v>
      </c>
      <c r="IF36" s="358">
        <v>4804466</v>
      </c>
      <c r="IG36" s="356">
        <v>2641032</v>
      </c>
      <c r="IH36" s="358">
        <v>1010760</v>
      </c>
      <c r="II36" s="359">
        <v>16394799</v>
      </c>
      <c r="IJ36" s="358">
        <v>16486676</v>
      </c>
      <c r="IK36" s="342">
        <v>0</v>
      </c>
      <c r="IL36" s="343">
        <v>0</v>
      </c>
      <c r="IM36" s="344">
        <v>0</v>
      </c>
      <c r="IN36" s="404">
        <v>0</v>
      </c>
      <c r="IO36" s="345">
        <v>0</v>
      </c>
      <c r="IP36" s="345">
        <v>151013</v>
      </c>
      <c r="IQ36" s="345">
        <v>0</v>
      </c>
      <c r="IR36" s="345">
        <v>0</v>
      </c>
      <c r="IS36" s="345">
        <v>0</v>
      </c>
      <c r="IT36" s="346">
        <v>151013</v>
      </c>
      <c r="IU36" s="347">
        <v>151013</v>
      </c>
      <c r="IV36" s="348">
        <v>0</v>
      </c>
      <c r="IW36" s="345">
        <v>0</v>
      </c>
      <c r="IX36" s="349">
        <v>0</v>
      </c>
      <c r="IY36" s="413">
        <v>0</v>
      </c>
      <c r="IZ36" s="345">
        <v>0</v>
      </c>
      <c r="JA36" s="345">
        <v>0</v>
      </c>
      <c r="JB36" s="345">
        <v>0</v>
      </c>
      <c r="JC36" s="345">
        <v>0</v>
      </c>
      <c r="JD36" s="345">
        <v>0</v>
      </c>
      <c r="JE36" s="349">
        <v>0</v>
      </c>
      <c r="JF36" s="350">
        <v>0</v>
      </c>
      <c r="JG36" s="348">
        <v>0</v>
      </c>
      <c r="JH36" s="345">
        <v>0</v>
      </c>
      <c r="JI36" s="346">
        <v>0</v>
      </c>
      <c r="JJ36" s="351">
        <v>0</v>
      </c>
      <c r="JK36" s="345">
        <v>890673</v>
      </c>
      <c r="JL36" s="345">
        <v>840228</v>
      </c>
      <c r="JM36" s="345">
        <v>479268</v>
      </c>
      <c r="JN36" s="345">
        <v>33903</v>
      </c>
      <c r="JO36" s="345">
        <v>0</v>
      </c>
      <c r="JP36" s="349">
        <v>2244072</v>
      </c>
      <c r="JQ36" s="347">
        <v>2244072</v>
      </c>
      <c r="JR36" s="348">
        <v>0</v>
      </c>
      <c r="JS36" s="345">
        <v>0</v>
      </c>
      <c r="JT36" s="346">
        <v>0</v>
      </c>
      <c r="JU36" s="351">
        <v>0</v>
      </c>
      <c r="JV36" s="345">
        <v>0</v>
      </c>
      <c r="JW36" s="345">
        <v>96809</v>
      </c>
      <c r="JX36" s="345">
        <v>57837</v>
      </c>
      <c r="JY36" s="345">
        <v>194060</v>
      </c>
      <c r="JZ36" s="345">
        <v>0</v>
      </c>
      <c r="KA36" s="349">
        <v>348706</v>
      </c>
      <c r="KB36" s="347">
        <v>348706</v>
      </c>
      <c r="KC36" s="352">
        <v>0</v>
      </c>
      <c r="KD36" s="353">
        <v>91877</v>
      </c>
      <c r="KE36" s="349">
        <v>91877</v>
      </c>
      <c r="KF36" s="351">
        <v>0</v>
      </c>
      <c r="KG36" s="345">
        <v>1312375</v>
      </c>
      <c r="KH36" s="345">
        <v>817261</v>
      </c>
      <c r="KI36" s="345">
        <v>2069834</v>
      </c>
      <c r="KJ36" s="345">
        <v>295376</v>
      </c>
      <c r="KK36" s="345">
        <v>0</v>
      </c>
      <c r="KL36" s="349">
        <v>4494846</v>
      </c>
      <c r="KM36" s="354">
        <v>4586723</v>
      </c>
      <c r="KN36" s="342">
        <v>0</v>
      </c>
      <c r="KO36" s="343">
        <v>0</v>
      </c>
      <c r="KP36" s="344">
        <v>0</v>
      </c>
      <c r="KQ36" s="413">
        <v>0</v>
      </c>
      <c r="KR36" s="345">
        <v>1091793</v>
      </c>
      <c r="KS36" s="345">
        <v>2738389</v>
      </c>
      <c r="KT36" s="345">
        <v>2197527</v>
      </c>
      <c r="KU36" s="345">
        <v>2117693</v>
      </c>
      <c r="KV36" s="345">
        <v>1010760</v>
      </c>
      <c r="KW36" s="349">
        <v>9156162</v>
      </c>
      <c r="KX36" s="347">
        <v>9156162</v>
      </c>
      <c r="KY36" s="348">
        <v>0</v>
      </c>
      <c r="KZ36" s="345">
        <v>0</v>
      </c>
      <c r="LA36" s="349">
        <v>0</v>
      </c>
      <c r="LB36" s="413">
        <v>0</v>
      </c>
      <c r="LC36" s="345">
        <v>0</v>
      </c>
      <c r="LD36" s="345">
        <v>0</v>
      </c>
      <c r="LE36" s="345">
        <v>0</v>
      </c>
      <c r="LF36" s="345">
        <v>0</v>
      </c>
      <c r="LG36" s="345">
        <v>0</v>
      </c>
      <c r="LH36" s="349">
        <v>0</v>
      </c>
      <c r="LI36" s="350">
        <v>0</v>
      </c>
      <c r="LJ36" s="348">
        <v>0</v>
      </c>
      <c r="LK36" s="345">
        <v>0</v>
      </c>
      <c r="LL36" s="349">
        <v>0</v>
      </c>
      <c r="LM36" s="413">
        <v>0</v>
      </c>
      <c r="LN36" s="345">
        <v>0</v>
      </c>
      <c r="LO36" s="345">
        <v>0</v>
      </c>
      <c r="LP36" s="345">
        <v>0</v>
      </c>
      <c r="LQ36" s="345">
        <v>0</v>
      </c>
      <c r="LR36" s="345">
        <v>0</v>
      </c>
      <c r="LS36" s="349">
        <v>0</v>
      </c>
      <c r="LT36" s="347">
        <v>0</v>
      </c>
      <c r="LU36" s="348">
        <v>0</v>
      </c>
      <c r="LV36" s="345">
        <v>0</v>
      </c>
      <c r="LW36" s="349">
        <v>0</v>
      </c>
      <c r="LX36" s="413">
        <v>0</v>
      </c>
      <c r="LY36" s="345">
        <v>0</v>
      </c>
      <c r="LZ36" s="345">
        <v>0</v>
      </c>
      <c r="MA36" s="345">
        <v>0</v>
      </c>
      <c r="MB36" s="345">
        <v>0</v>
      </c>
      <c r="MC36" s="345">
        <v>0</v>
      </c>
      <c r="MD36" s="349">
        <v>0</v>
      </c>
      <c r="ME36" s="350">
        <v>0</v>
      </c>
      <c r="MF36" s="348">
        <v>0</v>
      </c>
      <c r="MG36" s="345">
        <v>0</v>
      </c>
      <c r="MH36" s="349">
        <v>0</v>
      </c>
      <c r="MI36" s="413">
        <v>0</v>
      </c>
      <c r="MJ36" s="345">
        <v>1721249</v>
      </c>
      <c r="MK36" s="345">
        <v>2269743</v>
      </c>
      <c r="ML36" s="345">
        <v>10308381</v>
      </c>
      <c r="MM36" s="345">
        <v>11198552</v>
      </c>
      <c r="MN36" s="345">
        <v>8595051</v>
      </c>
      <c r="MO36" s="349">
        <v>34092976</v>
      </c>
      <c r="MP36" s="354">
        <v>34092976</v>
      </c>
      <c r="MQ36" s="348">
        <v>0</v>
      </c>
      <c r="MR36" s="345">
        <v>0</v>
      </c>
      <c r="MS36" s="349">
        <v>0</v>
      </c>
      <c r="MT36" s="413">
        <v>0</v>
      </c>
      <c r="MU36" s="345">
        <v>418519</v>
      </c>
      <c r="MV36" s="345">
        <v>632886</v>
      </c>
      <c r="MW36" s="345">
        <v>6425756</v>
      </c>
      <c r="MX36" s="345">
        <v>7268920</v>
      </c>
      <c r="MY36" s="345">
        <v>7136546</v>
      </c>
      <c r="MZ36" s="349">
        <v>21882627</v>
      </c>
      <c r="NA36" s="354">
        <v>21882627</v>
      </c>
      <c r="NB36" s="348">
        <v>0</v>
      </c>
      <c r="NC36" s="345">
        <v>0</v>
      </c>
      <c r="ND36" s="349">
        <v>0</v>
      </c>
      <c r="NE36" s="413">
        <v>0</v>
      </c>
      <c r="NF36" s="345">
        <v>1024612</v>
      </c>
      <c r="NG36" s="345">
        <v>1636857</v>
      </c>
      <c r="NH36" s="345">
        <v>3882625</v>
      </c>
      <c r="NI36" s="345">
        <v>3143466</v>
      </c>
      <c r="NJ36" s="345">
        <v>665707</v>
      </c>
      <c r="NK36" s="349">
        <v>10353267</v>
      </c>
      <c r="NL36" s="347">
        <v>10353267</v>
      </c>
      <c r="NM36" s="348">
        <v>0</v>
      </c>
      <c r="NN36" s="345">
        <v>0</v>
      </c>
      <c r="NO36" s="349">
        <v>0</v>
      </c>
      <c r="NP36" s="413">
        <v>0</v>
      </c>
      <c r="NQ36" s="345">
        <v>0</v>
      </c>
      <c r="NR36" s="345">
        <v>0</v>
      </c>
      <c r="NS36" s="345">
        <v>0</v>
      </c>
      <c r="NT36" s="345">
        <v>0</v>
      </c>
      <c r="NU36" s="345">
        <v>0</v>
      </c>
      <c r="NV36" s="349">
        <v>0</v>
      </c>
      <c r="NW36" s="350">
        <v>0</v>
      </c>
      <c r="NX36" s="348">
        <v>0</v>
      </c>
      <c r="NY36" s="345">
        <v>0</v>
      </c>
      <c r="NZ36" s="349">
        <v>0</v>
      </c>
      <c r="OA36" s="413">
        <v>0</v>
      </c>
      <c r="OB36" s="345">
        <v>278118</v>
      </c>
      <c r="OC36" s="345">
        <v>0</v>
      </c>
      <c r="OD36" s="345">
        <v>0</v>
      </c>
      <c r="OE36" s="345">
        <v>786166</v>
      </c>
      <c r="OF36" s="345">
        <v>792798</v>
      </c>
      <c r="OG36" s="349">
        <v>1857082</v>
      </c>
      <c r="OH36" s="350">
        <v>1857082</v>
      </c>
      <c r="OI36" s="348">
        <v>654550</v>
      </c>
      <c r="OJ36" s="345">
        <v>1299275</v>
      </c>
      <c r="OK36" s="346">
        <v>1953825</v>
      </c>
      <c r="OL36" s="351">
        <v>0</v>
      </c>
      <c r="OM36" s="345">
        <v>12408279</v>
      </c>
      <c r="ON36" s="345">
        <v>15994876</v>
      </c>
      <c r="OO36" s="345">
        <v>22475221</v>
      </c>
      <c r="OP36" s="345">
        <v>19789843</v>
      </c>
      <c r="OQ36" s="345">
        <v>13949456</v>
      </c>
      <c r="OR36" s="349">
        <v>84617675</v>
      </c>
      <c r="OS36" s="354">
        <v>86571500</v>
      </c>
    </row>
    <row r="37" spans="2:409" s="70" customFormat="1" ht="21" customHeight="1" x14ac:dyDescent="0.2">
      <c r="B37" s="410" t="s">
        <v>32</v>
      </c>
      <c r="C37" s="326">
        <v>724451</v>
      </c>
      <c r="D37" s="327">
        <v>1847606</v>
      </c>
      <c r="E37" s="368">
        <v>2572057</v>
      </c>
      <c r="F37" s="370">
        <v>0</v>
      </c>
      <c r="G37" s="369">
        <v>10074921</v>
      </c>
      <c r="H37" s="369">
        <v>11622669</v>
      </c>
      <c r="I37" s="369">
        <v>7933078</v>
      </c>
      <c r="J37" s="369">
        <v>9084776</v>
      </c>
      <c r="K37" s="369">
        <v>6471359</v>
      </c>
      <c r="L37" s="370">
        <v>45186803</v>
      </c>
      <c r="M37" s="330">
        <v>47758860</v>
      </c>
      <c r="N37" s="326">
        <v>174996</v>
      </c>
      <c r="O37" s="327">
        <v>270187</v>
      </c>
      <c r="P37" s="328">
        <v>445183</v>
      </c>
      <c r="Q37" s="326">
        <v>0</v>
      </c>
      <c r="R37" s="327">
        <v>2863811</v>
      </c>
      <c r="S37" s="327">
        <v>2491963</v>
      </c>
      <c r="T37" s="327">
        <v>1986179</v>
      </c>
      <c r="U37" s="327">
        <v>2456943</v>
      </c>
      <c r="V37" s="327">
        <v>2822771</v>
      </c>
      <c r="W37" s="328">
        <v>12621667</v>
      </c>
      <c r="X37" s="330">
        <v>13066850</v>
      </c>
      <c r="Y37" s="326">
        <v>0</v>
      </c>
      <c r="Z37" s="327">
        <v>0</v>
      </c>
      <c r="AA37" s="328">
        <v>0</v>
      </c>
      <c r="AB37" s="326">
        <v>0</v>
      </c>
      <c r="AC37" s="327">
        <v>1049188</v>
      </c>
      <c r="AD37" s="327">
        <v>1044573</v>
      </c>
      <c r="AE37" s="327">
        <v>1034099</v>
      </c>
      <c r="AF37" s="327">
        <v>1089219</v>
      </c>
      <c r="AG37" s="327">
        <v>1494483</v>
      </c>
      <c r="AH37" s="328">
        <v>5711562</v>
      </c>
      <c r="AI37" s="330">
        <v>5711562</v>
      </c>
      <c r="AJ37" s="326">
        <v>0</v>
      </c>
      <c r="AK37" s="327">
        <v>0</v>
      </c>
      <c r="AL37" s="328">
        <v>0</v>
      </c>
      <c r="AM37" s="326">
        <v>0</v>
      </c>
      <c r="AN37" s="327">
        <v>0</v>
      </c>
      <c r="AO37" s="327">
        <v>0</v>
      </c>
      <c r="AP37" s="327">
        <v>139925</v>
      </c>
      <c r="AQ37" s="327">
        <v>360832</v>
      </c>
      <c r="AR37" s="327">
        <v>448160</v>
      </c>
      <c r="AS37" s="328">
        <v>948917</v>
      </c>
      <c r="AT37" s="330">
        <v>948917</v>
      </c>
      <c r="AU37" s="326">
        <v>108036</v>
      </c>
      <c r="AV37" s="327">
        <v>219958</v>
      </c>
      <c r="AW37" s="328">
        <v>327994</v>
      </c>
      <c r="AX37" s="326">
        <v>0</v>
      </c>
      <c r="AY37" s="327">
        <v>1381480</v>
      </c>
      <c r="AZ37" s="327">
        <v>1133871</v>
      </c>
      <c r="BA37" s="327">
        <v>463336</v>
      </c>
      <c r="BB37" s="327">
        <v>509220</v>
      </c>
      <c r="BC37" s="327">
        <v>439488</v>
      </c>
      <c r="BD37" s="328">
        <v>3927395</v>
      </c>
      <c r="BE37" s="330">
        <v>4255389</v>
      </c>
      <c r="BF37" s="326">
        <v>0</v>
      </c>
      <c r="BG37" s="327">
        <v>0</v>
      </c>
      <c r="BH37" s="331">
        <v>0</v>
      </c>
      <c r="BI37" s="332">
        <v>0</v>
      </c>
      <c r="BJ37" s="327">
        <v>167886</v>
      </c>
      <c r="BK37" s="327">
        <v>49712</v>
      </c>
      <c r="BL37" s="327">
        <v>0</v>
      </c>
      <c r="BM37" s="327">
        <v>102292</v>
      </c>
      <c r="BN37" s="327">
        <v>64620</v>
      </c>
      <c r="BO37" s="328">
        <v>384510</v>
      </c>
      <c r="BP37" s="330">
        <v>384510</v>
      </c>
      <c r="BQ37" s="326">
        <v>66960</v>
      </c>
      <c r="BR37" s="327">
        <v>50229</v>
      </c>
      <c r="BS37" s="328">
        <v>117189</v>
      </c>
      <c r="BT37" s="326">
        <v>0</v>
      </c>
      <c r="BU37" s="327">
        <v>265257</v>
      </c>
      <c r="BV37" s="327">
        <v>263807</v>
      </c>
      <c r="BW37" s="327">
        <v>348819</v>
      </c>
      <c r="BX37" s="327">
        <v>395380</v>
      </c>
      <c r="BY37" s="327">
        <v>376020</v>
      </c>
      <c r="BZ37" s="328">
        <v>1649283</v>
      </c>
      <c r="CA37" s="330">
        <v>1766472</v>
      </c>
      <c r="CB37" s="326">
        <v>68212</v>
      </c>
      <c r="CC37" s="327">
        <v>450600</v>
      </c>
      <c r="CD37" s="328">
        <v>518812</v>
      </c>
      <c r="CE37" s="326">
        <v>0</v>
      </c>
      <c r="CF37" s="327">
        <v>3170413</v>
      </c>
      <c r="CG37" s="327">
        <v>4537777</v>
      </c>
      <c r="CH37" s="327">
        <v>2413636</v>
      </c>
      <c r="CI37" s="327">
        <v>2520904</v>
      </c>
      <c r="CJ37" s="327">
        <v>834381</v>
      </c>
      <c r="CK37" s="328">
        <v>13477111</v>
      </c>
      <c r="CL37" s="330">
        <v>13995923</v>
      </c>
      <c r="CM37" s="326">
        <v>0</v>
      </c>
      <c r="CN37" s="327">
        <v>0</v>
      </c>
      <c r="CO37" s="328">
        <v>0</v>
      </c>
      <c r="CP37" s="332">
        <v>0</v>
      </c>
      <c r="CQ37" s="327">
        <v>2792903</v>
      </c>
      <c r="CR37" s="327">
        <v>3744128</v>
      </c>
      <c r="CS37" s="327">
        <v>2252565</v>
      </c>
      <c r="CT37" s="327">
        <v>2050022</v>
      </c>
      <c r="CU37" s="327">
        <v>517582</v>
      </c>
      <c r="CV37" s="328">
        <v>11357200</v>
      </c>
      <c r="CW37" s="330">
        <v>11357200</v>
      </c>
      <c r="CX37" s="326">
        <v>68212</v>
      </c>
      <c r="CY37" s="327">
        <v>450600</v>
      </c>
      <c r="CZ37" s="328">
        <v>518812</v>
      </c>
      <c r="DA37" s="326">
        <v>0</v>
      </c>
      <c r="DB37" s="327">
        <v>377510</v>
      </c>
      <c r="DC37" s="327">
        <v>793649</v>
      </c>
      <c r="DD37" s="327">
        <v>161071</v>
      </c>
      <c r="DE37" s="327">
        <v>470882</v>
      </c>
      <c r="DF37" s="327">
        <v>316799</v>
      </c>
      <c r="DG37" s="328">
        <v>2119911</v>
      </c>
      <c r="DH37" s="330">
        <v>2638723</v>
      </c>
      <c r="DI37" s="326">
        <v>0</v>
      </c>
      <c r="DJ37" s="327">
        <v>0</v>
      </c>
      <c r="DK37" s="331">
        <v>0</v>
      </c>
      <c r="DL37" s="332">
        <v>0</v>
      </c>
      <c r="DM37" s="327">
        <v>79481</v>
      </c>
      <c r="DN37" s="327">
        <v>703394</v>
      </c>
      <c r="DO37" s="327">
        <v>943925</v>
      </c>
      <c r="DP37" s="327">
        <v>595878</v>
      </c>
      <c r="DQ37" s="327">
        <v>644461</v>
      </c>
      <c r="DR37" s="328">
        <v>2967139</v>
      </c>
      <c r="DS37" s="330">
        <v>2967139</v>
      </c>
      <c r="DT37" s="326">
        <v>0</v>
      </c>
      <c r="DU37" s="327">
        <v>0</v>
      </c>
      <c r="DV37" s="328">
        <v>0</v>
      </c>
      <c r="DW37" s="326">
        <v>0</v>
      </c>
      <c r="DX37" s="327">
        <v>79481</v>
      </c>
      <c r="DY37" s="327">
        <v>551435</v>
      </c>
      <c r="DZ37" s="327">
        <v>943925</v>
      </c>
      <c r="EA37" s="327">
        <v>482633</v>
      </c>
      <c r="EB37" s="327">
        <v>614380</v>
      </c>
      <c r="EC37" s="328">
        <v>2671854</v>
      </c>
      <c r="ED37" s="330">
        <v>2671854</v>
      </c>
      <c r="EE37" s="326">
        <v>0</v>
      </c>
      <c r="EF37" s="331">
        <v>0</v>
      </c>
      <c r="EG37" s="328">
        <v>0</v>
      </c>
      <c r="EH37" s="326">
        <v>0</v>
      </c>
      <c r="EI37" s="327">
        <v>0</v>
      </c>
      <c r="EJ37" s="327">
        <v>151959</v>
      </c>
      <c r="EK37" s="327">
        <v>0</v>
      </c>
      <c r="EL37" s="327">
        <v>113245</v>
      </c>
      <c r="EM37" s="327">
        <v>30081</v>
      </c>
      <c r="EN37" s="331">
        <v>295285</v>
      </c>
      <c r="EO37" s="330">
        <v>295285</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145080</v>
      </c>
      <c r="FM37" s="327">
        <v>539330</v>
      </c>
      <c r="FN37" s="328">
        <v>684410</v>
      </c>
      <c r="FO37" s="326">
        <v>0</v>
      </c>
      <c r="FP37" s="327">
        <v>768604</v>
      </c>
      <c r="FQ37" s="327">
        <v>1425041</v>
      </c>
      <c r="FR37" s="327">
        <v>617220</v>
      </c>
      <c r="FS37" s="327">
        <v>666690</v>
      </c>
      <c r="FT37" s="327">
        <v>408424</v>
      </c>
      <c r="FU37" s="328">
        <v>3885979</v>
      </c>
      <c r="FV37" s="330">
        <v>4570389</v>
      </c>
      <c r="FW37" s="333">
        <v>145080</v>
      </c>
      <c r="FX37" s="327">
        <v>430034</v>
      </c>
      <c r="FY37" s="331">
        <v>575114</v>
      </c>
      <c r="FZ37" s="332">
        <v>0</v>
      </c>
      <c r="GA37" s="327">
        <v>654160</v>
      </c>
      <c r="GB37" s="327">
        <v>1056677</v>
      </c>
      <c r="GC37" s="327">
        <v>617220</v>
      </c>
      <c r="GD37" s="327">
        <v>666690</v>
      </c>
      <c r="GE37" s="327">
        <v>408424</v>
      </c>
      <c r="GF37" s="328">
        <v>3403171</v>
      </c>
      <c r="GG37" s="334">
        <v>3978285</v>
      </c>
      <c r="GH37" s="333">
        <v>0</v>
      </c>
      <c r="GI37" s="327">
        <v>0</v>
      </c>
      <c r="GJ37" s="331">
        <v>0</v>
      </c>
      <c r="GK37" s="332">
        <v>0</v>
      </c>
      <c r="GL37" s="327">
        <v>25344</v>
      </c>
      <c r="GM37" s="327">
        <v>124374</v>
      </c>
      <c r="GN37" s="327">
        <v>0</v>
      </c>
      <c r="GO37" s="327">
        <v>0</v>
      </c>
      <c r="GP37" s="327">
        <v>0</v>
      </c>
      <c r="GQ37" s="328">
        <v>149718</v>
      </c>
      <c r="GR37" s="330">
        <v>149718</v>
      </c>
      <c r="GS37" s="326">
        <v>0</v>
      </c>
      <c r="GT37" s="327">
        <v>109296</v>
      </c>
      <c r="GU37" s="328">
        <v>109296</v>
      </c>
      <c r="GV37" s="326">
        <v>0</v>
      </c>
      <c r="GW37" s="327">
        <v>89100</v>
      </c>
      <c r="GX37" s="327">
        <v>243990</v>
      </c>
      <c r="GY37" s="327">
        <v>0</v>
      </c>
      <c r="GZ37" s="327">
        <v>0</v>
      </c>
      <c r="HA37" s="327">
        <v>0</v>
      </c>
      <c r="HB37" s="331">
        <v>333090</v>
      </c>
      <c r="HC37" s="330">
        <v>442386</v>
      </c>
      <c r="HD37" s="326">
        <v>212443</v>
      </c>
      <c r="HE37" s="327">
        <v>288589</v>
      </c>
      <c r="HF37" s="331">
        <v>501032</v>
      </c>
      <c r="HG37" s="332">
        <v>0</v>
      </c>
      <c r="HH37" s="327">
        <v>1156546</v>
      </c>
      <c r="HI37" s="327">
        <v>945987</v>
      </c>
      <c r="HJ37" s="327">
        <v>1278824</v>
      </c>
      <c r="HK37" s="327">
        <v>2312006</v>
      </c>
      <c r="HL37" s="327">
        <v>1447914</v>
      </c>
      <c r="HM37" s="328">
        <v>7141277</v>
      </c>
      <c r="HN37" s="329">
        <v>7642309</v>
      </c>
      <c r="HO37" s="333">
        <v>123720</v>
      </c>
      <c r="HP37" s="327">
        <v>298900</v>
      </c>
      <c r="HQ37" s="328">
        <v>422620</v>
      </c>
      <c r="HR37" s="326">
        <v>0</v>
      </c>
      <c r="HS37" s="327">
        <v>2036066</v>
      </c>
      <c r="HT37" s="327">
        <v>1518507</v>
      </c>
      <c r="HU37" s="327">
        <v>693294</v>
      </c>
      <c r="HV37" s="327">
        <v>532355</v>
      </c>
      <c r="HW37" s="327">
        <v>313408</v>
      </c>
      <c r="HX37" s="331">
        <v>5093630</v>
      </c>
      <c r="HY37" s="330">
        <v>5516250</v>
      </c>
      <c r="HZ37" s="335">
        <v>0</v>
      </c>
      <c r="IA37" s="336">
        <v>0</v>
      </c>
      <c r="IB37" s="337">
        <v>0</v>
      </c>
      <c r="IC37" s="338">
        <v>0</v>
      </c>
      <c r="ID37" s="336">
        <v>4723993</v>
      </c>
      <c r="IE37" s="339">
        <v>3484090</v>
      </c>
      <c r="IF37" s="337">
        <v>5559075</v>
      </c>
      <c r="IG37" s="336">
        <v>4933348</v>
      </c>
      <c r="IH37" s="337">
        <v>2545146</v>
      </c>
      <c r="II37" s="340">
        <v>21245652</v>
      </c>
      <c r="IJ37" s="341">
        <v>21245652</v>
      </c>
      <c r="IK37" s="342">
        <v>0</v>
      </c>
      <c r="IL37" s="343">
        <v>0</v>
      </c>
      <c r="IM37" s="344">
        <v>0</v>
      </c>
      <c r="IN37" s="404">
        <v>0</v>
      </c>
      <c r="IO37" s="345">
        <v>57051</v>
      </c>
      <c r="IP37" s="345">
        <v>268886</v>
      </c>
      <c r="IQ37" s="345">
        <v>191457</v>
      </c>
      <c r="IR37" s="345">
        <v>0</v>
      </c>
      <c r="IS37" s="345">
        <v>0</v>
      </c>
      <c r="IT37" s="346">
        <v>517394</v>
      </c>
      <c r="IU37" s="347">
        <v>517394</v>
      </c>
      <c r="IV37" s="348">
        <v>0</v>
      </c>
      <c r="IW37" s="345">
        <v>0</v>
      </c>
      <c r="IX37" s="349">
        <v>0</v>
      </c>
      <c r="IY37" s="413">
        <v>0</v>
      </c>
      <c r="IZ37" s="345">
        <v>0</v>
      </c>
      <c r="JA37" s="345">
        <v>0</v>
      </c>
      <c r="JB37" s="345">
        <v>0</v>
      </c>
      <c r="JC37" s="345">
        <v>0</v>
      </c>
      <c r="JD37" s="345">
        <v>0</v>
      </c>
      <c r="JE37" s="349">
        <v>0</v>
      </c>
      <c r="JF37" s="350">
        <v>0</v>
      </c>
      <c r="JG37" s="348">
        <v>0</v>
      </c>
      <c r="JH37" s="345">
        <v>0</v>
      </c>
      <c r="JI37" s="346">
        <v>0</v>
      </c>
      <c r="JJ37" s="351">
        <v>0</v>
      </c>
      <c r="JK37" s="345">
        <v>2337383</v>
      </c>
      <c r="JL37" s="345">
        <v>2026291</v>
      </c>
      <c r="JM37" s="345">
        <v>302880</v>
      </c>
      <c r="JN37" s="345">
        <v>360288</v>
      </c>
      <c r="JO37" s="345">
        <v>151465</v>
      </c>
      <c r="JP37" s="349">
        <v>5178307</v>
      </c>
      <c r="JQ37" s="347">
        <v>5178307</v>
      </c>
      <c r="JR37" s="348">
        <v>0</v>
      </c>
      <c r="JS37" s="345">
        <v>0</v>
      </c>
      <c r="JT37" s="346">
        <v>0</v>
      </c>
      <c r="JU37" s="351">
        <v>0</v>
      </c>
      <c r="JV37" s="345">
        <v>500255</v>
      </c>
      <c r="JW37" s="345">
        <v>100249</v>
      </c>
      <c r="JX37" s="345">
        <v>42264</v>
      </c>
      <c r="JY37" s="345">
        <v>0</v>
      </c>
      <c r="JZ37" s="345">
        <v>178448</v>
      </c>
      <c r="KA37" s="349">
        <v>821216</v>
      </c>
      <c r="KB37" s="347">
        <v>821216</v>
      </c>
      <c r="KC37" s="352">
        <v>0</v>
      </c>
      <c r="KD37" s="353">
        <v>0</v>
      </c>
      <c r="KE37" s="349">
        <v>0</v>
      </c>
      <c r="KF37" s="351">
        <v>0</v>
      </c>
      <c r="KG37" s="345">
        <v>1128555</v>
      </c>
      <c r="KH37" s="345">
        <v>296874</v>
      </c>
      <c r="KI37" s="345">
        <v>669317</v>
      </c>
      <c r="KJ37" s="345">
        <v>570456</v>
      </c>
      <c r="KK37" s="345">
        <v>0</v>
      </c>
      <c r="KL37" s="349">
        <v>2665202</v>
      </c>
      <c r="KM37" s="354">
        <v>2665202</v>
      </c>
      <c r="KN37" s="342">
        <v>0</v>
      </c>
      <c r="KO37" s="343">
        <v>0</v>
      </c>
      <c r="KP37" s="344">
        <v>0</v>
      </c>
      <c r="KQ37" s="413">
        <v>0</v>
      </c>
      <c r="KR37" s="345">
        <v>513531</v>
      </c>
      <c r="KS37" s="345">
        <v>791790</v>
      </c>
      <c r="KT37" s="345">
        <v>1571658</v>
      </c>
      <c r="KU37" s="345">
        <v>1957227</v>
      </c>
      <c r="KV37" s="345">
        <v>1118637</v>
      </c>
      <c r="KW37" s="349">
        <v>5952843</v>
      </c>
      <c r="KX37" s="347">
        <v>5952843</v>
      </c>
      <c r="KY37" s="348">
        <v>0</v>
      </c>
      <c r="KZ37" s="345">
        <v>0</v>
      </c>
      <c r="LA37" s="349">
        <v>0</v>
      </c>
      <c r="LB37" s="413">
        <v>0</v>
      </c>
      <c r="LC37" s="345">
        <v>0</v>
      </c>
      <c r="LD37" s="345">
        <v>0</v>
      </c>
      <c r="LE37" s="345">
        <v>0</v>
      </c>
      <c r="LF37" s="345">
        <v>0</v>
      </c>
      <c r="LG37" s="345">
        <v>0</v>
      </c>
      <c r="LH37" s="349">
        <v>0</v>
      </c>
      <c r="LI37" s="350">
        <v>0</v>
      </c>
      <c r="LJ37" s="348">
        <v>0</v>
      </c>
      <c r="LK37" s="345">
        <v>0</v>
      </c>
      <c r="LL37" s="349">
        <v>0</v>
      </c>
      <c r="LM37" s="413">
        <v>0</v>
      </c>
      <c r="LN37" s="345">
        <v>187218</v>
      </c>
      <c r="LO37" s="345">
        <v>0</v>
      </c>
      <c r="LP37" s="345">
        <v>2781499</v>
      </c>
      <c r="LQ37" s="345">
        <v>2045377</v>
      </c>
      <c r="LR37" s="345">
        <v>1096596</v>
      </c>
      <c r="LS37" s="349">
        <v>6110690</v>
      </c>
      <c r="LT37" s="347">
        <v>6110690</v>
      </c>
      <c r="LU37" s="348">
        <v>0</v>
      </c>
      <c r="LV37" s="345">
        <v>0</v>
      </c>
      <c r="LW37" s="349">
        <v>0</v>
      </c>
      <c r="LX37" s="413">
        <v>0</v>
      </c>
      <c r="LY37" s="345">
        <v>0</v>
      </c>
      <c r="LZ37" s="345">
        <v>0</v>
      </c>
      <c r="MA37" s="345">
        <v>0</v>
      </c>
      <c r="MB37" s="345">
        <v>0</v>
      </c>
      <c r="MC37" s="345">
        <v>0</v>
      </c>
      <c r="MD37" s="349">
        <v>0</v>
      </c>
      <c r="ME37" s="350">
        <v>0</v>
      </c>
      <c r="MF37" s="348">
        <v>0</v>
      </c>
      <c r="MG37" s="345">
        <v>0</v>
      </c>
      <c r="MH37" s="349">
        <v>0</v>
      </c>
      <c r="MI37" s="413">
        <v>0</v>
      </c>
      <c r="MJ37" s="345">
        <v>1572605</v>
      </c>
      <c r="MK37" s="345">
        <v>1948440</v>
      </c>
      <c r="ML37" s="345">
        <v>7015081</v>
      </c>
      <c r="MM37" s="345">
        <v>11312259</v>
      </c>
      <c r="MN37" s="345">
        <v>8267401</v>
      </c>
      <c r="MO37" s="349">
        <v>30115786</v>
      </c>
      <c r="MP37" s="354">
        <v>30115786</v>
      </c>
      <c r="MQ37" s="348">
        <v>0</v>
      </c>
      <c r="MR37" s="345">
        <v>0</v>
      </c>
      <c r="MS37" s="349">
        <v>0</v>
      </c>
      <c r="MT37" s="413">
        <v>0</v>
      </c>
      <c r="MU37" s="345">
        <v>234902</v>
      </c>
      <c r="MV37" s="345">
        <v>0</v>
      </c>
      <c r="MW37" s="345">
        <v>2977328</v>
      </c>
      <c r="MX37" s="345">
        <v>6804226</v>
      </c>
      <c r="MY37" s="345">
        <v>5846815</v>
      </c>
      <c r="MZ37" s="349">
        <v>15863271</v>
      </c>
      <c r="NA37" s="354">
        <v>15863271</v>
      </c>
      <c r="NB37" s="348">
        <v>0</v>
      </c>
      <c r="NC37" s="345">
        <v>0</v>
      </c>
      <c r="ND37" s="349">
        <v>0</v>
      </c>
      <c r="NE37" s="413">
        <v>0</v>
      </c>
      <c r="NF37" s="345">
        <v>1074141</v>
      </c>
      <c r="NG37" s="345">
        <v>1646627</v>
      </c>
      <c r="NH37" s="345">
        <v>3380600</v>
      </c>
      <c r="NI37" s="345">
        <v>4508033</v>
      </c>
      <c r="NJ37" s="345">
        <v>2009749</v>
      </c>
      <c r="NK37" s="349">
        <v>12619150</v>
      </c>
      <c r="NL37" s="347">
        <v>12619150</v>
      </c>
      <c r="NM37" s="348">
        <v>0</v>
      </c>
      <c r="NN37" s="345">
        <v>0</v>
      </c>
      <c r="NO37" s="349">
        <v>0</v>
      </c>
      <c r="NP37" s="413">
        <v>0</v>
      </c>
      <c r="NQ37" s="345">
        <v>0</v>
      </c>
      <c r="NR37" s="345">
        <v>0</v>
      </c>
      <c r="NS37" s="345">
        <v>0</v>
      </c>
      <c r="NT37" s="345">
        <v>0</v>
      </c>
      <c r="NU37" s="345">
        <v>0</v>
      </c>
      <c r="NV37" s="349">
        <v>0</v>
      </c>
      <c r="NW37" s="350">
        <v>0</v>
      </c>
      <c r="NX37" s="348">
        <v>0</v>
      </c>
      <c r="NY37" s="345">
        <v>0</v>
      </c>
      <c r="NZ37" s="349">
        <v>0</v>
      </c>
      <c r="OA37" s="413">
        <v>0</v>
      </c>
      <c r="OB37" s="345">
        <v>263562</v>
      </c>
      <c r="OC37" s="345">
        <v>301813</v>
      </c>
      <c r="OD37" s="345">
        <v>657153</v>
      </c>
      <c r="OE37" s="345">
        <v>0</v>
      </c>
      <c r="OF37" s="345">
        <v>410837</v>
      </c>
      <c r="OG37" s="349">
        <v>1633365</v>
      </c>
      <c r="OH37" s="350">
        <v>1633365</v>
      </c>
      <c r="OI37" s="348">
        <v>724451</v>
      </c>
      <c r="OJ37" s="345">
        <v>1847606</v>
      </c>
      <c r="OK37" s="346">
        <v>2572057</v>
      </c>
      <c r="OL37" s="351">
        <v>0</v>
      </c>
      <c r="OM37" s="345">
        <v>16371519</v>
      </c>
      <c r="ON37" s="345">
        <v>17055199</v>
      </c>
      <c r="OO37" s="345">
        <v>20507234</v>
      </c>
      <c r="OP37" s="345">
        <v>25330383</v>
      </c>
      <c r="OQ37" s="345">
        <v>17283906</v>
      </c>
      <c r="OR37" s="349">
        <v>96548241</v>
      </c>
      <c r="OS37" s="354">
        <v>99120298</v>
      </c>
    </row>
    <row r="38" spans="2:409" s="70" customFormat="1" ht="21" customHeight="1" x14ac:dyDescent="0.2">
      <c r="B38" s="410" t="s">
        <v>33</v>
      </c>
      <c r="C38" s="326">
        <v>984390</v>
      </c>
      <c r="D38" s="327">
        <v>2020620</v>
      </c>
      <c r="E38" s="328">
        <v>3005010</v>
      </c>
      <c r="F38" s="329">
        <v>0</v>
      </c>
      <c r="G38" s="327">
        <v>9976686</v>
      </c>
      <c r="H38" s="327">
        <v>8759469</v>
      </c>
      <c r="I38" s="327">
        <v>8533277</v>
      </c>
      <c r="J38" s="327">
        <v>4372324</v>
      </c>
      <c r="K38" s="327">
        <v>4555440</v>
      </c>
      <c r="L38" s="367">
        <v>36197196</v>
      </c>
      <c r="M38" s="330">
        <v>39202206</v>
      </c>
      <c r="N38" s="326">
        <v>402265</v>
      </c>
      <c r="O38" s="327">
        <v>761031</v>
      </c>
      <c r="P38" s="328">
        <v>1163296</v>
      </c>
      <c r="Q38" s="326">
        <v>0</v>
      </c>
      <c r="R38" s="327">
        <v>3528555</v>
      </c>
      <c r="S38" s="327">
        <v>2370400</v>
      </c>
      <c r="T38" s="327">
        <v>2414488</v>
      </c>
      <c r="U38" s="327">
        <v>1086508</v>
      </c>
      <c r="V38" s="327">
        <v>1821370</v>
      </c>
      <c r="W38" s="328">
        <v>11221321</v>
      </c>
      <c r="X38" s="330">
        <v>12384617</v>
      </c>
      <c r="Y38" s="326">
        <v>0</v>
      </c>
      <c r="Z38" s="327">
        <v>0</v>
      </c>
      <c r="AA38" s="328">
        <v>0</v>
      </c>
      <c r="AB38" s="326">
        <v>0</v>
      </c>
      <c r="AC38" s="327">
        <v>589494</v>
      </c>
      <c r="AD38" s="327">
        <v>693429</v>
      </c>
      <c r="AE38" s="327">
        <v>1178218</v>
      </c>
      <c r="AF38" s="327">
        <v>426394</v>
      </c>
      <c r="AG38" s="327">
        <v>1235269</v>
      </c>
      <c r="AH38" s="328">
        <v>4122804</v>
      </c>
      <c r="AI38" s="330">
        <v>4122804</v>
      </c>
      <c r="AJ38" s="326">
        <v>0</v>
      </c>
      <c r="AK38" s="327">
        <v>0</v>
      </c>
      <c r="AL38" s="328">
        <v>0</v>
      </c>
      <c r="AM38" s="326">
        <v>0</v>
      </c>
      <c r="AN38" s="327">
        <v>115668</v>
      </c>
      <c r="AO38" s="327">
        <v>25704</v>
      </c>
      <c r="AP38" s="327">
        <v>51408</v>
      </c>
      <c r="AQ38" s="327">
        <v>127549</v>
      </c>
      <c r="AR38" s="327">
        <v>230980</v>
      </c>
      <c r="AS38" s="328">
        <v>551309</v>
      </c>
      <c r="AT38" s="330">
        <v>551309</v>
      </c>
      <c r="AU38" s="326">
        <v>0</v>
      </c>
      <c r="AV38" s="327">
        <v>109156</v>
      </c>
      <c r="AW38" s="328">
        <v>109156</v>
      </c>
      <c r="AX38" s="326">
        <v>0</v>
      </c>
      <c r="AY38" s="327">
        <v>575984</v>
      </c>
      <c r="AZ38" s="327">
        <v>386714</v>
      </c>
      <c r="BA38" s="327">
        <v>162657</v>
      </c>
      <c r="BB38" s="327">
        <v>153898</v>
      </c>
      <c r="BC38" s="327">
        <v>42994</v>
      </c>
      <c r="BD38" s="328">
        <v>1322247</v>
      </c>
      <c r="BE38" s="330">
        <v>1431403</v>
      </c>
      <c r="BF38" s="326">
        <v>287128</v>
      </c>
      <c r="BG38" s="327">
        <v>570639</v>
      </c>
      <c r="BH38" s="331">
        <v>857767</v>
      </c>
      <c r="BI38" s="332">
        <v>0</v>
      </c>
      <c r="BJ38" s="327">
        <v>1750241</v>
      </c>
      <c r="BK38" s="327">
        <v>719793</v>
      </c>
      <c r="BL38" s="327">
        <v>532514</v>
      </c>
      <c r="BM38" s="327">
        <v>197541</v>
      </c>
      <c r="BN38" s="327">
        <v>133586</v>
      </c>
      <c r="BO38" s="328">
        <v>3333675</v>
      </c>
      <c r="BP38" s="330">
        <v>4191442</v>
      </c>
      <c r="BQ38" s="326">
        <v>115137</v>
      </c>
      <c r="BR38" s="327">
        <v>81236</v>
      </c>
      <c r="BS38" s="328">
        <v>196373</v>
      </c>
      <c r="BT38" s="326">
        <v>0</v>
      </c>
      <c r="BU38" s="327">
        <v>497168</v>
      </c>
      <c r="BV38" s="327">
        <v>544760</v>
      </c>
      <c r="BW38" s="327">
        <v>489691</v>
      </c>
      <c r="BX38" s="327">
        <v>181126</v>
      </c>
      <c r="BY38" s="327">
        <v>178541</v>
      </c>
      <c r="BZ38" s="328">
        <v>1891286</v>
      </c>
      <c r="CA38" s="330">
        <v>2087659</v>
      </c>
      <c r="CB38" s="326">
        <v>166953</v>
      </c>
      <c r="CC38" s="327">
        <v>480138</v>
      </c>
      <c r="CD38" s="328">
        <v>647091</v>
      </c>
      <c r="CE38" s="326">
        <v>0</v>
      </c>
      <c r="CF38" s="327">
        <v>2013627</v>
      </c>
      <c r="CG38" s="327">
        <v>1400371</v>
      </c>
      <c r="CH38" s="327">
        <v>841027</v>
      </c>
      <c r="CI38" s="327">
        <v>476180</v>
      </c>
      <c r="CJ38" s="327">
        <v>256166</v>
      </c>
      <c r="CK38" s="328">
        <v>4987371</v>
      </c>
      <c r="CL38" s="330">
        <v>5634462</v>
      </c>
      <c r="CM38" s="326">
        <v>0</v>
      </c>
      <c r="CN38" s="327">
        <v>0</v>
      </c>
      <c r="CO38" s="328">
        <v>0</v>
      </c>
      <c r="CP38" s="332">
        <v>0</v>
      </c>
      <c r="CQ38" s="327">
        <v>532964</v>
      </c>
      <c r="CR38" s="327">
        <v>528738</v>
      </c>
      <c r="CS38" s="327">
        <v>357626</v>
      </c>
      <c r="CT38" s="327">
        <v>456697</v>
      </c>
      <c r="CU38" s="327">
        <v>164655</v>
      </c>
      <c r="CV38" s="328">
        <v>2040680</v>
      </c>
      <c r="CW38" s="330">
        <v>2040680</v>
      </c>
      <c r="CX38" s="326">
        <v>166953</v>
      </c>
      <c r="CY38" s="327">
        <v>480138</v>
      </c>
      <c r="CZ38" s="328">
        <v>647091</v>
      </c>
      <c r="DA38" s="326">
        <v>0</v>
      </c>
      <c r="DB38" s="327">
        <v>1480663</v>
      </c>
      <c r="DC38" s="327">
        <v>871633</v>
      </c>
      <c r="DD38" s="327">
        <v>483401</v>
      </c>
      <c r="DE38" s="327">
        <v>19483</v>
      </c>
      <c r="DF38" s="327">
        <v>91511</v>
      </c>
      <c r="DG38" s="328">
        <v>2946691</v>
      </c>
      <c r="DH38" s="330">
        <v>3593782</v>
      </c>
      <c r="DI38" s="326">
        <v>0</v>
      </c>
      <c r="DJ38" s="327">
        <v>0</v>
      </c>
      <c r="DK38" s="331">
        <v>0</v>
      </c>
      <c r="DL38" s="332">
        <v>0</v>
      </c>
      <c r="DM38" s="327">
        <v>210584</v>
      </c>
      <c r="DN38" s="327">
        <v>310350</v>
      </c>
      <c r="DO38" s="327">
        <v>495201</v>
      </c>
      <c r="DP38" s="327">
        <v>388771</v>
      </c>
      <c r="DQ38" s="327">
        <v>240680</v>
      </c>
      <c r="DR38" s="328">
        <v>1645586</v>
      </c>
      <c r="DS38" s="330">
        <v>1645586</v>
      </c>
      <c r="DT38" s="326">
        <v>0</v>
      </c>
      <c r="DU38" s="327">
        <v>0</v>
      </c>
      <c r="DV38" s="328">
        <v>0</v>
      </c>
      <c r="DW38" s="326">
        <v>0</v>
      </c>
      <c r="DX38" s="327">
        <v>27457</v>
      </c>
      <c r="DY38" s="327">
        <v>188063</v>
      </c>
      <c r="DZ38" s="327">
        <v>495201</v>
      </c>
      <c r="EA38" s="327">
        <v>257504</v>
      </c>
      <c r="EB38" s="327">
        <v>240680</v>
      </c>
      <c r="EC38" s="328">
        <v>1208905</v>
      </c>
      <c r="ED38" s="330">
        <v>1208905</v>
      </c>
      <c r="EE38" s="326">
        <v>0</v>
      </c>
      <c r="EF38" s="331">
        <v>0</v>
      </c>
      <c r="EG38" s="328">
        <v>0</v>
      </c>
      <c r="EH38" s="326">
        <v>0</v>
      </c>
      <c r="EI38" s="327">
        <v>183127</v>
      </c>
      <c r="EJ38" s="327">
        <v>122287</v>
      </c>
      <c r="EK38" s="327">
        <v>0</v>
      </c>
      <c r="EL38" s="327">
        <v>131267</v>
      </c>
      <c r="EM38" s="327">
        <v>0</v>
      </c>
      <c r="EN38" s="331">
        <v>436681</v>
      </c>
      <c r="EO38" s="330">
        <v>436681</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164805</v>
      </c>
      <c r="FM38" s="327">
        <v>184151</v>
      </c>
      <c r="FN38" s="328">
        <v>348956</v>
      </c>
      <c r="FO38" s="326">
        <v>0</v>
      </c>
      <c r="FP38" s="327">
        <v>549792</v>
      </c>
      <c r="FQ38" s="327">
        <v>591103</v>
      </c>
      <c r="FR38" s="327">
        <v>348239</v>
      </c>
      <c r="FS38" s="327">
        <v>292017</v>
      </c>
      <c r="FT38" s="327">
        <v>377789</v>
      </c>
      <c r="FU38" s="328">
        <v>2158940</v>
      </c>
      <c r="FV38" s="330">
        <v>2507896</v>
      </c>
      <c r="FW38" s="333">
        <v>77685</v>
      </c>
      <c r="FX38" s="327">
        <v>164351</v>
      </c>
      <c r="FY38" s="331">
        <v>242036</v>
      </c>
      <c r="FZ38" s="332">
        <v>0</v>
      </c>
      <c r="GA38" s="327">
        <v>549792</v>
      </c>
      <c r="GB38" s="327">
        <v>579817</v>
      </c>
      <c r="GC38" s="327">
        <v>312500</v>
      </c>
      <c r="GD38" s="327">
        <v>292017</v>
      </c>
      <c r="GE38" s="327">
        <v>377789</v>
      </c>
      <c r="GF38" s="328">
        <v>2111915</v>
      </c>
      <c r="GG38" s="334">
        <v>2353951</v>
      </c>
      <c r="GH38" s="333">
        <v>0</v>
      </c>
      <c r="GI38" s="327">
        <v>0</v>
      </c>
      <c r="GJ38" s="331">
        <v>0</v>
      </c>
      <c r="GK38" s="332">
        <v>0</v>
      </c>
      <c r="GL38" s="327">
        <v>0</v>
      </c>
      <c r="GM38" s="327">
        <v>0</v>
      </c>
      <c r="GN38" s="327">
        <v>35739</v>
      </c>
      <c r="GO38" s="327">
        <v>0</v>
      </c>
      <c r="GP38" s="327">
        <v>0</v>
      </c>
      <c r="GQ38" s="328">
        <v>35739</v>
      </c>
      <c r="GR38" s="330">
        <v>35739</v>
      </c>
      <c r="GS38" s="326">
        <v>87120</v>
      </c>
      <c r="GT38" s="327">
        <v>19800</v>
      </c>
      <c r="GU38" s="328">
        <v>106920</v>
      </c>
      <c r="GV38" s="326">
        <v>0</v>
      </c>
      <c r="GW38" s="327">
        <v>0</v>
      </c>
      <c r="GX38" s="327">
        <v>11286</v>
      </c>
      <c r="GY38" s="327">
        <v>0</v>
      </c>
      <c r="GZ38" s="327">
        <v>0</v>
      </c>
      <c r="HA38" s="327">
        <v>0</v>
      </c>
      <c r="HB38" s="331">
        <v>11286</v>
      </c>
      <c r="HC38" s="330">
        <v>118206</v>
      </c>
      <c r="HD38" s="326">
        <v>125480</v>
      </c>
      <c r="HE38" s="327">
        <v>359062</v>
      </c>
      <c r="HF38" s="331">
        <v>484542</v>
      </c>
      <c r="HG38" s="332">
        <v>0</v>
      </c>
      <c r="HH38" s="327">
        <v>2320697</v>
      </c>
      <c r="HI38" s="327">
        <v>3401095</v>
      </c>
      <c r="HJ38" s="327">
        <v>3950242</v>
      </c>
      <c r="HK38" s="327">
        <v>1862115</v>
      </c>
      <c r="HL38" s="327">
        <v>1628838</v>
      </c>
      <c r="HM38" s="328">
        <v>13162987</v>
      </c>
      <c r="HN38" s="329">
        <v>13647529</v>
      </c>
      <c r="HO38" s="333">
        <v>124887</v>
      </c>
      <c r="HP38" s="327">
        <v>236238</v>
      </c>
      <c r="HQ38" s="328">
        <v>361125</v>
      </c>
      <c r="HR38" s="326">
        <v>0</v>
      </c>
      <c r="HS38" s="327">
        <v>1353431</v>
      </c>
      <c r="HT38" s="327">
        <v>686150</v>
      </c>
      <c r="HU38" s="327">
        <v>484080</v>
      </c>
      <c r="HV38" s="327">
        <v>266733</v>
      </c>
      <c r="HW38" s="327">
        <v>230597</v>
      </c>
      <c r="HX38" s="331">
        <v>3020991</v>
      </c>
      <c r="HY38" s="330">
        <v>3382116</v>
      </c>
      <c r="HZ38" s="358">
        <v>0</v>
      </c>
      <c r="IA38" s="356">
        <v>238407</v>
      </c>
      <c r="IB38" s="358">
        <v>238407</v>
      </c>
      <c r="IC38" s="338">
        <v>0</v>
      </c>
      <c r="ID38" s="336">
        <v>2243206</v>
      </c>
      <c r="IE38" s="339">
        <v>2149428</v>
      </c>
      <c r="IF38" s="337">
        <v>3106662</v>
      </c>
      <c r="IG38" s="336">
        <v>1882616</v>
      </c>
      <c r="IH38" s="337">
        <v>1396290</v>
      </c>
      <c r="II38" s="340">
        <v>10778202</v>
      </c>
      <c r="IJ38" s="358">
        <v>11016609</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13">
        <v>0</v>
      </c>
      <c r="IZ38" s="345">
        <v>0</v>
      </c>
      <c r="JA38" s="345">
        <v>0</v>
      </c>
      <c r="JB38" s="345">
        <v>0</v>
      </c>
      <c r="JC38" s="345">
        <v>0</v>
      </c>
      <c r="JD38" s="345">
        <v>0</v>
      </c>
      <c r="JE38" s="349">
        <v>0</v>
      </c>
      <c r="JF38" s="350">
        <v>0</v>
      </c>
      <c r="JG38" s="348">
        <v>0</v>
      </c>
      <c r="JH38" s="345">
        <v>0</v>
      </c>
      <c r="JI38" s="346">
        <v>0</v>
      </c>
      <c r="JJ38" s="351">
        <v>0</v>
      </c>
      <c r="JK38" s="345">
        <v>1136734</v>
      </c>
      <c r="JL38" s="345">
        <v>972229</v>
      </c>
      <c r="JM38" s="345">
        <v>455057</v>
      </c>
      <c r="JN38" s="345">
        <v>495586</v>
      </c>
      <c r="JO38" s="345">
        <v>101088</v>
      </c>
      <c r="JP38" s="349">
        <v>3160694</v>
      </c>
      <c r="JQ38" s="347">
        <v>3160694</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238407</v>
      </c>
      <c r="KP38" s="344">
        <v>238407</v>
      </c>
      <c r="KQ38" s="413">
        <v>0</v>
      </c>
      <c r="KR38" s="345">
        <v>503662</v>
      </c>
      <c r="KS38" s="345">
        <v>788757</v>
      </c>
      <c r="KT38" s="345">
        <v>2103982</v>
      </c>
      <c r="KU38" s="345">
        <v>551154</v>
      </c>
      <c r="KV38" s="345">
        <v>280971</v>
      </c>
      <c r="KW38" s="349">
        <v>4228526</v>
      </c>
      <c r="KX38" s="347">
        <v>4466933</v>
      </c>
      <c r="KY38" s="348">
        <v>0</v>
      </c>
      <c r="KZ38" s="345">
        <v>0</v>
      </c>
      <c r="LA38" s="349">
        <v>0</v>
      </c>
      <c r="LB38" s="413">
        <v>0</v>
      </c>
      <c r="LC38" s="345">
        <v>0</v>
      </c>
      <c r="LD38" s="345">
        <v>0</v>
      </c>
      <c r="LE38" s="345">
        <v>0</v>
      </c>
      <c r="LF38" s="345">
        <v>0</v>
      </c>
      <c r="LG38" s="345">
        <v>0</v>
      </c>
      <c r="LH38" s="349">
        <v>0</v>
      </c>
      <c r="LI38" s="350">
        <v>0</v>
      </c>
      <c r="LJ38" s="348">
        <v>0</v>
      </c>
      <c r="LK38" s="345">
        <v>0</v>
      </c>
      <c r="LL38" s="349">
        <v>0</v>
      </c>
      <c r="LM38" s="413">
        <v>0</v>
      </c>
      <c r="LN38" s="345">
        <v>0</v>
      </c>
      <c r="LO38" s="345">
        <v>0</v>
      </c>
      <c r="LP38" s="345">
        <v>0</v>
      </c>
      <c r="LQ38" s="345">
        <v>0</v>
      </c>
      <c r="LR38" s="345">
        <v>0</v>
      </c>
      <c r="LS38" s="349">
        <v>0</v>
      </c>
      <c r="LT38" s="347">
        <v>0</v>
      </c>
      <c r="LU38" s="348">
        <v>0</v>
      </c>
      <c r="LV38" s="345">
        <v>0</v>
      </c>
      <c r="LW38" s="349">
        <v>0</v>
      </c>
      <c r="LX38" s="413">
        <v>0</v>
      </c>
      <c r="LY38" s="345">
        <v>602810</v>
      </c>
      <c r="LZ38" s="345">
        <v>388442</v>
      </c>
      <c r="MA38" s="345">
        <v>547623</v>
      </c>
      <c r="MB38" s="345">
        <v>835876</v>
      </c>
      <c r="MC38" s="345">
        <v>1014231</v>
      </c>
      <c r="MD38" s="349">
        <v>3388982</v>
      </c>
      <c r="ME38" s="350">
        <v>3388982</v>
      </c>
      <c r="MF38" s="348">
        <v>0</v>
      </c>
      <c r="MG38" s="345">
        <v>0</v>
      </c>
      <c r="MH38" s="349">
        <v>0</v>
      </c>
      <c r="MI38" s="413">
        <v>0</v>
      </c>
      <c r="MJ38" s="345">
        <v>2586303</v>
      </c>
      <c r="MK38" s="345">
        <v>6556457</v>
      </c>
      <c r="ML38" s="345">
        <v>12273023</v>
      </c>
      <c r="MM38" s="345">
        <v>17021997</v>
      </c>
      <c r="MN38" s="345">
        <v>11668327</v>
      </c>
      <c r="MO38" s="349">
        <v>50106107</v>
      </c>
      <c r="MP38" s="354">
        <v>50106107</v>
      </c>
      <c r="MQ38" s="348">
        <v>0</v>
      </c>
      <c r="MR38" s="345">
        <v>0</v>
      </c>
      <c r="MS38" s="349">
        <v>0</v>
      </c>
      <c r="MT38" s="413">
        <v>0</v>
      </c>
      <c r="MU38" s="345">
        <v>0</v>
      </c>
      <c r="MV38" s="345">
        <v>1507217</v>
      </c>
      <c r="MW38" s="345">
        <v>5574227</v>
      </c>
      <c r="MX38" s="345">
        <v>7208623</v>
      </c>
      <c r="MY38" s="345">
        <v>5198987</v>
      </c>
      <c r="MZ38" s="349">
        <v>19489054</v>
      </c>
      <c r="NA38" s="354">
        <v>19489054</v>
      </c>
      <c r="NB38" s="348">
        <v>0</v>
      </c>
      <c r="NC38" s="345">
        <v>0</v>
      </c>
      <c r="ND38" s="349">
        <v>0</v>
      </c>
      <c r="NE38" s="413">
        <v>0</v>
      </c>
      <c r="NF38" s="345">
        <v>1588612</v>
      </c>
      <c r="NG38" s="345">
        <v>2607555</v>
      </c>
      <c r="NH38" s="345">
        <v>3571168</v>
      </c>
      <c r="NI38" s="345">
        <v>5572306</v>
      </c>
      <c r="NJ38" s="345">
        <v>2756484</v>
      </c>
      <c r="NK38" s="349">
        <v>16096125</v>
      </c>
      <c r="NL38" s="347">
        <v>16096125</v>
      </c>
      <c r="NM38" s="348">
        <v>0</v>
      </c>
      <c r="NN38" s="345">
        <v>0</v>
      </c>
      <c r="NO38" s="349">
        <v>0</v>
      </c>
      <c r="NP38" s="413">
        <v>0</v>
      </c>
      <c r="NQ38" s="345">
        <v>0</v>
      </c>
      <c r="NR38" s="345">
        <v>0</v>
      </c>
      <c r="NS38" s="345">
        <v>0</v>
      </c>
      <c r="NT38" s="345">
        <v>0</v>
      </c>
      <c r="NU38" s="345">
        <v>0</v>
      </c>
      <c r="NV38" s="349">
        <v>0</v>
      </c>
      <c r="NW38" s="350">
        <v>0</v>
      </c>
      <c r="NX38" s="348">
        <v>0</v>
      </c>
      <c r="NY38" s="345">
        <v>0</v>
      </c>
      <c r="NZ38" s="349">
        <v>0</v>
      </c>
      <c r="OA38" s="413">
        <v>0</v>
      </c>
      <c r="OB38" s="345">
        <v>997691</v>
      </c>
      <c r="OC38" s="345">
        <v>2441685</v>
      </c>
      <c r="OD38" s="345">
        <v>3127628</v>
      </c>
      <c r="OE38" s="345">
        <v>4241068</v>
      </c>
      <c r="OF38" s="345">
        <v>3712856</v>
      </c>
      <c r="OG38" s="349">
        <v>14520928</v>
      </c>
      <c r="OH38" s="350">
        <v>14520928</v>
      </c>
      <c r="OI38" s="348">
        <v>984390</v>
      </c>
      <c r="OJ38" s="345">
        <v>2259027</v>
      </c>
      <c r="OK38" s="346">
        <v>3243417</v>
      </c>
      <c r="OL38" s="351">
        <v>0</v>
      </c>
      <c r="OM38" s="345">
        <v>14806195</v>
      </c>
      <c r="ON38" s="345">
        <v>17465354</v>
      </c>
      <c r="OO38" s="345">
        <v>23912962</v>
      </c>
      <c r="OP38" s="345">
        <v>23276937</v>
      </c>
      <c r="OQ38" s="345">
        <v>17620057</v>
      </c>
      <c r="OR38" s="349">
        <v>97081505</v>
      </c>
      <c r="OS38" s="354">
        <v>100324922</v>
      </c>
    </row>
    <row r="39" spans="2:409" s="70" customFormat="1" ht="21" customHeight="1" x14ac:dyDescent="0.2">
      <c r="B39" s="410" t="s">
        <v>34</v>
      </c>
      <c r="C39" s="326">
        <v>688617</v>
      </c>
      <c r="D39" s="327">
        <v>983069</v>
      </c>
      <c r="E39" s="368">
        <v>1671686</v>
      </c>
      <c r="F39" s="370">
        <v>0</v>
      </c>
      <c r="G39" s="369">
        <v>7925722</v>
      </c>
      <c r="H39" s="369">
        <v>6361948</v>
      </c>
      <c r="I39" s="369">
        <v>4236418</v>
      </c>
      <c r="J39" s="369">
        <v>4323002</v>
      </c>
      <c r="K39" s="369">
        <v>4108158</v>
      </c>
      <c r="L39" s="370">
        <v>26955248</v>
      </c>
      <c r="M39" s="330">
        <v>28626934</v>
      </c>
      <c r="N39" s="326">
        <v>98244</v>
      </c>
      <c r="O39" s="327">
        <v>300893</v>
      </c>
      <c r="P39" s="328">
        <v>399137</v>
      </c>
      <c r="Q39" s="326">
        <v>0</v>
      </c>
      <c r="R39" s="327">
        <v>1800737</v>
      </c>
      <c r="S39" s="327">
        <v>1566675</v>
      </c>
      <c r="T39" s="327">
        <v>651454</v>
      </c>
      <c r="U39" s="327">
        <v>1327680</v>
      </c>
      <c r="V39" s="327">
        <v>1859572</v>
      </c>
      <c r="W39" s="328">
        <v>7206118</v>
      </c>
      <c r="X39" s="330">
        <v>7605255</v>
      </c>
      <c r="Y39" s="326">
        <v>0</v>
      </c>
      <c r="Z39" s="327">
        <v>0</v>
      </c>
      <c r="AA39" s="328">
        <v>0</v>
      </c>
      <c r="AB39" s="326">
        <v>0</v>
      </c>
      <c r="AC39" s="327">
        <v>428252</v>
      </c>
      <c r="AD39" s="327">
        <v>612984</v>
      </c>
      <c r="AE39" s="327">
        <v>257837</v>
      </c>
      <c r="AF39" s="327">
        <v>656613</v>
      </c>
      <c r="AG39" s="327">
        <v>456655</v>
      </c>
      <c r="AH39" s="328">
        <v>2412341</v>
      </c>
      <c r="AI39" s="330">
        <v>2412341</v>
      </c>
      <c r="AJ39" s="326">
        <v>0</v>
      </c>
      <c r="AK39" s="327">
        <v>0</v>
      </c>
      <c r="AL39" s="328">
        <v>0</v>
      </c>
      <c r="AM39" s="326">
        <v>0</v>
      </c>
      <c r="AN39" s="327">
        <v>0</v>
      </c>
      <c r="AO39" s="327">
        <v>50446</v>
      </c>
      <c r="AP39" s="327">
        <v>0</v>
      </c>
      <c r="AQ39" s="327">
        <v>51408</v>
      </c>
      <c r="AR39" s="327">
        <v>643375</v>
      </c>
      <c r="AS39" s="328">
        <v>745229</v>
      </c>
      <c r="AT39" s="330">
        <v>745229</v>
      </c>
      <c r="AU39" s="326">
        <v>11844</v>
      </c>
      <c r="AV39" s="327">
        <v>212828</v>
      </c>
      <c r="AW39" s="328">
        <v>224672</v>
      </c>
      <c r="AX39" s="326">
        <v>0</v>
      </c>
      <c r="AY39" s="327">
        <v>803781</v>
      </c>
      <c r="AZ39" s="327">
        <v>500625</v>
      </c>
      <c r="BA39" s="327">
        <v>164979</v>
      </c>
      <c r="BB39" s="327">
        <v>460278</v>
      </c>
      <c r="BC39" s="327">
        <v>472780</v>
      </c>
      <c r="BD39" s="328">
        <v>2402443</v>
      </c>
      <c r="BE39" s="330">
        <v>2627115</v>
      </c>
      <c r="BF39" s="326">
        <v>33804</v>
      </c>
      <c r="BG39" s="327">
        <v>0</v>
      </c>
      <c r="BH39" s="331">
        <v>33804</v>
      </c>
      <c r="BI39" s="332">
        <v>0</v>
      </c>
      <c r="BJ39" s="327">
        <v>234594</v>
      </c>
      <c r="BK39" s="327">
        <v>70738</v>
      </c>
      <c r="BL39" s="327">
        <v>139410</v>
      </c>
      <c r="BM39" s="327">
        <v>0</v>
      </c>
      <c r="BN39" s="327">
        <v>83746</v>
      </c>
      <c r="BO39" s="328">
        <v>528488</v>
      </c>
      <c r="BP39" s="330">
        <v>562292</v>
      </c>
      <c r="BQ39" s="326">
        <v>52596</v>
      </c>
      <c r="BR39" s="327">
        <v>88065</v>
      </c>
      <c r="BS39" s="328">
        <v>140661</v>
      </c>
      <c r="BT39" s="326">
        <v>0</v>
      </c>
      <c r="BU39" s="327">
        <v>334110</v>
      </c>
      <c r="BV39" s="327">
        <v>331882</v>
      </c>
      <c r="BW39" s="327">
        <v>89228</v>
      </c>
      <c r="BX39" s="327">
        <v>159381</v>
      </c>
      <c r="BY39" s="327">
        <v>203016</v>
      </c>
      <c r="BZ39" s="328">
        <v>1117617</v>
      </c>
      <c r="CA39" s="330">
        <v>1258278</v>
      </c>
      <c r="CB39" s="326">
        <v>0</v>
      </c>
      <c r="CC39" s="327">
        <v>128340</v>
      </c>
      <c r="CD39" s="328">
        <v>128340</v>
      </c>
      <c r="CE39" s="326">
        <v>0</v>
      </c>
      <c r="CF39" s="327">
        <v>2273013</v>
      </c>
      <c r="CG39" s="327">
        <v>1838111</v>
      </c>
      <c r="CH39" s="327">
        <v>2101778</v>
      </c>
      <c r="CI39" s="327">
        <v>914652</v>
      </c>
      <c r="CJ39" s="327">
        <v>274527</v>
      </c>
      <c r="CK39" s="328">
        <v>7402081</v>
      </c>
      <c r="CL39" s="330">
        <v>7530421</v>
      </c>
      <c r="CM39" s="326">
        <v>0</v>
      </c>
      <c r="CN39" s="327">
        <v>0</v>
      </c>
      <c r="CO39" s="328">
        <v>0</v>
      </c>
      <c r="CP39" s="332">
        <v>0</v>
      </c>
      <c r="CQ39" s="327">
        <v>1914975</v>
      </c>
      <c r="CR39" s="327">
        <v>1670495</v>
      </c>
      <c r="CS39" s="327">
        <v>2055032</v>
      </c>
      <c r="CT39" s="327">
        <v>849330</v>
      </c>
      <c r="CU39" s="327">
        <v>274527</v>
      </c>
      <c r="CV39" s="328">
        <v>6764359</v>
      </c>
      <c r="CW39" s="330">
        <v>6764359</v>
      </c>
      <c r="CX39" s="326">
        <v>0</v>
      </c>
      <c r="CY39" s="327">
        <v>128340</v>
      </c>
      <c r="CZ39" s="328">
        <v>128340</v>
      </c>
      <c r="DA39" s="326">
        <v>0</v>
      </c>
      <c r="DB39" s="327">
        <v>358038</v>
      </c>
      <c r="DC39" s="327">
        <v>167616</v>
      </c>
      <c r="DD39" s="327">
        <v>46746</v>
      </c>
      <c r="DE39" s="327">
        <v>65322</v>
      </c>
      <c r="DF39" s="327">
        <v>0</v>
      </c>
      <c r="DG39" s="328">
        <v>637722</v>
      </c>
      <c r="DH39" s="330">
        <v>766062</v>
      </c>
      <c r="DI39" s="326">
        <v>0</v>
      </c>
      <c r="DJ39" s="327">
        <v>0</v>
      </c>
      <c r="DK39" s="331">
        <v>0</v>
      </c>
      <c r="DL39" s="332">
        <v>0</v>
      </c>
      <c r="DM39" s="327">
        <v>69705</v>
      </c>
      <c r="DN39" s="327">
        <v>207432</v>
      </c>
      <c r="DO39" s="327">
        <v>319563</v>
      </c>
      <c r="DP39" s="327">
        <v>285291</v>
      </c>
      <c r="DQ39" s="327">
        <v>213966</v>
      </c>
      <c r="DR39" s="328">
        <v>1095957</v>
      </c>
      <c r="DS39" s="330">
        <v>1095957</v>
      </c>
      <c r="DT39" s="326">
        <v>0</v>
      </c>
      <c r="DU39" s="327">
        <v>0</v>
      </c>
      <c r="DV39" s="328">
        <v>0</v>
      </c>
      <c r="DW39" s="326">
        <v>0</v>
      </c>
      <c r="DX39" s="327">
        <v>69705</v>
      </c>
      <c r="DY39" s="327">
        <v>121932</v>
      </c>
      <c r="DZ39" s="327">
        <v>319563</v>
      </c>
      <c r="EA39" s="327">
        <v>285291</v>
      </c>
      <c r="EB39" s="327">
        <v>213966</v>
      </c>
      <c r="EC39" s="328">
        <v>1010457</v>
      </c>
      <c r="ED39" s="330">
        <v>1010457</v>
      </c>
      <c r="EE39" s="326">
        <v>0</v>
      </c>
      <c r="EF39" s="331">
        <v>0</v>
      </c>
      <c r="EG39" s="328">
        <v>0</v>
      </c>
      <c r="EH39" s="326">
        <v>0</v>
      </c>
      <c r="EI39" s="327">
        <v>0</v>
      </c>
      <c r="EJ39" s="327">
        <v>85500</v>
      </c>
      <c r="EK39" s="327">
        <v>0</v>
      </c>
      <c r="EL39" s="327">
        <v>0</v>
      </c>
      <c r="EM39" s="327">
        <v>0</v>
      </c>
      <c r="EN39" s="331">
        <v>85500</v>
      </c>
      <c r="EO39" s="330">
        <v>8550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281529</v>
      </c>
      <c r="FM39" s="327">
        <v>132040</v>
      </c>
      <c r="FN39" s="328">
        <v>413569</v>
      </c>
      <c r="FO39" s="326">
        <v>0</v>
      </c>
      <c r="FP39" s="327">
        <v>488872</v>
      </c>
      <c r="FQ39" s="327">
        <v>816919</v>
      </c>
      <c r="FR39" s="327">
        <v>395321</v>
      </c>
      <c r="FS39" s="327">
        <v>386148</v>
      </c>
      <c r="FT39" s="327">
        <v>260744</v>
      </c>
      <c r="FU39" s="328">
        <v>2348004</v>
      </c>
      <c r="FV39" s="330">
        <v>2761573</v>
      </c>
      <c r="FW39" s="333">
        <v>102906</v>
      </c>
      <c r="FX39" s="327">
        <v>132040</v>
      </c>
      <c r="FY39" s="331">
        <v>234946</v>
      </c>
      <c r="FZ39" s="332">
        <v>0</v>
      </c>
      <c r="GA39" s="327">
        <v>439372</v>
      </c>
      <c r="GB39" s="327">
        <v>642069</v>
      </c>
      <c r="GC39" s="327">
        <v>395321</v>
      </c>
      <c r="GD39" s="327">
        <v>344568</v>
      </c>
      <c r="GE39" s="327">
        <v>260744</v>
      </c>
      <c r="GF39" s="328">
        <v>2082074</v>
      </c>
      <c r="GG39" s="334">
        <v>2317020</v>
      </c>
      <c r="GH39" s="333">
        <v>21213</v>
      </c>
      <c r="GI39" s="327">
        <v>0</v>
      </c>
      <c r="GJ39" s="331">
        <v>21213</v>
      </c>
      <c r="GK39" s="332">
        <v>0</v>
      </c>
      <c r="GL39" s="327">
        <v>0</v>
      </c>
      <c r="GM39" s="327">
        <v>0</v>
      </c>
      <c r="GN39" s="327">
        <v>0</v>
      </c>
      <c r="GO39" s="327">
        <v>0</v>
      </c>
      <c r="GP39" s="327">
        <v>0</v>
      </c>
      <c r="GQ39" s="328">
        <v>0</v>
      </c>
      <c r="GR39" s="330">
        <v>21213</v>
      </c>
      <c r="GS39" s="326">
        <v>157410</v>
      </c>
      <c r="GT39" s="327">
        <v>0</v>
      </c>
      <c r="GU39" s="328">
        <v>157410</v>
      </c>
      <c r="GV39" s="326">
        <v>0</v>
      </c>
      <c r="GW39" s="327">
        <v>49500</v>
      </c>
      <c r="GX39" s="327">
        <v>174850</v>
      </c>
      <c r="GY39" s="327">
        <v>0</v>
      </c>
      <c r="GZ39" s="327">
        <v>41580</v>
      </c>
      <c r="HA39" s="327">
        <v>0</v>
      </c>
      <c r="HB39" s="331">
        <v>265930</v>
      </c>
      <c r="HC39" s="330">
        <v>423340</v>
      </c>
      <c r="HD39" s="326">
        <v>236544</v>
      </c>
      <c r="HE39" s="327">
        <v>296496</v>
      </c>
      <c r="HF39" s="331">
        <v>533040</v>
      </c>
      <c r="HG39" s="332">
        <v>0</v>
      </c>
      <c r="HH39" s="327">
        <v>2141406</v>
      </c>
      <c r="HI39" s="327">
        <v>1283042</v>
      </c>
      <c r="HJ39" s="327">
        <v>339610</v>
      </c>
      <c r="HK39" s="327">
        <v>1176234</v>
      </c>
      <c r="HL39" s="327">
        <v>1293036</v>
      </c>
      <c r="HM39" s="328">
        <v>6233328</v>
      </c>
      <c r="HN39" s="329">
        <v>6766368</v>
      </c>
      <c r="HO39" s="333">
        <v>72300</v>
      </c>
      <c r="HP39" s="327">
        <v>125300</v>
      </c>
      <c r="HQ39" s="328">
        <v>197600</v>
      </c>
      <c r="HR39" s="326">
        <v>0</v>
      </c>
      <c r="HS39" s="327">
        <v>1151989</v>
      </c>
      <c r="HT39" s="327">
        <v>649769</v>
      </c>
      <c r="HU39" s="327">
        <v>428692</v>
      </c>
      <c r="HV39" s="327">
        <v>232997</v>
      </c>
      <c r="HW39" s="327">
        <v>206313</v>
      </c>
      <c r="HX39" s="331">
        <v>2669760</v>
      </c>
      <c r="HY39" s="330">
        <v>2867360</v>
      </c>
      <c r="HZ39" s="335">
        <v>47331</v>
      </c>
      <c r="IA39" s="336">
        <v>173268</v>
      </c>
      <c r="IB39" s="337">
        <v>220599</v>
      </c>
      <c r="IC39" s="338">
        <v>0</v>
      </c>
      <c r="ID39" s="336">
        <v>2922057</v>
      </c>
      <c r="IE39" s="339">
        <v>3271274</v>
      </c>
      <c r="IF39" s="337">
        <v>2561423</v>
      </c>
      <c r="IG39" s="336">
        <v>967122</v>
      </c>
      <c r="IH39" s="337">
        <v>814527</v>
      </c>
      <c r="II39" s="340">
        <v>10536403</v>
      </c>
      <c r="IJ39" s="341">
        <v>10757002</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13">
        <v>0</v>
      </c>
      <c r="IZ39" s="345">
        <v>0</v>
      </c>
      <c r="JA39" s="345">
        <v>0</v>
      </c>
      <c r="JB39" s="345">
        <v>0</v>
      </c>
      <c r="JC39" s="345">
        <v>0</v>
      </c>
      <c r="JD39" s="345">
        <v>0</v>
      </c>
      <c r="JE39" s="349">
        <v>0</v>
      </c>
      <c r="JF39" s="350">
        <v>0</v>
      </c>
      <c r="JG39" s="348">
        <v>0</v>
      </c>
      <c r="JH39" s="345">
        <v>0</v>
      </c>
      <c r="JI39" s="346">
        <v>0</v>
      </c>
      <c r="JJ39" s="351">
        <v>0</v>
      </c>
      <c r="JK39" s="345">
        <v>580377</v>
      </c>
      <c r="JL39" s="345">
        <v>354262</v>
      </c>
      <c r="JM39" s="345">
        <v>223785</v>
      </c>
      <c r="JN39" s="345">
        <v>109944</v>
      </c>
      <c r="JO39" s="345">
        <v>0</v>
      </c>
      <c r="JP39" s="349">
        <v>1268368</v>
      </c>
      <c r="JQ39" s="347">
        <v>1268368</v>
      </c>
      <c r="JR39" s="348">
        <v>0</v>
      </c>
      <c r="JS39" s="345">
        <v>0</v>
      </c>
      <c r="JT39" s="346">
        <v>0</v>
      </c>
      <c r="JU39" s="351">
        <v>0</v>
      </c>
      <c r="JV39" s="345">
        <v>0</v>
      </c>
      <c r="JW39" s="345">
        <v>0</v>
      </c>
      <c r="JX39" s="345">
        <v>0</v>
      </c>
      <c r="JY39" s="345">
        <v>0</v>
      </c>
      <c r="JZ39" s="345">
        <v>115173</v>
      </c>
      <c r="KA39" s="349">
        <v>115173</v>
      </c>
      <c r="KB39" s="347">
        <v>115173</v>
      </c>
      <c r="KC39" s="352">
        <v>47331</v>
      </c>
      <c r="KD39" s="353">
        <v>173268</v>
      </c>
      <c r="KE39" s="349">
        <v>220599</v>
      </c>
      <c r="KF39" s="351">
        <v>0</v>
      </c>
      <c r="KG39" s="345">
        <v>1002120</v>
      </c>
      <c r="KH39" s="345">
        <v>1081876</v>
      </c>
      <c r="KI39" s="345">
        <v>987657</v>
      </c>
      <c r="KJ39" s="345">
        <v>547164</v>
      </c>
      <c r="KK39" s="345">
        <v>0</v>
      </c>
      <c r="KL39" s="349">
        <v>3618817</v>
      </c>
      <c r="KM39" s="354">
        <v>3839416</v>
      </c>
      <c r="KN39" s="342">
        <v>0</v>
      </c>
      <c r="KO39" s="343">
        <v>0</v>
      </c>
      <c r="KP39" s="344">
        <v>0</v>
      </c>
      <c r="KQ39" s="413">
        <v>0</v>
      </c>
      <c r="KR39" s="345">
        <v>0</v>
      </c>
      <c r="KS39" s="345">
        <v>0</v>
      </c>
      <c r="KT39" s="345">
        <v>0</v>
      </c>
      <c r="KU39" s="345">
        <v>0</v>
      </c>
      <c r="KV39" s="345">
        <v>0</v>
      </c>
      <c r="KW39" s="349">
        <v>0</v>
      </c>
      <c r="KX39" s="347">
        <v>0</v>
      </c>
      <c r="KY39" s="348">
        <v>0</v>
      </c>
      <c r="KZ39" s="345">
        <v>0</v>
      </c>
      <c r="LA39" s="349">
        <v>0</v>
      </c>
      <c r="LB39" s="413">
        <v>0</v>
      </c>
      <c r="LC39" s="345">
        <v>0</v>
      </c>
      <c r="LD39" s="345">
        <v>0</v>
      </c>
      <c r="LE39" s="345">
        <v>0</v>
      </c>
      <c r="LF39" s="345">
        <v>0</v>
      </c>
      <c r="LG39" s="345">
        <v>0</v>
      </c>
      <c r="LH39" s="349">
        <v>0</v>
      </c>
      <c r="LI39" s="350">
        <v>0</v>
      </c>
      <c r="LJ39" s="348">
        <v>0</v>
      </c>
      <c r="LK39" s="345">
        <v>0</v>
      </c>
      <c r="LL39" s="349">
        <v>0</v>
      </c>
      <c r="LM39" s="413">
        <v>0</v>
      </c>
      <c r="LN39" s="345">
        <v>0</v>
      </c>
      <c r="LO39" s="345">
        <v>0</v>
      </c>
      <c r="LP39" s="345">
        <v>0</v>
      </c>
      <c r="LQ39" s="345">
        <v>0</v>
      </c>
      <c r="LR39" s="345">
        <v>0</v>
      </c>
      <c r="LS39" s="349">
        <v>0</v>
      </c>
      <c r="LT39" s="347">
        <v>0</v>
      </c>
      <c r="LU39" s="348">
        <v>0</v>
      </c>
      <c r="LV39" s="345">
        <v>0</v>
      </c>
      <c r="LW39" s="349">
        <v>0</v>
      </c>
      <c r="LX39" s="413">
        <v>0</v>
      </c>
      <c r="LY39" s="345">
        <v>1339560</v>
      </c>
      <c r="LZ39" s="345">
        <v>1835136</v>
      </c>
      <c r="MA39" s="345">
        <v>1349981</v>
      </c>
      <c r="MB39" s="345">
        <v>310014</v>
      </c>
      <c r="MC39" s="345">
        <v>699354</v>
      </c>
      <c r="MD39" s="349">
        <v>5534045</v>
      </c>
      <c r="ME39" s="350">
        <v>5534045</v>
      </c>
      <c r="MF39" s="348">
        <v>0</v>
      </c>
      <c r="MG39" s="345">
        <v>0</v>
      </c>
      <c r="MH39" s="349">
        <v>0</v>
      </c>
      <c r="MI39" s="413">
        <v>0</v>
      </c>
      <c r="MJ39" s="345">
        <v>732203</v>
      </c>
      <c r="MK39" s="345">
        <v>446217</v>
      </c>
      <c r="ML39" s="345">
        <v>3517550</v>
      </c>
      <c r="MM39" s="345">
        <v>8322734</v>
      </c>
      <c r="MN39" s="345">
        <v>4363055</v>
      </c>
      <c r="MO39" s="349">
        <v>17381759</v>
      </c>
      <c r="MP39" s="354">
        <v>17381759</v>
      </c>
      <c r="MQ39" s="348">
        <v>0</v>
      </c>
      <c r="MR39" s="345">
        <v>0</v>
      </c>
      <c r="MS39" s="349">
        <v>0</v>
      </c>
      <c r="MT39" s="413">
        <v>0</v>
      </c>
      <c r="MU39" s="345">
        <v>0</v>
      </c>
      <c r="MV39" s="345">
        <v>0</v>
      </c>
      <c r="MW39" s="345">
        <v>1799298</v>
      </c>
      <c r="MX39" s="345">
        <v>7433332</v>
      </c>
      <c r="MY39" s="345">
        <v>2230493</v>
      </c>
      <c r="MZ39" s="349">
        <v>11463123</v>
      </c>
      <c r="NA39" s="354">
        <v>11463123</v>
      </c>
      <c r="NB39" s="348">
        <v>0</v>
      </c>
      <c r="NC39" s="345">
        <v>0</v>
      </c>
      <c r="ND39" s="349">
        <v>0</v>
      </c>
      <c r="NE39" s="413">
        <v>0</v>
      </c>
      <c r="NF39" s="345">
        <v>732203</v>
      </c>
      <c r="NG39" s="345">
        <v>446217</v>
      </c>
      <c r="NH39" s="345">
        <v>1718252</v>
      </c>
      <c r="NI39" s="345">
        <v>556060</v>
      </c>
      <c r="NJ39" s="345">
        <v>1033878</v>
      </c>
      <c r="NK39" s="349">
        <v>4486610</v>
      </c>
      <c r="NL39" s="347">
        <v>4486610</v>
      </c>
      <c r="NM39" s="348">
        <v>0</v>
      </c>
      <c r="NN39" s="345">
        <v>0</v>
      </c>
      <c r="NO39" s="349">
        <v>0</v>
      </c>
      <c r="NP39" s="413">
        <v>0</v>
      </c>
      <c r="NQ39" s="345">
        <v>0</v>
      </c>
      <c r="NR39" s="345">
        <v>0</v>
      </c>
      <c r="NS39" s="345">
        <v>0</v>
      </c>
      <c r="NT39" s="345">
        <v>0</v>
      </c>
      <c r="NU39" s="345">
        <v>0</v>
      </c>
      <c r="NV39" s="349">
        <v>0</v>
      </c>
      <c r="NW39" s="350">
        <v>0</v>
      </c>
      <c r="NX39" s="348">
        <v>0</v>
      </c>
      <c r="NY39" s="345">
        <v>0</v>
      </c>
      <c r="NZ39" s="349">
        <v>0</v>
      </c>
      <c r="OA39" s="413">
        <v>0</v>
      </c>
      <c r="OB39" s="345">
        <v>0</v>
      </c>
      <c r="OC39" s="345">
        <v>0</v>
      </c>
      <c r="OD39" s="345">
        <v>0</v>
      </c>
      <c r="OE39" s="345">
        <v>333342</v>
      </c>
      <c r="OF39" s="345">
        <v>1098684</v>
      </c>
      <c r="OG39" s="349">
        <v>1432026</v>
      </c>
      <c r="OH39" s="350">
        <v>1432026</v>
      </c>
      <c r="OI39" s="348">
        <v>735948</v>
      </c>
      <c r="OJ39" s="345">
        <v>1156337</v>
      </c>
      <c r="OK39" s="346">
        <v>1892285</v>
      </c>
      <c r="OL39" s="351">
        <v>0</v>
      </c>
      <c r="OM39" s="345">
        <v>11579982</v>
      </c>
      <c r="ON39" s="345">
        <v>10079439</v>
      </c>
      <c r="OO39" s="345">
        <v>10315391</v>
      </c>
      <c r="OP39" s="345">
        <v>13612858</v>
      </c>
      <c r="OQ39" s="345">
        <v>9285740</v>
      </c>
      <c r="OR39" s="349">
        <v>54873410</v>
      </c>
      <c r="OS39" s="354">
        <v>56765695</v>
      </c>
    </row>
    <row r="40" spans="2:409" s="70" customFormat="1" ht="21" customHeight="1" x14ac:dyDescent="0.2">
      <c r="B40" s="410" t="s">
        <v>35</v>
      </c>
      <c r="C40" s="326">
        <v>2469476</v>
      </c>
      <c r="D40" s="327">
        <v>4480442</v>
      </c>
      <c r="E40" s="328">
        <v>6949918</v>
      </c>
      <c r="F40" s="329">
        <v>0</v>
      </c>
      <c r="G40" s="327">
        <v>32952667</v>
      </c>
      <c r="H40" s="327">
        <v>21636109</v>
      </c>
      <c r="I40" s="327">
        <v>22038333</v>
      </c>
      <c r="J40" s="327">
        <v>21777738</v>
      </c>
      <c r="K40" s="327">
        <v>14368353</v>
      </c>
      <c r="L40" s="367">
        <v>112773200</v>
      </c>
      <c r="M40" s="330">
        <v>119723118</v>
      </c>
      <c r="N40" s="326">
        <v>542982</v>
      </c>
      <c r="O40" s="327">
        <v>1150120</v>
      </c>
      <c r="P40" s="328">
        <v>1693102</v>
      </c>
      <c r="Q40" s="326">
        <v>0</v>
      </c>
      <c r="R40" s="327">
        <v>8183184</v>
      </c>
      <c r="S40" s="327">
        <v>5455774</v>
      </c>
      <c r="T40" s="327">
        <v>6759540</v>
      </c>
      <c r="U40" s="327">
        <v>6202276</v>
      </c>
      <c r="V40" s="327">
        <v>5811984</v>
      </c>
      <c r="W40" s="328">
        <v>32412758</v>
      </c>
      <c r="X40" s="330">
        <v>34105860</v>
      </c>
      <c r="Y40" s="326">
        <v>0</v>
      </c>
      <c r="Z40" s="327">
        <v>0</v>
      </c>
      <c r="AA40" s="328">
        <v>0</v>
      </c>
      <c r="AB40" s="326">
        <v>0</v>
      </c>
      <c r="AC40" s="327">
        <v>3453419</v>
      </c>
      <c r="AD40" s="327">
        <v>2386250</v>
      </c>
      <c r="AE40" s="327">
        <v>3820799</v>
      </c>
      <c r="AF40" s="327">
        <v>3122621</v>
      </c>
      <c r="AG40" s="327">
        <v>2282864</v>
      </c>
      <c r="AH40" s="328">
        <v>15065953</v>
      </c>
      <c r="AI40" s="330">
        <v>15065953</v>
      </c>
      <c r="AJ40" s="326">
        <v>0</v>
      </c>
      <c r="AK40" s="327">
        <v>0</v>
      </c>
      <c r="AL40" s="328">
        <v>0</v>
      </c>
      <c r="AM40" s="326">
        <v>0</v>
      </c>
      <c r="AN40" s="327">
        <v>64260</v>
      </c>
      <c r="AO40" s="327">
        <v>271584</v>
      </c>
      <c r="AP40" s="327">
        <v>218475</v>
      </c>
      <c r="AQ40" s="327">
        <v>688480</v>
      </c>
      <c r="AR40" s="327">
        <v>780192</v>
      </c>
      <c r="AS40" s="328">
        <v>2022991</v>
      </c>
      <c r="AT40" s="330">
        <v>2022991</v>
      </c>
      <c r="AU40" s="326">
        <v>168134</v>
      </c>
      <c r="AV40" s="327">
        <v>470834</v>
      </c>
      <c r="AW40" s="328">
        <v>638968</v>
      </c>
      <c r="AX40" s="326">
        <v>0</v>
      </c>
      <c r="AY40" s="327">
        <v>2614681</v>
      </c>
      <c r="AZ40" s="327">
        <v>1397540</v>
      </c>
      <c r="BA40" s="327">
        <v>1525629</v>
      </c>
      <c r="BB40" s="327">
        <v>889313</v>
      </c>
      <c r="BC40" s="327">
        <v>1849361</v>
      </c>
      <c r="BD40" s="328">
        <v>8276524</v>
      </c>
      <c r="BE40" s="330">
        <v>8915492</v>
      </c>
      <c r="BF40" s="326">
        <v>166592</v>
      </c>
      <c r="BG40" s="327">
        <v>509699</v>
      </c>
      <c r="BH40" s="331">
        <v>676291</v>
      </c>
      <c r="BI40" s="332">
        <v>0</v>
      </c>
      <c r="BJ40" s="327">
        <v>744183</v>
      </c>
      <c r="BK40" s="327">
        <v>522711</v>
      </c>
      <c r="BL40" s="327">
        <v>154299</v>
      </c>
      <c r="BM40" s="327">
        <v>394065</v>
      </c>
      <c r="BN40" s="327">
        <v>274716</v>
      </c>
      <c r="BO40" s="328">
        <v>2089974</v>
      </c>
      <c r="BP40" s="330">
        <v>2766265</v>
      </c>
      <c r="BQ40" s="326">
        <v>208256</v>
      </c>
      <c r="BR40" s="327">
        <v>169587</v>
      </c>
      <c r="BS40" s="328">
        <v>377843</v>
      </c>
      <c r="BT40" s="326">
        <v>0</v>
      </c>
      <c r="BU40" s="327">
        <v>1306641</v>
      </c>
      <c r="BV40" s="327">
        <v>877689</v>
      </c>
      <c r="BW40" s="327">
        <v>1040338</v>
      </c>
      <c r="BX40" s="327">
        <v>1107797</v>
      </c>
      <c r="BY40" s="327">
        <v>624851</v>
      </c>
      <c r="BZ40" s="328">
        <v>4957316</v>
      </c>
      <c r="CA40" s="330">
        <v>5335159</v>
      </c>
      <c r="CB40" s="326">
        <v>204106</v>
      </c>
      <c r="CC40" s="327">
        <v>990562</v>
      </c>
      <c r="CD40" s="328">
        <v>1194668</v>
      </c>
      <c r="CE40" s="326">
        <v>0</v>
      </c>
      <c r="CF40" s="327">
        <v>11759737</v>
      </c>
      <c r="CG40" s="327">
        <v>8634319</v>
      </c>
      <c r="CH40" s="327">
        <v>5656993</v>
      </c>
      <c r="CI40" s="327">
        <v>4040589</v>
      </c>
      <c r="CJ40" s="327">
        <v>3323081</v>
      </c>
      <c r="CK40" s="328">
        <v>33414719</v>
      </c>
      <c r="CL40" s="330">
        <v>34609387</v>
      </c>
      <c r="CM40" s="326">
        <v>0</v>
      </c>
      <c r="CN40" s="327">
        <v>0</v>
      </c>
      <c r="CO40" s="328">
        <v>0</v>
      </c>
      <c r="CP40" s="332">
        <v>0</v>
      </c>
      <c r="CQ40" s="327">
        <v>8440719</v>
      </c>
      <c r="CR40" s="327">
        <v>6336208</v>
      </c>
      <c r="CS40" s="327">
        <v>4528656</v>
      </c>
      <c r="CT40" s="327">
        <v>3217501</v>
      </c>
      <c r="CU40" s="327">
        <v>3237923</v>
      </c>
      <c r="CV40" s="328">
        <v>25761007</v>
      </c>
      <c r="CW40" s="330">
        <v>25761007</v>
      </c>
      <c r="CX40" s="326">
        <v>204106</v>
      </c>
      <c r="CY40" s="327">
        <v>990562</v>
      </c>
      <c r="CZ40" s="328">
        <v>1194668</v>
      </c>
      <c r="DA40" s="326">
        <v>0</v>
      </c>
      <c r="DB40" s="327">
        <v>3319018</v>
      </c>
      <c r="DC40" s="327">
        <v>2298111</v>
      </c>
      <c r="DD40" s="327">
        <v>1128337</v>
      </c>
      <c r="DE40" s="327">
        <v>823088</v>
      </c>
      <c r="DF40" s="327">
        <v>85158</v>
      </c>
      <c r="DG40" s="328">
        <v>7653712</v>
      </c>
      <c r="DH40" s="330">
        <v>8848380</v>
      </c>
      <c r="DI40" s="326">
        <v>19416</v>
      </c>
      <c r="DJ40" s="327">
        <v>0</v>
      </c>
      <c r="DK40" s="331">
        <v>19416</v>
      </c>
      <c r="DL40" s="332">
        <v>0</v>
      </c>
      <c r="DM40" s="327">
        <v>695003</v>
      </c>
      <c r="DN40" s="327">
        <v>531738</v>
      </c>
      <c r="DO40" s="327">
        <v>1475590</v>
      </c>
      <c r="DP40" s="327">
        <v>737334</v>
      </c>
      <c r="DQ40" s="327">
        <v>275004</v>
      </c>
      <c r="DR40" s="328">
        <v>3714669</v>
      </c>
      <c r="DS40" s="330">
        <v>3734085</v>
      </c>
      <c r="DT40" s="326">
        <v>19416</v>
      </c>
      <c r="DU40" s="327">
        <v>0</v>
      </c>
      <c r="DV40" s="328">
        <v>19416</v>
      </c>
      <c r="DW40" s="326">
        <v>0</v>
      </c>
      <c r="DX40" s="327">
        <v>541742</v>
      </c>
      <c r="DY40" s="327">
        <v>407682</v>
      </c>
      <c r="DZ40" s="327">
        <v>1423228</v>
      </c>
      <c r="EA40" s="327">
        <v>600993</v>
      </c>
      <c r="EB40" s="327">
        <v>171108</v>
      </c>
      <c r="EC40" s="328">
        <v>3144753</v>
      </c>
      <c r="ED40" s="330">
        <v>3164169</v>
      </c>
      <c r="EE40" s="326">
        <v>0</v>
      </c>
      <c r="EF40" s="331">
        <v>0</v>
      </c>
      <c r="EG40" s="328">
        <v>0</v>
      </c>
      <c r="EH40" s="326">
        <v>0</v>
      </c>
      <c r="EI40" s="327">
        <v>153261</v>
      </c>
      <c r="EJ40" s="327">
        <v>124056</v>
      </c>
      <c r="EK40" s="327">
        <v>52362</v>
      </c>
      <c r="EL40" s="327">
        <v>136341</v>
      </c>
      <c r="EM40" s="327">
        <v>103896</v>
      </c>
      <c r="EN40" s="331">
        <v>569916</v>
      </c>
      <c r="EO40" s="330">
        <v>569916</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554484</v>
      </c>
      <c r="FM40" s="327">
        <v>863426</v>
      </c>
      <c r="FN40" s="328">
        <v>1417910</v>
      </c>
      <c r="FO40" s="326">
        <v>0</v>
      </c>
      <c r="FP40" s="327">
        <v>1587097</v>
      </c>
      <c r="FQ40" s="327">
        <v>1923341</v>
      </c>
      <c r="FR40" s="327">
        <v>1489536</v>
      </c>
      <c r="FS40" s="327">
        <v>1402612</v>
      </c>
      <c r="FT40" s="327">
        <v>822409</v>
      </c>
      <c r="FU40" s="328">
        <v>7224995</v>
      </c>
      <c r="FV40" s="330">
        <v>8642905</v>
      </c>
      <c r="FW40" s="333">
        <v>318609</v>
      </c>
      <c r="FX40" s="327">
        <v>619367</v>
      </c>
      <c r="FY40" s="331">
        <v>937976</v>
      </c>
      <c r="FZ40" s="332">
        <v>0</v>
      </c>
      <c r="GA40" s="327">
        <v>1356211</v>
      </c>
      <c r="GB40" s="327">
        <v>1828391</v>
      </c>
      <c r="GC40" s="327">
        <v>1489536</v>
      </c>
      <c r="GD40" s="327">
        <v>1152818</v>
      </c>
      <c r="GE40" s="327">
        <v>822409</v>
      </c>
      <c r="GF40" s="328">
        <v>6649365</v>
      </c>
      <c r="GG40" s="334">
        <v>7587341</v>
      </c>
      <c r="GH40" s="333">
        <v>19245</v>
      </c>
      <c r="GI40" s="327">
        <v>56578</v>
      </c>
      <c r="GJ40" s="331">
        <v>75823</v>
      </c>
      <c r="GK40" s="332">
        <v>0</v>
      </c>
      <c r="GL40" s="327">
        <v>53856</v>
      </c>
      <c r="GM40" s="327">
        <v>74160</v>
      </c>
      <c r="GN40" s="327">
        <v>0</v>
      </c>
      <c r="GO40" s="327">
        <v>69795</v>
      </c>
      <c r="GP40" s="327">
        <v>0</v>
      </c>
      <c r="GQ40" s="328">
        <v>197811</v>
      </c>
      <c r="GR40" s="330">
        <v>273634</v>
      </c>
      <c r="GS40" s="326">
        <v>216630</v>
      </c>
      <c r="GT40" s="327">
        <v>187481</v>
      </c>
      <c r="GU40" s="328">
        <v>404111</v>
      </c>
      <c r="GV40" s="326">
        <v>0</v>
      </c>
      <c r="GW40" s="327">
        <v>177030</v>
      </c>
      <c r="GX40" s="327">
        <v>20790</v>
      </c>
      <c r="GY40" s="327">
        <v>0</v>
      </c>
      <c r="GZ40" s="327">
        <v>179999</v>
      </c>
      <c r="HA40" s="327">
        <v>0</v>
      </c>
      <c r="HB40" s="331">
        <v>377819</v>
      </c>
      <c r="HC40" s="330">
        <v>781930</v>
      </c>
      <c r="HD40" s="326">
        <v>808728</v>
      </c>
      <c r="HE40" s="327">
        <v>869496</v>
      </c>
      <c r="HF40" s="331">
        <v>1678224</v>
      </c>
      <c r="HG40" s="332">
        <v>0</v>
      </c>
      <c r="HH40" s="327">
        <v>6544616</v>
      </c>
      <c r="HI40" s="327">
        <v>2921978</v>
      </c>
      <c r="HJ40" s="327">
        <v>5101975</v>
      </c>
      <c r="HK40" s="327">
        <v>8358831</v>
      </c>
      <c r="HL40" s="327">
        <v>3567879</v>
      </c>
      <c r="HM40" s="328">
        <v>26495279</v>
      </c>
      <c r="HN40" s="329">
        <v>28173503</v>
      </c>
      <c r="HO40" s="333">
        <v>339760</v>
      </c>
      <c r="HP40" s="327">
        <v>606838</v>
      </c>
      <c r="HQ40" s="328">
        <v>946598</v>
      </c>
      <c r="HR40" s="326">
        <v>0</v>
      </c>
      <c r="HS40" s="327">
        <v>4183030</v>
      </c>
      <c r="HT40" s="327">
        <v>2168959</v>
      </c>
      <c r="HU40" s="327">
        <v>1554699</v>
      </c>
      <c r="HV40" s="327">
        <v>1036096</v>
      </c>
      <c r="HW40" s="327">
        <v>567996</v>
      </c>
      <c r="HX40" s="331">
        <v>9510780</v>
      </c>
      <c r="HY40" s="330">
        <v>10457378</v>
      </c>
      <c r="HZ40" s="358">
        <v>83259</v>
      </c>
      <c r="IA40" s="356">
        <v>188820</v>
      </c>
      <c r="IB40" s="358">
        <v>272079</v>
      </c>
      <c r="IC40" s="338">
        <v>0</v>
      </c>
      <c r="ID40" s="336">
        <v>5036215</v>
      </c>
      <c r="IE40" s="339">
        <v>5442364</v>
      </c>
      <c r="IF40" s="337">
        <v>5907166</v>
      </c>
      <c r="IG40" s="336">
        <v>3628322</v>
      </c>
      <c r="IH40" s="337">
        <v>1632195</v>
      </c>
      <c r="II40" s="340">
        <v>21646262</v>
      </c>
      <c r="IJ40" s="358">
        <v>21918341</v>
      </c>
      <c r="IK40" s="342">
        <v>0</v>
      </c>
      <c r="IL40" s="343">
        <v>0</v>
      </c>
      <c r="IM40" s="344">
        <v>0</v>
      </c>
      <c r="IN40" s="404">
        <v>0</v>
      </c>
      <c r="IO40" s="345">
        <v>80325</v>
      </c>
      <c r="IP40" s="345">
        <v>0</v>
      </c>
      <c r="IQ40" s="345">
        <v>322179</v>
      </c>
      <c r="IR40" s="345">
        <v>217674</v>
      </c>
      <c r="IS40" s="345">
        <v>0</v>
      </c>
      <c r="IT40" s="346">
        <v>620178</v>
      </c>
      <c r="IU40" s="347">
        <v>620178</v>
      </c>
      <c r="IV40" s="348">
        <v>0</v>
      </c>
      <c r="IW40" s="345">
        <v>0</v>
      </c>
      <c r="IX40" s="349">
        <v>0</v>
      </c>
      <c r="IY40" s="413">
        <v>0</v>
      </c>
      <c r="IZ40" s="345">
        <v>0</v>
      </c>
      <c r="JA40" s="345">
        <v>0</v>
      </c>
      <c r="JB40" s="345">
        <v>0</v>
      </c>
      <c r="JC40" s="345">
        <v>0</v>
      </c>
      <c r="JD40" s="345">
        <v>0</v>
      </c>
      <c r="JE40" s="349">
        <v>0</v>
      </c>
      <c r="JF40" s="350">
        <v>0</v>
      </c>
      <c r="JG40" s="348">
        <v>0</v>
      </c>
      <c r="JH40" s="345">
        <v>0</v>
      </c>
      <c r="JI40" s="346">
        <v>0</v>
      </c>
      <c r="JJ40" s="351">
        <v>0</v>
      </c>
      <c r="JK40" s="345">
        <v>1227406</v>
      </c>
      <c r="JL40" s="345">
        <v>1286757</v>
      </c>
      <c r="JM40" s="345">
        <v>1206604</v>
      </c>
      <c r="JN40" s="345">
        <v>345014</v>
      </c>
      <c r="JO40" s="345">
        <v>262548</v>
      </c>
      <c r="JP40" s="349">
        <v>4328329</v>
      </c>
      <c r="JQ40" s="347">
        <v>4328329</v>
      </c>
      <c r="JR40" s="348">
        <v>0</v>
      </c>
      <c r="JS40" s="345">
        <v>0</v>
      </c>
      <c r="JT40" s="346">
        <v>0</v>
      </c>
      <c r="JU40" s="351">
        <v>0</v>
      </c>
      <c r="JV40" s="345">
        <v>0</v>
      </c>
      <c r="JW40" s="345">
        <v>0</v>
      </c>
      <c r="JX40" s="345">
        <v>0</v>
      </c>
      <c r="JY40" s="345">
        <v>0</v>
      </c>
      <c r="JZ40" s="345">
        <v>0</v>
      </c>
      <c r="KA40" s="349">
        <v>0</v>
      </c>
      <c r="KB40" s="347">
        <v>0</v>
      </c>
      <c r="KC40" s="352">
        <v>83259</v>
      </c>
      <c r="KD40" s="353">
        <v>188820</v>
      </c>
      <c r="KE40" s="349">
        <v>272079</v>
      </c>
      <c r="KF40" s="351">
        <v>0</v>
      </c>
      <c r="KG40" s="345">
        <v>1018787</v>
      </c>
      <c r="KH40" s="345">
        <v>1262971</v>
      </c>
      <c r="KI40" s="345">
        <v>1663956</v>
      </c>
      <c r="KJ40" s="345">
        <v>870165</v>
      </c>
      <c r="KK40" s="345">
        <v>541215</v>
      </c>
      <c r="KL40" s="349">
        <v>5357094</v>
      </c>
      <c r="KM40" s="354">
        <v>5629173</v>
      </c>
      <c r="KN40" s="342">
        <v>0</v>
      </c>
      <c r="KO40" s="343">
        <v>0</v>
      </c>
      <c r="KP40" s="344">
        <v>0</v>
      </c>
      <c r="KQ40" s="413">
        <v>0</v>
      </c>
      <c r="KR40" s="345">
        <v>2709697</v>
      </c>
      <c r="KS40" s="345">
        <v>2892636</v>
      </c>
      <c r="KT40" s="345">
        <v>2714427</v>
      </c>
      <c r="KU40" s="345">
        <v>2195469</v>
      </c>
      <c r="KV40" s="345">
        <v>828432</v>
      </c>
      <c r="KW40" s="349">
        <v>11340661</v>
      </c>
      <c r="KX40" s="347">
        <v>11340661</v>
      </c>
      <c r="KY40" s="348">
        <v>0</v>
      </c>
      <c r="KZ40" s="345">
        <v>0</v>
      </c>
      <c r="LA40" s="349">
        <v>0</v>
      </c>
      <c r="LB40" s="413">
        <v>0</v>
      </c>
      <c r="LC40" s="345">
        <v>0</v>
      </c>
      <c r="LD40" s="345">
        <v>0</v>
      </c>
      <c r="LE40" s="345">
        <v>0</v>
      </c>
      <c r="LF40" s="345">
        <v>0</v>
      </c>
      <c r="LG40" s="345">
        <v>0</v>
      </c>
      <c r="LH40" s="349">
        <v>0</v>
      </c>
      <c r="LI40" s="350">
        <v>0</v>
      </c>
      <c r="LJ40" s="348">
        <v>0</v>
      </c>
      <c r="LK40" s="345">
        <v>0</v>
      </c>
      <c r="LL40" s="349">
        <v>0</v>
      </c>
      <c r="LM40" s="413">
        <v>0</v>
      </c>
      <c r="LN40" s="345">
        <v>0</v>
      </c>
      <c r="LO40" s="345">
        <v>0</v>
      </c>
      <c r="LP40" s="345">
        <v>0</v>
      </c>
      <c r="LQ40" s="345">
        <v>0</v>
      </c>
      <c r="LR40" s="345">
        <v>0</v>
      </c>
      <c r="LS40" s="349">
        <v>0</v>
      </c>
      <c r="LT40" s="347">
        <v>0</v>
      </c>
      <c r="LU40" s="348">
        <v>0</v>
      </c>
      <c r="LV40" s="345">
        <v>0</v>
      </c>
      <c r="LW40" s="349">
        <v>0</v>
      </c>
      <c r="LX40" s="413">
        <v>0</v>
      </c>
      <c r="LY40" s="345">
        <v>0</v>
      </c>
      <c r="LZ40" s="345">
        <v>0</v>
      </c>
      <c r="MA40" s="345">
        <v>0</v>
      </c>
      <c r="MB40" s="345">
        <v>0</v>
      </c>
      <c r="MC40" s="345">
        <v>0</v>
      </c>
      <c r="MD40" s="349">
        <v>0</v>
      </c>
      <c r="ME40" s="350">
        <v>0</v>
      </c>
      <c r="MF40" s="348">
        <v>0</v>
      </c>
      <c r="MG40" s="345">
        <v>0</v>
      </c>
      <c r="MH40" s="349">
        <v>0</v>
      </c>
      <c r="MI40" s="413">
        <v>0</v>
      </c>
      <c r="MJ40" s="345">
        <v>3337477</v>
      </c>
      <c r="MK40" s="345">
        <v>4614303</v>
      </c>
      <c r="ML40" s="345">
        <v>11772199</v>
      </c>
      <c r="MM40" s="345">
        <v>15104488</v>
      </c>
      <c r="MN40" s="345">
        <v>12455739</v>
      </c>
      <c r="MO40" s="349">
        <v>47284206</v>
      </c>
      <c r="MP40" s="354">
        <v>47284206</v>
      </c>
      <c r="MQ40" s="348">
        <v>0</v>
      </c>
      <c r="MR40" s="345">
        <v>0</v>
      </c>
      <c r="MS40" s="349">
        <v>0</v>
      </c>
      <c r="MT40" s="413">
        <v>0</v>
      </c>
      <c r="MU40" s="345">
        <v>200754</v>
      </c>
      <c r="MV40" s="345">
        <v>251325</v>
      </c>
      <c r="MW40" s="345">
        <v>5926828</v>
      </c>
      <c r="MX40" s="345">
        <v>13033804</v>
      </c>
      <c r="MY40" s="345">
        <v>8518135</v>
      </c>
      <c r="MZ40" s="349">
        <v>27930846</v>
      </c>
      <c r="NA40" s="354">
        <v>27930846</v>
      </c>
      <c r="NB40" s="348">
        <v>0</v>
      </c>
      <c r="NC40" s="345">
        <v>0</v>
      </c>
      <c r="ND40" s="349">
        <v>0</v>
      </c>
      <c r="NE40" s="413">
        <v>0</v>
      </c>
      <c r="NF40" s="345">
        <v>2562109</v>
      </c>
      <c r="NG40" s="345">
        <v>3862749</v>
      </c>
      <c r="NH40" s="345">
        <v>3430887</v>
      </c>
      <c r="NI40" s="345">
        <v>879660</v>
      </c>
      <c r="NJ40" s="345">
        <v>2007501</v>
      </c>
      <c r="NK40" s="349">
        <v>12742906</v>
      </c>
      <c r="NL40" s="347">
        <v>12742906</v>
      </c>
      <c r="NM40" s="348">
        <v>0</v>
      </c>
      <c r="NN40" s="345">
        <v>0</v>
      </c>
      <c r="NO40" s="349">
        <v>0</v>
      </c>
      <c r="NP40" s="413">
        <v>0</v>
      </c>
      <c r="NQ40" s="345">
        <v>0</v>
      </c>
      <c r="NR40" s="345">
        <v>0</v>
      </c>
      <c r="NS40" s="345">
        <v>0</v>
      </c>
      <c r="NT40" s="345">
        <v>0</v>
      </c>
      <c r="NU40" s="345">
        <v>0</v>
      </c>
      <c r="NV40" s="349">
        <v>0</v>
      </c>
      <c r="NW40" s="350">
        <v>0</v>
      </c>
      <c r="NX40" s="348">
        <v>0</v>
      </c>
      <c r="NY40" s="345">
        <v>0</v>
      </c>
      <c r="NZ40" s="349">
        <v>0</v>
      </c>
      <c r="OA40" s="413">
        <v>0</v>
      </c>
      <c r="OB40" s="345">
        <v>574614</v>
      </c>
      <c r="OC40" s="345">
        <v>500229</v>
      </c>
      <c r="OD40" s="345">
        <v>2414484</v>
      </c>
      <c r="OE40" s="345">
        <v>1191024</v>
      </c>
      <c r="OF40" s="345">
        <v>1930103</v>
      </c>
      <c r="OG40" s="349">
        <v>6610454</v>
      </c>
      <c r="OH40" s="350">
        <v>6610454</v>
      </c>
      <c r="OI40" s="348">
        <v>2552735</v>
      </c>
      <c r="OJ40" s="345">
        <v>4669262</v>
      </c>
      <c r="OK40" s="346">
        <v>7221997</v>
      </c>
      <c r="OL40" s="351">
        <v>0</v>
      </c>
      <c r="OM40" s="345">
        <v>41326359</v>
      </c>
      <c r="ON40" s="345">
        <v>31692776</v>
      </c>
      <c r="OO40" s="345">
        <v>39717698</v>
      </c>
      <c r="OP40" s="345">
        <v>40510548</v>
      </c>
      <c r="OQ40" s="345">
        <v>28456287</v>
      </c>
      <c r="OR40" s="349">
        <v>181703668</v>
      </c>
      <c r="OS40" s="354">
        <v>188925665</v>
      </c>
    </row>
    <row r="41" spans="2:409" s="70" customFormat="1" ht="21" customHeight="1" x14ac:dyDescent="0.2">
      <c r="B41" s="410" t="s">
        <v>36</v>
      </c>
      <c r="C41" s="326">
        <v>1384048</v>
      </c>
      <c r="D41" s="327">
        <v>3372317</v>
      </c>
      <c r="E41" s="328">
        <v>4756365</v>
      </c>
      <c r="F41" s="329">
        <v>0</v>
      </c>
      <c r="G41" s="327">
        <v>21573359</v>
      </c>
      <c r="H41" s="327">
        <v>34907045</v>
      </c>
      <c r="I41" s="327">
        <v>23363492</v>
      </c>
      <c r="J41" s="327">
        <v>16337386</v>
      </c>
      <c r="K41" s="327">
        <v>18372271</v>
      </c>
      <c r="L41" s="367">
        <v>114553553</v>
      </c>
      <c r="M41" s="330">
        <v>119309918</v>
      </c>
      <c r="N41" s="326">
        <v>226867</v>
      </c>
      <c r="O41" s="327">
        <v>1184069</v>
      </c>
      <c r="P41" s="328">
        <v>1410936</v>
      </c>
      <c r="Q41" s="326">
        <v>0</v>
      </c>
      <c r="R41" s="327">
        <v>5440613</v>
      </c>
      <c r="S41" s="327">
        <v>11574555</v>
      </c>
      <c r="T41" s="327">
        <v>8481875</v>
      </c>
      <c r="U41" s="327">
        <v>6720318</v>
      </c>
      <c r="V41" s="327">
        <v>10190528</v>
      </c>
      <c r="W41" s="328">
        <v>42407889</v>
      </c>
      <c r="X41" s="330">
        <v>43818825</v>
      </c>
      <c r="Y41" s="326">
        <v>0</v>
      </c>
      <c r="Z41" s="327">
        <v>0</v>
      </c>
      <c r="AA41" s="328">
        <v>0</v>
      </c>
      <c r="AB41" s="326">
        <v>0</v>
      </c>
      <c r="AC41" s="327">
        <v>2164579</v>
      </c>
      <c r="AD41" s="327">
        <v>5510684</v>
      </c>
      <c r="AE41" s="327">
        <v>4160042</v>
      </c>
      <c r="AF41" s="327">
        <v>3248983</v>
      </c>
      <c r="AG41" s="327">
        <v>6203188</v>
      </c>
      <c r="AH41" s="328">
        <v>21287476</v>
      </c>
      <c r="AI41" s="330">
        <v>21287476</v>
      </c>
      <c r="AJ41" s="326">
        <v>0</v>
      </c>
      <c r="AK41" s="327">
        <v>36408</v>
      </c>
      <c r="AL41" s="328">
        <v>36408</v>
      </c>
      <c r="AM41" s="326">
        <v>0</v>
      </c>
      <c r="AN41" s="327">
        <v>64453</v>
      </c>
      <c r="AO41" s="327">
        <v>231488</v>
      </c>
      <c r="AP41" s="327">
        <v>624220</v>
      </c>
      <c r="AQ41" s="327">
        <v>794721</v>
      </c>
      <c r="AR41" s="327">
        <v>648303</v>
      </c>
      <c r="AS41" s="328">
        <v>2363185</v>
      </c>
      <c r="AT41" s="330">
        <v>2399593</v>
      </c>
      <c r="AU41" s="326">
        <v>141970</v>
      </c>
      <c r="AV41" s="327">
        <v>652299</v>
      </c>
      <c r="AW41" s="328">
        <v>794269</v>
      </c>
      <c r="AX41" s="326">
        <v>0</v>
      </c>
      <c r="AY41" s="327">
        <v>1892496</v>
      </c>
      <c r="AZ41" s="327">
        <v>3667786</v>
      </c>
      <c r="BA41" s="327">
        <v>2096800</v>
      </c>
      <c r="BB41" s="327">
        <v>1766235</v>
      </c>
      <c r="BC41" s="327">
        <v>2321758</v>
      </c>
      <c r="BD41" s="328">
        <v>11745075</v>
      </c>
      <c r="BE41" s="330">
        <v>12539344</v>
      </c>
      <c r="BF41" s="326">
        <v>11583</v>
      </c>
      <c r="BG41" s="327">
        <v>394499</v>
      </c>
      <c r="BH41" s="331">
        <v>406082</v>
      </c>
      <c r="BI41" s="332">
        <v>0</v>
      </c>
      <c r="BJ41" s="327">
        <v>650981</v>
      </c>
      <c r="BK41" s="327">
        <v>686628</v>
      </c>
      <c r="BL41" s="327">
        <v>319165</v>
      </c>
      <c r="BM41" s="327">
        <v>228132</v>
      </c>
      <c r="BN41" s="327">
        <v>198897</v>
      </c>
      <c r="BO41" s="328">
        <v>2083803</v>
      </c>
      <c r="BP41" s="330">
        <v>2489885</v>
      </c>
      <c r="BQ41" s="326">
        <v>73314</v>
      </c>
      <c r="BR41" s="327">
        <v>100863</v>
      </c>
      <c r="BS41" s="328">
        <v>174177</v>
      </c>
      <c r="BT41" s="326">
        <v>0</v>
      </c>
      <c r="BU41" s="327">
        <v>668104</v>
      </c>
      <c r="BV41" s="327">
        <v>1477969</v>
      </c>
      <c r="BW41" s="327">
        <v>1281648</v>
      </c>
      <c r="BX41" s="327">
        <v>682247</v>
      </c>
      <c r="BY41" s="327">
        <v>818382</v>
      </c>
      <c r="BZ41" s="328">
        <v>4928350</v>
      </c>
      <c r="CA41" s="330">
        <v>5102527</v>
      </c>
      <c r="CB41" s="326">
        <v>181088</v>
      </c>
      <c r="CC41" s="327">
        <v>248361</v>
      </c>
      <c r="CD41" s="328">
        <v>429449</v>
      </c>
      <c r="CE41" s="326">
        <v>0</v>
      </c>
      <c r="CF41" s="327">
        <v>6217827</v>
      </c>
      <c r="CG41" s="327">
        <v>11459767</v>
      </c>
      <c r="CH41" s="327">
        <v>6409729</v>
      </c>
      <c r="CI41" s="327">
        <v>3956919</v>
      </c>
      <c r="CJ41" s="327">
        <v>3145306</v>
      </c>
      <c r="CK41" s="328">
        <v>31189548</v>
      </c>
      <c r="CL41" s="330">
        <v>31618997</v>
      </c>
      <c r="CM41" s="326">
        <v>0</v>
      </c>
      <c r="CN41" s="327">
        <v>0</v>
      </c>
      <c r="CO41" s="328">
        <v>0</v>
      </c>
      <c r="CP41" s="332">
        <v>0</v>
      </c>
      <c r="CQ41" s="327">
        <v>4643156</v>
      </c>
      <c r="CR41" s="327">
        <v>8466750</v>
      </c>
      <c r="CS41" s="327">
        <v>4855762</v>
      </c>
      <c r="CT41" s="327">
        <v>3327673</v>
      </c>
      <c r="CU41" s="327">
        <v>2926223</v>
      </c>
      <c r="CV41" s="328">
        <v>24219564</v>
      </c>
      <c r="CW41" s="330">
        <v>24219564</v>
      </c>
      <c r="CX41" s="326">
        <v>181088</v>
      </c>
      <c r="CY41" s="327">
        <v>248361</v>
      </c>
      <c r="CZ41" s="328">
        <v>429449</v>
      </c>
      <c r="DA41" s="326">
        <v>0</v>
      </c>
      <c r="DB41" s="327">
        <v>1574671</v>
      </c>
      <c r="DC41" s="327">
        <v>2993017</v>
      </c>
      <c r="DD41" s="327">
        <v>1553967</v>
      </c>
      <c r="DE41" s="327">
        <v>629246</v>
      </c>
      <c r="DF41" s="327">
        <v>219083</v>
      </c>
      <c r="DG41" s="328">
        <v>6969984</v>
      </c>
      <c r="DH41" s="330">
        <v>7399433</v>
      </c>
      <c r="DI41" s="326">
        <v>0</v>
      </c>
      <c r="DJ41" s="327">
        <v>0</v>
      </c>
      <c r="DK41" s="331">
        <v>0</v>
      </c>
      <c r="DL41" s="332">
        <v>0</v>
      </c>
      <c r="DM41" s="327">
        <v>645088</v>
      </c>
      <c r="DN41" s="327">
        <v>1788006</v>
      </c>
      <c r="DO41" s="327">
        <v>1208387</v>
      </c>
      <c r="DP41" s="327">
        <v>1720904</v>
      </c>
      <c r="DQ41" s="327">
        <v>1552192</v>
      </c>
      <c r="DR41" s="328">
        <v>6914577</v>
      </c>
      <c r="DS41" s="330">
        <v>6914577</v>
      </c>
      <c r="DT41" s="326">
        <v>0</v>
      </c>
      <c r="DU41" s="327">
        <v>0</v>
      </c>
      <c r="DV41" s="328">
        <v>0</v>
      </c>
      <c r="DW41" s="326">
        <v>0</v>
      </c>
      <c r="DX41" s="327">
        <v>645088</v>
      </c>
      <c r="DY41" s="327">
        <v>1763375</v>
      </c>
      <c r="DZ41" s="327">
        <v>1208387</v>
      </c>
      <c r="EA41" s="327">
        <v>1630187</v>
      </c>
      <c r="EB41" s="327">
        <v>1552192</v>
      </c>
      <c r="EC41" s="328">
        <v>6799229</v>
      </c>
      <c r="ED41" s="330">
        <v>6799229</v>
      </c>
      <c r="EE41" s="326">
        <v>0</v>
      </c>
      <c r="EF41" s="331">
        <v>0</v>
      </c>
      <c r="EG41" s="328">
        <v>0</v>
      </c>
      <c r="EH41" s="326">
        <v>0</v>
      </c>
      <c r="EI41" s="327">
        <v>0</v>
      </c>
      <c r="EJ41" s="327">
        <v>24631</v>
      </c>
      <c r="EK41" s="327">
        <v>0</v>
      </c>
      <c r="EL41" s="327">
        <v>90717</v>
      </c>
      <c r="EM41" s="327">
        <v>0</v>
      </c>
      <c r="EN41" s="331">
        <v>115348</v>
      </c>
      <c r="EO41" s="330">
        <v>115348</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559282</v>
      </c>
      <c r="FM41" s="327">
        <v>1015829</v>
      </c>
      <c r="FN41" s="328">
        <v>1575111</v>
      </c>
      <c r="FO41" s="326">
        <v>0</v>
      </c>
      <c r="FP41" s="327">
        <v>2408637</v>
      </c>
      <c r="FQ41" s="327">
        <v>3657454</v>
      </c>
      <c r="FR41" s="327">
        <v>2200424</v>
      </c>
      <c r="FS41" s="327">
        <v>1557818</v>
      </c>
      <c r="FT41" s="327">
        <v>1433160</v>
      </c>
      <c r="FU41" s="328">
        <v>11257493</v>
      </c>
      <c r="FV41" s="330">
        <v>12832604</v>
      </c>
      <c r="FW41" s="333">
        <v>240682</v>
      </c>
      <c r="FX41" s="327">
        <v>737099</v>
      </c>
      <c r="FY41" s="331">
        <v>977781</v>
      </c>
      <c r="FZ41" s="332">
        <v>0</v>
      </c>
      <c r="GA41" s="327">
        <v>1547589</v>
      </c>
      <c r="GB41" s="327">
        <v>3248827</v>
      </c>
      <c r="GC41" s="327">
        <v>1879214</v>
      </c>
      <c r="GD41" s="327">
        <v>1395822</v>
      </c>
      <c r="GE41" s="327">
        <v>1405539</v>
      </c>
      <c r="GF41" s="328">
        <v>9476991</v>
      </c>
      <c r="GG41" s="334">
        <v>10454772</v>
      </c>
      <c r="GH41" s="333">
        <v>0</v>
      </c>
      <c r="GI41" s="327">
        <v>52200</v>
      </c>
      <c r="GJ41" s="331">
        <v>52200</v>
      </c>
      <c r="GK41" s="332">
        <v>0</v>
      </c>
      <c r="GL41" s="327">
        <v>110628</v>
      </c>
      <c r="GM41" s="327">
        <v>254682</v>
      </c>
      <c r="GN41" s="327">
        <v>112770</v>
      </c>
      <c r="GO41" s="327">
        <v>161996</v>
      </c>
      <c r="GP41" s="327">
        <v>27621</v>
      </c>
      <c r="GQ41" s="328">
        <v>667697</v>
      </c>
      <c r="GR41" s="330">
        <v>719897</v>
      </c>
      <c r="GS41" s="326">
        <v>318600</v>
      </c>
      <c r="GT41" s="327">
        <v>226530</v>
      </c>
      <c r="GU41" s="328">
        <v>545130</v>
      </c>
      <c r="GV41" s="326">
        <v>0</v>
      </c>
      <c r="GW41" s="327">
        <v>750420</v>
      </c>
      <c r="GX41" s="327">
        <v>153945</v>
      </c>
      <c r="GY41" s="327">
        <v>208440</v>
      </c>
      <c r="GZ41" s="327">
        <v>0</v>
      </c>
      <c r="HA41" s="327">
        <v>0</v>
      </c>
      <c r="HB41" s="331">
        <v>1112805</v>
      </c>
      <c r="HC41" s="330">
        <v>1657935</v>
      </c>
      <c r="HD41" s="326">
        <v>192795</v>
      </c>
      <c r="HE41" s="327">
        <v>304559</v>
      </c>
      <c r="HF41" s="331">
        <v>497354</v>
      </c>
      <c r="HG41" s="332">
        <v>0</v>
      </c>
      <c r="HH41" s="327">
        <v>3120723</v>
      </c>
      <c r="HI41" s="327">
        <v>2447701</v>
      </c>
      <c r="HJ41" s="327">
        <v>2545598</v>
      </c>
      <c r="HK41" s="327">
        <v>839264</v>
      </c>
      <c r="HL41" s="327">
        <v>762666</v>
      </c>
      <c r="HM41" s="328">
        <v>9715952</v>
      </c>
      <c r="HN41" s="329">
        <v>10213306</v>
      </c>
      <c r="HO41" s="333">
        <v>224016</v>
      </c>
      <c r="HP41" s="327">
        <v>619499</v>
      </c>
      <c r="HQ41" s="328">
        <v>843515</v>
      </c>
      <c r="HR41" s="326">
        <v>0</v>
      </c>
      <c r="HS41" s="327">
        <v>3740471</v>
      </c>
      <c r="HT41" s="327">
        <v>3979562</v>
      </c>
      <c r="HU41" s="327">
        <v>2517479</v>
      </c>
      <c r="HV41" s="327">
        <v>1542163</v>
      </c>
      <c r="HW41" s="327">
        <v>1288419</v>
      </c>
      <c r="HX41" s="331">
        <v>13068094</v>
      </c>
      <c r="HY41" s="330">
        <v>13911609</v>
      </c>
      <c r="HZ41" s="335">
        <v>0</v>
      </c>
      <c r="IA41" s="336">
        <v>87761</v>
      </c>
      <c r="IB41" s="337">
        <v>87761</v>
      </c>
      <c r="IC41" s="338">
        <v>0</v>
      </c>
      <c r="ID41" s="336">
        <v>6029355</v>
      </c>
      <c r="IE41" s="339">
        <v>8302972</v>
      </c>
      <c r="IF41" s="337">
        <v>10742694</v>
      </c>
      <c r="IG41" s="336">
        <v>5144646</v>
      </c>
      <c r="IH41" s="337">
        <v>5185913</v>
      </c>
      <c r="II41" s="340">
        <v>35405580</v>
      </c>
      <c r="IJ41" s="341">
        <v>35493341</v>
      </c>
      <c r="IK41" s="342">
        <v>0</v>
      </c>
      <c r="IL41" s="343">
        <v>0</v>
      </c>
      <c r="IM41" s="344">
        <v>0</v>
      </c>
      <c r="IN41" s="404">
        <v>0</v>
      </c>
      <c r="IO41" s="345">
        <v>0</v>
      </c>
      <c r="IP41" s="345">
        <v>128164</v>
      </c>
      <c r="IQ41" s="345">
        <v>174196</v>
      </c>
      <c r="IR41" s="345">
        <v>0</v>
      </c>
      <c r="IS41" s="345">
        <v>0</v>
      </c>
      <c r="IT41" s="346">
        <v>302360</v>
      </c>
      <c r="IU41" s="347">
        <v>302360</v>
      </c>
      <c r="IV41" s="348">
        <v>0</v>
      </c>
      <c r="IW41" s="345">
        <v>0</v>
      </c>
      <c r="IX41" s="349">
        <v>0</v>
      </c>
      <c r="IY41" s="413">
        <v>0</v>
      </c>
      <c r="IZ41" s="345">
        <v>0</v>
      </c>
      <c r="JA41" s="345">
        <v>0</v>
      </c>
      <c r="JB41" s="345">
        <v>0</v>
      </c>
      <c r="JC41" s="345">
        <v>0</v>
      </c>
      <c r="JD41" s="345">
        <v>0</v>
      </c>
      <c r="JE41" s="349">
        <v>0</v>
      </c>
      <c r="JF41" s="350">
        <v>0</v>
      </c>
      <c r="JG41" s="348">
        <v>0</v>
      </c>
      <c r="JH41" s="345">
        <v>0</v>
      </c>
      <c r="JI41" s="346">
        <v>0</v>
      </c>
      <c r="JJ41" s="351">
        <v>0</v>
      </c>
      <c r="JK41" s="345">
        <v>3160432</v>
      </c>
      <c r="JL41" s="345">
        <v>2312545</v>
      </c>
      <c r="JM41" s="345">
        <v>4042569</v>
      </c>
      <c r="JN41" s="345">
        <v>1907428</v>
      </c>
      <c r="JO41" s="345">
        <v>3029510</v>
      </c>
      <c r="JP41" s="349">
        <v>14452484</v>
      </c>
      <c r="JQ41" s="347">
        <v>14452484</v>
      </c>
      <c r="JR41" s="348">
        <v>0</v>
      </c>
      <c r="JS41" s="345">
        <v>0</v>
      </c>
      <c r="JT41" s="346">
        <v>0</v>
      </c>
      <c r="JU41" s="351">
        <v>0</v>
      </c>
      <c r="JV41" s="345">
        <v>0</v>
      </c>
      <c r="JW41" s="345">
        <v>0</v>
      </c>
      <c r="JX41" s="345">
        <v>0</v>
      </c>
      <c r="JY41" s="345">
        <v>0</v>
      </c>
      <c r="JZ41" s="345">
        <v>0</v>
      </c>
      <c r="KA41" s="349">
        <v>0</v>
      </c>
      <c r="KB41" s="347">
        <v>0</v>
      </c>
      <c r="KC41" s="352">
        <v>0</v>
      </c>
      <c r="KD41" s="353">
        <v>87761</v>
      </c>
      <c r="KE41" s="349">
        <v>87761</v>
      </c>
      <c r="KF41" s="351">
        <v>0</v>
      </c>
      <c r="KG41" s="345">
        <v>1837347</v>
      </c>
      <c r="KH41" s="345">
        <v>1790080</v>
      </c>
      <c r="KI41" s="345">
        <v>2662798</v>
      </c>
      <c r="KJ41" s="345">
        <v>677076</v>
      </c>
      <c r="KK41" s="345">
        <v>809521</v>
      </c>
      <c r="KL41" s="349">
        <v>7776822</v>
      </c>
      <c r="KM41" s="354">
        <v>7864583</v>
      </c>
      <c r="KN41" s="342">
        <v>0</v>
      </c>
      <c r="KO41" s="343">
        <v>0</v>
      </c>
      <c r="KP41" s="344">
        <v>0</v>
      </c>
      <c r="KQ41" s="413">
        <v>0</v>
      </c>
      <c r="KR41" s="345">
        <v>1031576</v>
      </c>
      <c r="KS41" s="345">
        <v>4072183</v>
      </c>
      <c r="KT41" s="345">
        <v>3863131</v>
      </c>
      <c r="KU41" s="345">
        <v>2227625</v>
      </c>
      <c r="KV41" s="345">
        <v>1346882</v>
      </c>
      <c r="KW41" s="349">
        <v>12541397</v>
      </c>
      <c r="KX41" s="347">
        <v>12541397</v>
      </c>
      <c r="KY41" s="348">
        <v>0</v>
      </c>
      <c r="KZ41" s="345">
        <v>0</v>
      </c>
      <c r="LA41" s="349">
        <v>0</v>
      </c>
      <c r="LB41" s="413">
        <v>0</v>
      </c>
      <c r="LC41" s="345">
        <v>0</v>
      </c>
      <c r="LD41" s="345">
        <v>0</v>
      </c>
      <c r="LE41" s="345">
        <v>0</v>
      </c>
      <c r="LF41" s="345">
        <v>0</v>
      </c>
      <c r="LG41" s="345">
        <v>0</v>
      </c>
      <c r="LH41" s="349">
        <v>0</v>
      </c>
      <c r="LI41" s="350">
        <v>0</v>
      </c>
      <c r="LJ41" s="348">
        <v>0</v>
      </c>
      <c r="LK41" s="345">
        <v>0</v>
      </c>
      <c r="LL41" s="349">
        <v>0</v>
      </c>
      <c r="LM41" s="413">
        <v>0</v>
      </c>
      <c r="LN41" s="345">
        <v>0</v>
      </c>
      <c r="LO41" s="345">
        <v>0</v>
      </c>
      <c r="LP41" s="345">
        <v>0</v>
      </c>
      <c r="LQ41" s="345">
        <v>0</v>
      </c>
      <c r="LR41" s="345">
        <v>0</v>
      </c>
      <c r="LS41" s="349">
        <v>0</v>
      </c>
      <c r="LT41" s="347">
        <v>0</v>
      </c>
      <c r="LU41" s="348">
        <v>0</v>
      </c>
      <c r="LV41" s="345">
        <v>0</v>
      </c>
      <c r="LW41" s="349">
        <v>0</v>
      </c>
      <c r="LX41" s="413">
        <v>0</v>
      </c>
      <c r="LY41" s="345">
        <v>0</v>
      </c>
      <c r="LZ41" s="345">
        <v>0</v>
      </c>
      <c r="MA41" s="345">
        <v>0</v>
      </c>
      <c r="MB41" s="345">
        <v>332517</v>
      </c>
      <c r="MC41" s="345">
        <v>0</v>
      </c>
      <c r="MD41" s="349">
        <v>332517</v>
      </c>
      <c r="ME41" s="350">
        <v>332517</v>
      </c>
      <c r="MF41" s="348">
        <v>0</v>
      </c>
      <c r="MG41" s="345">
        <v>0</v>
      </c>
      <c r="MH41" s="349">
        <v>0</v>
      </c>
      <c r="MI41" s="413">
        <v>0</v>
      </c>
      <c r="MJ41" s="345">
        <v>3608247</v>
      </c>
      <c r="MK41" s="345">
        <v>5986050</v>
      </c>
      <c r="ML41" s="345">
        <v>25338470</v>
      </c>
      <c r="MM41" s="345">
        <v>39661270</v>
      </c>
      <c r="MN41" s="345">
        <v>25870211</v>
      </c>
      <c r="MO41" s="349">
        <v>100464248</v>
      </c>
      <c r="MP41" s="354">
        <v>100464248</v>
      </c>
      <c r="MQ41" s="348">
        <v>0</v>
      </c>
      <c r="MR41" s="345">
        <v>0</v>
      </c>
      <c r="MS41" s="349">
        <v>0</v>
      </c>
      <c r="MT41" s="413">
        <v>0</v>
      </c>
      <c r="MU41" s="345">
        <v>0</v>
      </c>
      <c r="MV41" s="345">
        <v>1102231</v>
      </c>
      <c r="MW41" s="345">
        <v>14516602</v>
      </c>
      <c r="MX41" s="345">
        <v>22791535</v>
      </c>
      <c r="MY41" s="345">
        <v>18269883</v>
      </c>
      <c r="MZ41" s="349">
        <v>56680251</v>
      </c>
      <c r="NA41" s="354">
        <v>56680251</v>
      </c>
      <c r="NB41" s="348">
        <v>0</v>
      </c>
      <c r="NC41" s="345">
        <v>0</v>
      </c>
      <c r="ND41" s="349">
        <v>0</v>
      </c>
      <c r="NE41" s="413">
        <v>0</v>
      </c>
      <c r="NF41" s="345">
        <v>3608247</v>
      </c>
      <c r="NG41" s="345">
        <v>4883819</v>
      </c>
      <c r="NH41" s="345">
        <v>10821868</v>
      </c>
      <c r="NI41" s="345">
        <v>13451721</v>
      </c>
      <c r="NJ41" s="345">
        <v>5618151</v>
      </c>
      <c r="NK41" s="349">
        <v>38383806</v>
      </c>
      <c r="NL41" s="347">
        <v>38383806</v>
      </c>
      <c r="NM41" s="348">
        <v>0</v>
      </c>
      <c r="NN41" s="345">
        <v>0</v>
      </c>
      <c r="NO41" s="349">
        <v>0</v>
      </c>
      <c r="NP41" s="413">
        <v>0</v>
      </c>
      <c r="NQ41" s="345">
        <v>0</v>
      </c>
      <c r="NR41" s="345">
        <v>0</v>
      </c>
      <c r="NS41" s="345">
        <v>0</v>
      </c>
      <c r="NT41" s="345">
        <v>0</v>
      </c>
      <c r="NU41" s="345">
        <v>0</v>
      </c>
      <c r="NV41" s="349">
        <v>0</v>
      </c>
      <c r="NW41" s="350">
        <v>0</v>
      </c>
      <c r="NX41" s="348">
        <v>0</v>
      </c>
      <c r="NY41" s="345">
        <v>0</v>
      </c>
      <c r="NZ41" s="349">
        <v>0</v>
      </c>
      <c r="OA41" s="413">
        <v>0</v>
      </c>
      <c r="OB41" s="345">
        <v>0</v>
      </c>
      <c r="OC41" s="345">
        <v>0</v>
      </c>
      <c r="OD41" s="345">
        <v>0</v>
      </c>
      <c r="OE41" s="345">
        <v>3418014</v>
      </c>
      <c r="OF41" s="345">
        <v>1982177</v>
      </c>
      <c r="OG41" s="349">
        <v>5400191</v>
      </c>
      <c r="OH41" s="350">
        <v>5400191</v>
      </c>
      <c r="OI41" s="348">
        <v>1384048</v>
      </c>
      <c r="OJ41" s="345">
        <v>3460078</v>
      </c>
      <c r="OK41" s="346">
        <v>4844126</v>
      </c>
      <c r="OL41" s="351">
        <v>0</v>
      </c>
      <c r="OM41" s="345">
        <v>31210961</v>
      </c>
      <c r="ON41" s="345">
        <v>49196067</v>
      </c>
      <c r="OO41" s="345">
        <v>59444656</v>
      </c>
      <c r="OP41" s="345">
        <v>61143302</v>
      </c>
      <c r="OQ41" s="345">
        <v>49428395</v>
      </c>
      <c r="OR41" s="349">
        <v>250423381</v>
      </c>
      <c r="OS41" s="354">
        <v>255267507</v>
      </c>
    </row>
    <row r="42" spans="2:409" s="70" customFormat="1" ht="21" customHeight="1" thickBot="1" x14ac:dyDescent="0.25">
      <c r="B42" s="411" t="s">
        <v>37</v>
      </c>
      <c r="C42" s="371">
        <v>300236</v>
      </c>
      <c r="D42" s="372">
        <v>114119</v>
      </c>
      <c r="E42" s="373">
        <v>414355</v>
      </c>
      <c r="F42" s="374">
        <v>0</v>
      </c>
      <c r="G42" s="372">
        <v>1602610</v>
      </c>
      <c r="H42" s="372">
        <v>2088033</v>
      </c>
      <c r="I42" s="372">
        <v>2028020</v>
      </c>
      <c r="J42" s="372">
        <v>1465964</v>
      </c>
      <c r="K42" s="372">
        <v>1085321</v>
      </c>
      <c r="L42" s="374">
        <v>8269948</v>
      </c>
      <c r="M42" s="375">
        <v>8684303</v>
      </c>
      <c r="N42" s="371">
        <v>101853</v>
      </c>
      <c r="O42" s="372">
        <v>42612</v>
      </c>
      <c r="P42" s="373">
        <v>144465</v>
      </c>
      <c r="Q42" s="371">
        <v>0</v>
      </c>
      <c r="R42" s="372">
        <v>303617</v>
      </c>
      <c r="S42" s="372">
        <v>392004</v>
      </c>
      <c r="T42" s="372">
        <v>543095</v>
      </c>
      <c r="U42" s="372">
        <v>530065</v>
      </c>
      <c r="V42" s="372">
        <v>677483</v>
      </c>
      <c r="W42" s="373">
        <v>2446264</v>
      </c>
      <c r="X42" s="375">
        <v>2590729</v>
      </c>
      <c r="Y42" s="371">
        <v>0</v>
      </c>
      <c r="Z42" s="372">
        <v>0</v>
      </c>
      <c r="AA42" s="373">
        <v>0</v>
      </c>
      <c r="AB42" s="371">
        <v>0</v>
      </c>
      <c r="AC42" s="372">
        <v>90506</v>
      </c>
      <c r="AD42" s="372">
        <v>186442</v>
      </c>
      <c r="AE42" s="372">
        <v>286059</v>
      </c>
      <c r="AF42" s="372">
        <v>190137</v>
      </c>
      <c r="AG42" s="372">
        <v>329841</v>
      </c>
      <c r="AH42" s="373">
        <v>1082985</v>
      </c>
      <c r="AI42" s="375">
        <v>1082985</v>
      </c>
      <c r="AJ42" s="371">
        <v>0</v>
      </c>
      <c r="AK42" s="372">
        <v>0</v>
      </c>
      <c r="AL42" s="373">
        <v>0</v>
      </c>
      <c r="AM42" s="371">
        <v>0</v>
      </c>
      <c r="AN42" s="372">
        <v>0</v>
      </c>
      <c r="AO42" s="372">
        <v>0</v>
      </c>
      <c r="AP42" s="372">
        <v>0</v>
      </c>
      <c r="AQ42" s="372">
        <v>0</v>
      </c>
      <c r="AR42" s="372">
        <v>0</v>
      </c>
      <c r="AS42" s="373">
        <v>0</v>
      </c>
      <c r="AT42" s="375">
        <v>0</v>
      </c>
      <c r="AU42" s="371">
        <v>62721</v>
      </c>
      <c r="AV42" s="372">
        <v>42612</v>
      </c>
      <c r="AW42" s="373">
        <v>105333</v>
      </c>
      <c r="AX42" s="371">
        <v>0</v>
      </c>
      <c r="AY42" s="372">
        <v>133419</v>
      </c>
      <c r="AZ42" s="372">
        <v>171139</v>
      </c>
      <c r="BA42" s="372">
        <v>150152</v>
      </c>
      <c r="BB42" s="372">
        <v>150719</v>
      </c>
      <c r="BC42" s="372">
        <v>222436</v>
      </c>
      <c r="BD42" s="373">
        <v>827865</v>
      </c>
      <c r="BE42" s="375">
        <v>933198</v>
      </c>
      <c r="BF42" s="371">
        <v>0</v>
      </c>
      <c r="BG42" s="372">
        <v>0</v>
      </c>
      <c r="BH42" s="376">
        <v>0</v>
      </c>
      <c r="BI42" s="377">
        <v>0</v>
      </c>
      <c r="BJ42" s="372">
        <v>20877</v>
      </c>
      <c r="BK42" s="372">
        <v>24406</v>
      </c>
      <c r="BL42" s="372">
        <v>0</v>
      </c>
      <c r="BM42" s="372">
        <v>42086</v>
      </c>
      <c r="BN42" s="372">
        <v>27144</v>
      </c>
      <c r="BO42" s="373">
        <v>114513</v>
      </c>
      <c r="BP42" s="375">
        <v>114513</v>
      </c>
      <c r="BQ42" s="371">
        <v>39132</v>
      </c>
      <c r="BR42" s="372">
        <v>0</v>
      </c>
      <c r="BS42" s="373">
        <v>39132</v>
      </c>
      <c r="BT42" s="371">
        <v>0</v>
      </c>
      <c r="BU42" s="372">
        <v>58815</v>
      </c>
      <c r="BV42" s="372">
        <v>10017</v>
      </c>
      <c r="BW42" s="372">
        <v>106884</v>
      </c>
      <c r="BX42" s="372">
        <v>147123</v>
      </c>
      <c r="BY42" s="372">
        <v>98062</v>
      </c>
      <c r="BZ42" s="373">
        <v>420901</v>
      </c>
      <c r="CA42" s="375">
        <v>460033</v>
      </c>
      <c r="CB42" s="371">
        <v>24299</v>
      </c>
      <c r="CC42" s="372">
        <v>46610</v>
      </c>
      <c r="CD42" s="373">
        <v>70909</v>
      </c>
      <c r="CE42" s="371">
        <v>0</v>
      </c>
      <c r="CF42" s="372">
        <v>701711</v>
      </c>
      <c r="CG42" s="372">
        <v>865761</v>
      </c>
      <c r="CH42" s="372">
        <v>453849</v>
      </c>
      <c r="CI42" s="372">
        <v>515127</v>
      </c>
      <c r="CJ42" s="372">
        <v>191443</v>
      </c>
      <c r="CK42" s="373">
        <v>2727891</v>
      </c>
      <c r="CL42" s="375">
        <v>2798800</v>
      </c>
      <c r="CM42" s="371">
        <v>0</v>
      </c>
      <c r="CN42" s="372">
        <v>0</v>
      </c>
      <c r="CO42" s="373">
        <v>0</v>
      </c>
      <c r="CP42" s="377">
        <v>0</v>
      </c>
      <c r="CQ42" s="372">
        <v>354890</v>
      </c>
      <c r="CR42" s="372">
        <v>292014</v>
      </c>
      <c r="CS42" s="372">
        <v>328661</v>
      </c>
      <c r="CT42" s="372">
        <v>205379</v>
      </c>
      <c r="CU42" s="372">
        <v>96167</v>
      </c>
      <c r="CV42" s="373">
        <v>1277111</v>
      </c>
      <c r="CW42" s="375">
        <v>1277111</v>
      </c>
      <c r="CX42" s="371">
        <v>24299</v>
      </c>
      <c r="CY42" s="372">
        <v>46610</v>
      </c>
      <c r="CZ42" s="373">
        <v>70909</v>
      </c>
      <c r="DA42" s="371">
        <v>0</v>
      </c>
      <c r="DB42" s="372">
        <v>346821</v>
      </c>
      <c r="DC42" s="372">
        <v>573747</v>
      </c>
      <c r="DD42" s="372">
        <v>125188</v>
      </c>
      <c r="DE42" s="372">
        <v>309748</v>
      </c>
      <c r="DF42" s="372">
        <v>95276</v>
      </c>
      <c r="DG42" s="373">
        <v>1450780</v>
      </c>
      <c r="DH42" s="375">
        <v>1521689</v>
      </c>
      <c r="DI42" s="371">
        <v>0</v>
      </c>
      <c r="DJ42" s="372">
        <v>0</v>
      </c>
      <c r="DK42" s="376">
        <v>0</v>
      </c>
      <c r="DL42" s="377">
        <v>0</v>
      </c>
      <c r="DM42" s="372">
        <v>36657</v>
      </c>
      <c r="DN42" s="372">
        <v>119212</v>
      </c>
      <c r="DO42" s="372">
        <v>531042</v>
      </c>
      <c r="DP42" s="372">
        <v>71049</v>
      </c>
      <c r="DQ42" s="372">
        <v>46530</v>
      </c>
      <c r="DR42" s="373">
        <v>804490</v>
      </c>
      <c r="DS42" s="375">
        <v>804490</v>
      </c>
      <c r="DT42" s="371">
        <v>0</v>
      </c>
      <c r="DU42" s="372">
        <v>0</v>
      </c>
      <c r="DV42" s="373">
        <v>0</v>
      </c>
      <c r="DW42" s="371">
        <v>0</v>
      </c>
      <c r="DX42" s="372">
        <v>36657</v>
      </c>
      <c r="DY42" s="372">
        <v>119212</v>
      </c>
      <c r="DZ42" s="372">
        <v>531042</v>
      </c>
      <c r="EA42" s="372">
        <v>31881</v>
      </c>
      <c r="EB42" s="372">
        <v>0</v>
      </c>
      <c r="EC42" s="373">
        <v>718792</v>
      </c>
      <c r="ED42" s="375">
        <v>718792</v>
      </c>
      <c r="EE42" s="371">
        <v>0</v>
      </c>
      <c r="EF42" s="376">
        <v>0</v>
      </c>
      <c r="EG42" s="373">
        <v>0</v>
      </c>
      <c r="EH42" s="371">
        <v>0</v>
      </c>
      <c r="EI42" s="372">
        <v>0</v>
      </c>
      <c r="EJ42" s="372">
        <v>0</v>
      </c>
      <c r="EK42" s="372">
        <v>0</v>
      </c>
      <c r="EL42" s="372">
        <v>39168</v>
      </c>
      <c r="EM42" s="372">
        <v>46530</v>
      </c>
      <c r="EN42" s="376">
        <v>85698</v>
      </c>
      <c r="EO42" s="375">
        <v>85698</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88824</v>
      </c>
      <c r="FM42" s="372">
        <v>8082</v>
      </c>
      <c r="FN42" s="373">
        <v>96906</v>
      </c>
      <c r="FO42" s="371">
        <v>0</v>
      </c>
      <c r="FP42" s="372">
        <v>171120</v>
      </c>
      <c r="FQ42" s="372">
        <v>359978</v>
      </c>
      <c r="FR42" s="372">
        <v>206220</v>
      </c>
      <c r="FS42" s="372">
        <v>183452</v>
      </c>
      <c r="FT42" s="372">
        <v>96650</v>
      </c>
      <c r="FU42" s="373">
        <v>1017420</v>
      </c>
      <c r="FV42" s="375">
        <v>1114326</v>
      </c>
      <c r="FW42" s="378">
        <v>69420</v>
      </c>
      <c r="FX42" s="372">
        <v>8082</v>
      </c>
      <c r="FY42" s="376">
        <v>77502</v>
      </c>
      <c r="FZ42" s="377">
        <v>0</v>
      </c>
      <c r="GA42" s="372">
        <v>153750</v>
      </c>
      <c r="GB42" s="372">
        <v>359978</v>
      </c>
      <c r="GC42" s="372">
        <v>206220</v>
      </c>
      <c r="GD42" s="372">
        <v>183452</v>
      </c>
      <c r="GE42" s="372">
        <v>96650</v>
      </c>
      <c r="GF42" s="373">
        <v>1000050</v>
      </c>
      <c r="GG42" s="379">
        <v>1077552</v>
      </c>
      <c r="GH42" s="378">
        <v>19404</v>
      </c>
      <c r="GI42" s="372">
        <v>0</v>
      </c>
      <c r="GJ42" s="376">
        <v>19404</v>
      </c>
      <c r="GK42" s="377">
        <v>0</v>
      </c>
      <c r="GL42" s="372">
        <v>17370</v>
      </c>
      <c r="GM42" s="372">
        <v>0</v>
      </c>
      <c r="GN42" s="372">
        <v>0</v>
      </c>
      <c r="GO42" s="372">
        <v>0</v>
      </c>
      <c r="GP42" s="372">
        <v>0</v>
      </c>
      <c r="GQ42" s="373">
        <v>17370</v>
      </c>
      <c r="GR42" s="375">
        <v>36774</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85260</v>
      </c>
      <c r="HP42" s="372">
        <v>16815</v>
      </c>
      <c r="HQ42" s="373">
        <v>102075</v>
      </c>
      <c r="HR42" s="371">
        <v>0</v>
      </c>
      <c r="HS42" s="372">
        <v>389505</v>
      </c>
      <c r="HT42" s="372">
        <v>351078</v>
      </c>
      <c r="HU42" s="372">
        <v>293814</v>
      </c>
      <c r="HV42" s="372">
        <v>166271</v>
      </c>
      <c r="HW42" s="372">
        <v>73215</v>
      </c>
      <c r="HX42" s="376">
        <v>1273883</v>
      </c>
      <c r="HY42" s="375">
        <v>1375958</v>
      </c>
      <c r="HZ42" s="380">
        <v>0</v>
      </c>
      <c r="IA42" s="381">
        <v>0</v>
      </c>
      <c r="IB42" s="382">
        <v>0</v>
      </c>
      <c r="IC42" s="383">
        <v>0</v>
      </c>
      <c r="ID42" s="384">
        <v>1752158</v>
      </c>
      <c r="IE42" s="385">
        <v>633164</v>
      </c>
      <c r="IF42" s="386">
        <v>1504346</v>
      </c>
      <c r="IG42" s="384">
        <v>1741923</v>
      </c>
      <c r="IH42" s="386">
        <v>883121</v>
      </c>
      <c r="II42" s="387">
        <v>6514712</v>
      </c>
      <c r="IJ42" s="388">
        <v>6514712</v>
      </c>
      <c r="IK42" s="389">
        <v>0</v>
      </c>
      <c r="IL42" s="390">
        <v>0</v>
      </c>
      <c r="IM42" s="391">
        <v>0</v>
      </c>
      <c r="IN42" s="405">
        <v>0</v>
      </c>
      <c r="IO42" s="392">
        <v>0</v>
      </c>
      <c r="IP42" s="392">
        <v>0</v>
      </c>
      <c r="IQ42" s="392">
        <v>0</v>
      </c>
      <c r="IR42" s="392">
        <v>214931</v>
      </c>
      <c r="IS42" s="392">
        <v>0</v>
      </c>
      <c r="IT42" s="393">
        <v>214931</v>
      </c>
      <c r="IU42" s="394">
        <v>214931</v>
      </c>
      <c r="IV42" s="395">
        <v>0</v>
      </c>
      <c r="IW42" s="392">
        <v>0</v>
      </c>
      <c r="IX42" s="396">
        <v>0</v>
      </c>
      <c r="IY42" s="414">
        <v>0</v>
      </c>
      <c r="IZ42" s="392">
        <v>0</v>
      </c>
      <c r="JA42" s="392">
        <v>0</v>
      </c>
      <c r="JB42" s="392">
        <v>0</v>
      </c>
      <c r="JC42" s="392">
        <v>0</v>
      </c>
      <c r="JD42" s="392">
        <v>0</v>
      </c>
      <c r="JE42" s="396">
        <v>0</v>
      </c>
      <c r="JF42" s="397">
        <v>0</v>
      </c>
      <c r="JG42" s="395">
        <v>0</v>
      </c>
      <c r="JH42" s="392">
        <v>0</v>
      </c>
      <c r="JI42" s="393">
        <v>0</v>
      </c>
      <c r="JJ42" s="398">
        <v>0</v>
      </c>
      <c r="JK42" s="392">
        <v>948478</v>
      </c>
      <c r="JL42" s="392">
        <v>633164</v>
      </c>
      <c r="JM42" s="392">
        <v>681334</v>
      </c>
      <c r="JN42" s="392">
        <v>139005</v>
      </c>
      <c r="JO42" s="392">
        <v>313347</v>
      </c>
      <c r="JP42" s="396">
        <v>2715328</v>
      </c>
      <c r="JQ42" s="394">
        <v>2715328</v>
      </c>
      <c r="JR42" s="395">
        <v>0</v>
      </c>
      <c r="JS42" s="392">
        <v>0</v>
      </c>
      <c r="JT42" s="393">
        <v>0</v>
      </c>
      <c r="JU42" s="398">
        <v>0</v>
      </c>
      <c r="JV42" s="392">
        <v>37661</v>
      </c>
      <c r="JW42" s="392">
        <v>0</v>
      </c>
      <c r="JX42" s="392">
        <v>0</v>
      </c>
      <c r="JY42" s="392">
        <v>0</v>
      </c>
      <c r="JZ42" s="392">
        <v>0</v>
      </c>
      <c r="KA42" s="396">
        <v>37661</v>
      </c>
      <c r="KB42" s="394">
        <v>37661</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14">
        <v>0</v>
      </c>
      <c r="KR42" s="392">
        <v>766019</v>
      </c>
      <c r="KS42" s="392">
        <v>0</v>
      </c>
      <c r="KT42" s="392">
        <v>823012</v>
      </c>
      <c r="KU42" s="392">
        <v>1387987</v>
      </c>
      <c r="KV42" s="392">
        <v>569774</v>
      </c>
      <c r="KW42" s="396">
        <v>3546792</v>
      </c>
      <c r="KX42" s="394">
        <v>3546792</v>
      </c>
      <c r="KY42" s="395">
        <v>0</v>
      </c>
      <c r="KZ42" s="392">
        <v>0</v>
      </c>
      <c r="LA42" s="396">
        <v>0</v>
      </c>
      <c r="LB42" s="414">
        <v>0</v>
      </c>
      <c r="LC42" s="392">
        <v>0</v>
      </c>
      <c r="LD42" s="392">
        <v>0</v>
      </c>
      <c r="LE42" s="392">
        <v>0</v>
      </c>
      <c r="LF42" s="392">
        <v>0</v>
      </c>
      <c r="LG42" s="392">
        <v>0</v>
      </c>
      <c r="LH42" s="396">
        <v>0</v>
      </c>
      <c r="LI42" s="397">
        <v>0</v>
      </c>
      <c r="LJ42" s="395">
        <v>0</v>
      </c>
      <c r="LK42" s="392">
        <v>0</v>
      </c>
      <c r="LL42" s="396">
        <v>0</v>
      </c>
      <c r="LM42" s="414">
        <v>0</v>
      </c>
      <c r="LN42" s="392">
        <v>0</v>
      </c>
      <c r="LO42" s="392">
        <v>0</v>
      </c>
      <c r="LP42" s="392">
        <v>0</v>
      </c>
      <c r="LQ42" s="392">
        <v>0</v>
      </c>
      <c r="LR42" s="392">
        <v>0</v>
      </c>
      <c r="LS42" s="396">
        <v>0</v>
      </c>
      <c r="LT42" s="394">
        <v>0</v>
      </c>
      <c r="LU42" s="395">
        <v>0</v>
      </c>
      <c r="LV42" s="392">
        <v>0</v>
      </c>
      <c r="LW42" s="396">
        <v>0</v>
      </c>
      <c r="LX42" s="414">
        <v>0</v>
      </c>
      <c r="LY42" s="392">
        <v>0</v>
      </c>
      <c r="LZ42" s="392">
        <v>0</v>
      </c>
      <c r="MA42" s="392">
        <v>0</v>
      </c>
      <c r="MB42" s="392">
        <v>0</v>
      </c>
      <c r="MC42" s="392">
        <v>0</v>
      </c>
      <c r="MD42" s="396">
        <v>0</v>
      </c>
      <c r="ME42" s="397">
        <v>0</v>
      </c>
      <c r="MF42" s="395">
        <v>0</v>
      </c>
      <c r="MG42" s="392">
        <v>0</v>
      </c>
      <c r="MH42" s="396">
        <v>0</v>
      </c>
      <c r="MI42" s="414">
        <v>0</v>
      </c>
      <c r="MJ42" s="392">
        <v>248220</v>
      </c>
      <c r="MK42" s="392">
        <v>1591059</v>
      </c>
      <c r="ML42" s="392">
        <v>3601642</v>
      </c>
      <c r="MM42" s="392">
        <v>2765624</v>
      </c>
      <c r="MN42" s="392">
        <v>3779050</v>
      </c>
      <c r="MO42" s="396">
        <v>11985595</v>
      </c>
      <c r="MP42" s="401">
        <v>11985595</v>
      </c>
      <c r="MQ42" s="395">
        <v>0</v>
      </c>
      <c r="MR42" s="392">
        <v>0</v>
      </c>
      <c r="MS42" s="396">
        <v>0</v>
      </c>
      <c r="MT42" s="414">
        <v>0</v>
      </c>
      <c r="MU42" s="392">
        <v>0</v>
      </c>
      <c r="MV42" s="392">
        <v>0</v>
      </c>
      <c r="MW42" s="392">
        <v>1600453</v>
      </c>
      <c r="MX42" s="392">
        <v>2096688</v>
      </c>
      <c r="MY42" s="392">
        <v>2557025</v>
      </c>
      <c r="MZ42" s="396">
        <v>6254166</v>
      </c>
      <c r="NA42" s="401">
        <v>6254166</v>
      </c>
      <c r="NB42" s="395">
        <v>0</v>
      </c>
      <c r="NC42" s="392">
        <v>0</v>
      </c>
      <c r="ND42" s="396">
        <v>0</v>
      </c>
      <c r="NE42" s="414">
        <v>0</v>
      </c>
      <c r="NF42" s="392">
        <v>248220</v>
      </c>
      <c r="NG42" s="392">
        <v>1591059</v>
      </c>
      <c r="NH42" s="392">
        <v>2001189</v>
      </c>
      <c r="NI42" s="392">
        <v>668936</v>
      </c>
      <c r="NJ42" s="392">
        <v>829129</v>
      </c>
      <c r="NK42" s="396">
        <v>5338533</v>
      </c>
      <c r="NL42" s="394">
        <v>5338533</v>
      </c>
      <c r="NM42" s="395">
        <v>0</v>
      </c>
      <c r="NN42" s="392">
        <v>0</v>
      </c>
      <c r="NO42" s="396">
        <v>0</v>
      </c>
      <c r="NP42" s="414">
        <v>0</v>
      </c>
      <c r="NQ42" s="392">
        <v>0</v>
      </c>
      <c r="NR42" s="392">
        <v>0</v>
      </c>
      <c r="NS42" s="392">
        <v>0</v>
      </c>
      <c r="NT42" s="392">
        <v>0</v>
      </c>
      <c r="NU42" s="392">
        <v>0</v>
      </c>
      <c r="NV42" s="396">
        <v>0</v>
      </c>
      <c r="NW42" s="397">
        <v>0</v>
      </c>
      <c r="NX42" s="395">
        <v>0</v>
      </c>
      <c r="NY42" s="392">
        <v>0</v>
      </c>
      <c r="NZ42" s="396">
        <v>0</v>
      </c>
      <c r="OA42" s="414">
        <v>0</v>
      </c>
      <c r="OB42" s="392">
        <v>0</v>
      </c>
      <c r="OC42" s="392">
        <v>0</v>
      </c>
      <c r="OD42" s="392">
        <v>0</v>
      </c>
      <c r="OE42" s="392">
        <v>0</v>
      </c>
      <c r="OF42" s="392">
        <v>392896</v>
      </c>
      <c r="OG42" s="396">
        <v>392896</v>
      </c>
      <c r="OH42" s="397">
        <v>392896</v>
      </c>
      <c r="OI42" s="395">
        <v>300236</v>
      </c>
      <c r="OJ42" s="392">
        <v>114119</v>
      </c>
      <c r="OK42" s="393">
        <v>414355</v>
      </c>
      <c r="OL42" s="398">
        <v>0</v>
      </c>
      <c r="OM42" s="392">
        <v>3602988</v>
      </c>
      <c r="ON42" s="392">
        <v>4312256</v>
      </c>
      <c r="OO42" s="392">
        <v>7134008</v>
      </c>
      <c r="OP42" s="392">
        <v>5973511</v>
      </c>
      <c r="OQ42" s="392">
        <v>5747492</v>
      </c>
      <c r="OR42" s="396">
        <v>26770255</v>
      </c>
      <c r="OS42" s="401">
        <v>27184610</v>
      </c>
    </row>
    <row r="43" spans="2:409" x14ac:dyDescent="0.2">
      <c r="B43" s="71"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218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10"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33</v>
      </c>
      <c r="E1" s="63">
        <f>第１表!F2</f>
        <v>6</v>
      </c>
      <c r="F1" s="16">
        <f>第１表!G2</f>
        <v>6</v>
      </c>
      <c r="G1" s="572">
        <f>IF(F1&lt;3,F1-2+12,F1-2)</f>
        <v>4</v>
      </c>
      <c r="H1" s="572"/>
      <c r="IB1" s="42"/>
      <c r="IC1" s="22"/>
      <c r="ID1" s="547"/>
      <c r="IE1" s="547"/>
    </row>
    <row r="2" spans="1:409" ht="24" customHeight="1" x14ac:dyDescent="0.2">
      <c r="B2" s="10" t="s">
        <v>144</v>
      </c>
      <c r="E2" s="19"/>
      <c r="F2" s="20"/>
      <c r="G2" s="248"/>
      <c r="H2" s="248"/>
      <c r="IB2" s="21"/>
      <c r="IC2" s="22"/>
      <c r="ID2" s="248"/>
      <c r="IE2" s="248"/>
    </row>
    <row r="3" spans="1:409" ht="24" customHeight="1" thickBot="1" x14ac:dyDescent="0.25">
      <c r="B3" s="10" t="s">
        <v>134</v>
      </c>
    </row>
    <row r="4" spans="1: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1: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1: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73" t="s">
        <v>71</v>
      </c>
      <c r="AK6" s="574"/>
      <c r="AL6" s="574"/>
      <c r="AM6" s="574"/>
      <c r="AN6" s="574"/>
      <c r="AO6" s="574"/>
      <c r="AP6" s="574"/>
      <c r="AQ6" s="574"/>
      <c r="AR6" s="574"/>
      <c r="AS6" s="574"/>
      <c r="AT6" s="57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1: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18" t="s">
        <v>61</v>
      </c>
      <c r="AK7" s="512"/>
      <c r="AL7" s="513"/>
      <c r="AM7" s="534" t="s">
        <v>62</v>
      </c>
      <c r="AN7" s="512"/>
      <c r="AO7" s="512"/>
      <c r="AP7" s="512"/>
      <c r="AQ7" s="512"/>
      <c r="AR7" s="512"/>
      <c r="AS7" s="535"/>
      <c r="AT7" s="435"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1: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231"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1:409" s="407" customFormat="1" ht="21" customHeight="1" x14ac:dyDescent="0.2">
      <c r="A9" s="70"/>
      <c r="B9" s="408" t="s">
        <v>4</v>
      </c>
      <c r="C9" s="255">
        <v>27642614</v>
      </c>
      <c r="D9" s="256">
        <v>48519314</v>
      </c>
      <c r="E9" s="257">
        <v>76161928</v>
      </c>
      <c r="F9" s="258">
        <v>0</v>
      </c>
      <c r="G9" s="256">
        <v>297812782</v>
      </c>
      <c r="H9" s="256">
        <v>395874918</v>
      </c>
      <c r="I9" s="256">
        <v>343953397</v>
      </c>
      <c r="J9" s="256">
        <v>309076498</v>
      </c>
      <c r="K9" s="256">
        <v>190255366</v>
      </c>
      <c r="L9" s="259">
        <v>1536972961</v>
      </c>
      <c r="M9" s="260">
        <v>1613134889</v>
      </c>
      <c r="N9" s="255">
        <v>8503164</v>
      </c>
      <c r="O9" s="256">
        <v>17789781</v>
      </c>
      <c r="P9" s="261">
        <v>26292945</v>
      </c>
      <c r="Q9" s="255">
        <v>0</v>
      </c>
      <c r="R9" s="256">
        <v>92561957</v>
      </c>
      <c r="S9" s="256">
        <v>136597280</v>
      </c>
      <c r="T9" s="256">
        <v>114412186</v>
      </c>
      <c r="U9" s="256">
        <v>116458866</v>
      </c>
      <c r="V9" s="256">
        <v>100846214</v>
      </c>
      <c r="W9" s="261">
        <v>560876503</v>
      </c>
      <c r="X9" s="260">
        <v>587169448</v>
      </c>
      <c r="Y9" s="255">
        <v>0</v>
      </c>
      <c r="Z9" s="256">
        <v>0</v>
      </c>
      <c r="AA9" s="261">
        <v>0</v>
      </c>
      <c r="AB9" s="262">
        <v>0</v>
      </c>
      <c r="AC9" s="263">
        <v>36666876</v>
      </c>
      <c r="AD9" s="263">
        <v>53888647</v>
      </c>
      <c r="AE9" s="263">
        <v>54270447</v>
      </c>
      <c r="AF9" s="263">
        <v>60393971</v>
      </c>
      <c r="AG9" s="263">
        <v>55679885</v>
      </c>
      <c r="AH9" s="261">
        <v>260899826</v>
      </c>
      <c r="AI9" s="260">
        <v>260899826</v>
      </c>
      <c r="AJ9" s="264">
        <v>0</v>
      </c>
      <c r="AK9" s="263">
        <v>16510</v>
      </c>
      <c r="AL9" s="261">
        <v>16510</v>
      </c>
      <c r="AM9" s="262">
        <v>0</v>
      </c>
      <c r="AN9" s="263">
        <v>62110</v>
      </c>
      <c r="AO9" s="259">
        <v>1458719</v>
      </c>
      <c r="AP9" s="263">
        <v>2950699</v>
      </c>
      <c r="AQ9" s="263">
        <v>6896801</v>
      </c>
      <c r="AR9" s="263">
        <v>11668041</v>
      </c>
      <c r="AS9" s="261">
        <v>23036370</v>
      </c>
      <c r="AT9" s="260">
        <v>23052880</v>
      </c>
      <c r="AU9" s="264">
        <v>4414170</v>
      </c>
      <c r="AV9" s="263">
        <v>12545263</v>
      </c>
      <c r="AW9" s="261">
        <v>16959433</v>
      </c>
      <c r="AX9" s="262">
        <v>0</v>
      </c>
      <c r="AY9" s="263">
        <v>34888713</v>
      </c>
      <c r="AZ9" s="263">
        <v>56715419</v>
      </c>
      <c r="BA9" s="263">
        <v>35392992</v>
      </c>
      <c r="BB9" s="263">
        <v>29078941</v>
      </c>
      <c r="BC9" s="263">
        <v>20704905</v>
      </c>
      <c r="BD9" s="261">
        <v>176780970</v>
      </c>
      <c r="BE9" s="265">
        <v>193740403</v>
      </c>
      <c r="BF9" s="264">
        <v>648426</v>
      </c>
      <c r="BG9" s="259">
        <v>1470796</v>
      </c>
      <c r="BH9" s="266">
        <v>2119222</v>
      </c>
      <c r="BI9" s="262">
        <v>0</v>
      </c>
      <c r="BJ9" s="263">
        <v>3476194</v>
      </c>
      <c r="BK9" s="263">
        <v>3651235</v>
      </c>
      <c r="BL9" s="263">
        <v>2921072</v>
      </c>
      <c r="BM9" s="263">
        <v>2645161</v>
      </c>
      <c r="BN9" s="263">
        <v>1230215</v>
      </c>
      <c r="BO9" s="261">
        <v>13923877</v>
      </c>
      <c r="BP9" s="260">
        <v>16043099</v>
      </c>
      <c r="BQ9" s="264">
        <v>3440568</v>
      </c>
      <c r="BR9" s="263">
        <v>3757212</v>
      </c>
      <c r="BS9" s="261">
        <v>7197780</v>
      </c>
      <c r="BT9" s="262">
        <v>0</v>
      </c>
      <c r="BU9" s="263">
        <v>17468064</v>
      </c>
      <c r="BV9" s="263">
        <v>20883260</v>
      </c>
      <c r="BW9" s="263">
        <v>18876976</v>
      </c>
      <c r="BX9" s="263">
        <v>17443992</v>
      </c>
      <c r="BY9" s="263">
        <v>11563168</v>
      </c>
      <c r="BZ9" s="261">
        <v>86235460</v>
      </c>
      <c r="CA9" s="260">
        <v>93433240</v>
      </c>
      <c r="CB9" s="264">
        <v>3029069</v>
      </c>
      <c r="CC9" s="263">
        <v>7280338</v>
      </c>
      <c r="CD9" s="261">
        <v>10309407</v>
      </c>
      <c r="CE9" s="262">
        <v>0</v>
      </c>
      <c r="CF9" s="263">
        <v>92910485</v>
      </c>
      <c r="CG9" s="263">
        <v>111967845</v>
      </c>
      <c r="CH9" s="267">
        <v>81058049</v>
      </c>
      <c r="CI9" s="263">
        <v>46211023</v>
      </c>
      <c r="CJ9" s="263">
        <v>16267853</v>
      </c>
      <c r="CK9" s="261">
        <v>348415255</v>
      </c>
      <c r="CL9" s="260">
        <v>358724662</v>
      </c>
      <c r="CM9" s="255">
        <v>0</v>
      </c>
      <c r="CN9" s="256">
        <v>0</v>
      </c>
      <c r="CO9" s="261">
        <v>0</v>
      </c>
      <c r="CP9" s="262">
        <v>0</v>
      </c>
      <c r="CQ9" s="263">
        <v>74660700</v>
      </c>
      <c r="CR9" s="263">
        <v>81617448</v>
      </c>
      <c r="CS9" s="263">
        <v>57940099</v>
      </c>
      <c r="CT9" s="263">
        <v>31486656</v>
      </c>
      <c r="CU9" s="263">
        <v>12443032</v>
      </c>
      <c r="CV9" s="268">
        <v>258147935</v>
      </c>
      <c r="CW9" s="260">
        <v>258147935</v>
      </c>
      <c r="CX9" s="264">
        <v>3029069</v>
      </c>
      <c r="CY9" s="263">
        <v>7280338</v>
      </c>
      <c r="CZ9" s="261">
        <v>10309407</v>
      </c>
      <c r="DA9" s="262">
        <v>0</v>
      </c>
      <c r="DB9" s="263">
        <v>18249785</v>
      </c>
      <c r="DC9" s="263">
        <v>30350397</v>
      </c>
      <c r="DD9" s="263">
        <v>23117950</v>
      </c>
      <c r="DE9" s="263">
        <v>14724367</v>
      </c>
      <c r="DF9" s="263">
        <v>3824821</v>
      </c>
      <c r="DG9" s="261">
        <v>90267320</v>
      </c>
      <c r="DH9" s="260">
        <v>100576727</v>
      </c>
      <c r="DI9" s="264">
        <v>75393</v>
      </c>
      <c r="DJ9" s="263">
        <v>629140</v>
      </c>
      <c r="DK9" s="266">
        <v>704533</v>
      </c>
      <c r="DL9" s="262">
        <v>0</v>
      </c>
      <c r="DM9" s="263">
        <v>9385982</v>
      </c>
      <c r="DN9" s="263">
        <v>17825215</v>
      </c>
      <c r="DO9" s="263">
        <v>31530800</v>
      </c>
      <c r="DP9" s="263">
        <v>24398985</v>
      </c>
      <c r="DQ9" s="263">
        <v>9334085</v>
      </c>
      <c r="DR9" s="269">
        <v>92475067</v>
      </c>
      <c r="DS9" s="260">
        <v>93179600</v>
      </c>
      <c r="DT9" s="264">
        <v>75393</v>
      </c>
      <c r="DU9" s="263">
        <v>554503</v>
      </c>
      <c r="DV9" s="261">
        <v>629896</v>
      </c>
      <c r="DW9" s="262">
        <v>0</v>
      </c>
      <c r="DX9" s="263">
        <v>8220515</v>
      </c>
      <c r="DY9" s="263">
        <v>15455681</v>
      </c>
      <c r="DZ9" s="263">
        <v>25789605</v>
      </c>
      <c r="EA9" s="263">
        <v>20893928</v>
      </c>
      <c r="EB9" s="263">
        <v>7933522</v>
      </c>
      <c r="EC9" s="261">
        <v>78293251</v>
      </c>
      <c r="ED9" s="260">
        <v>78923147</v>
      </c>
      <c r="EE9" s="264">
        <v>0</v>
      </c>
      <c r="EF9" s="259">
        <v>74637</v>
      </c>
      <c r="EG9" s="261">
        <v>74637</v>
      </c>
      <c r="EH9" s="265">
        <v>0</v>
      </c>
      <c r="EI9" s="263">
        <v>1165467</v>
      </c>
      <c r="EJ9" s="263">
        <v>2369534</v>
      </c>
      <c r="EK9" s="263">
        <v>5741195</v>
      </c>
      <c r="EL9" s="263">
        <v>3505057</v>
      </c>
      <c r="EM9" s="267">
        <v>1400563</v>
      </c>
      <c r="EN9" s="259">
        <v>14181816</v>
      </c>
      <c r="EO9" s="260">
        <v>14256453</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6140916</v>
      </c>
      <c r="FM9" s="263">
        <v>10786032</v>
      </c>
      <c r="FN9" s="261">
        <v>16926948</v>
      </c>
      <c r="FO9" s="262">
        <v>0</v>
      </c>
      <c r="FP9" s="263">
        <v>15570202</v>
      </c>
      <c r="FQ9" s="263">
        <v>40573300</v>
      </c>
      <c r="FR9" s="263">
        <v>28440478</v>
      </c>
      <c r="FS9" s="263">
        <v>22951636</v>
      </c>
      <c r="FT9" s="263">
        <v>14108124</v>
      </c>
      <c r="FU9" s="261">
        <v>121643740</v>
      </c>
      <c r="FV9" s="260">
        <v>138570688</v>
      </c>
      <c r="FW9" s="264">
        <v>2799808</v>
      </c>
      <c r="FX9" s="263">
        <v>7331848</v>
      </c>
      <c r="FY9" s="259">
        <v>10131656</v>
      </c>
      <c r="FZ9" s="265">
        <v>0</v>
      </c>
      <c r="GA9" s="263">
        <v>10650832</v>
      </c>
      <c r="GB9" s="270">
        <v>34801872</v>
      </c>
      <c r="GC9" s="263">
        <v>25588960</v>
      </c>
      <c r="GD9" s="270">
        <v>21016848</v>
      </c>
      <c r="GE9" s="263">
        <v>13305056</v>
      </c>
      <c r="GF9" s="268">
        <v>105363568</v>
      </c>
      <c r="GG9" s="271">
        <v>115495224</v>
      </c>
      <c r="GH9" s="272">
        <v>586988</v>
      </c>
      <c r="GI9" s="263">
        <v>708520</v>
      </c>
      <c r="GJ9" s="270">
        <v>1295508</v>
      </c>
      <c r="GK9" s="258">
        <v>0</v>
      </c>
      <c r="GL9" s="263">
        <v>947793</v>
      </c>
      <c r="GM9" s="259">
        <v>1420921</v>
      </c>
      <c r="GN9" s="263">
        <v>926689</v>
      </c>
      <c r="GO9" s="259">
        <v>729896</v>
      </c>
      <c r="GP9" s="263">
        <v>469788</v>
      </c>
      <c r="GQ9" s="269">
        <v>4495087</v>
      </c>
      <c r="GR9" s="260">
        <v>5790595</v>
      </c>
      <c r="GS9" s="259">
        <v>2754120</v>
      </c>
      <c r="GT9" s="263">
        <v>2745664</v>
      </c>
      <c r="GU9" s="261">
        <v>5499784</v>
      </c>
      <c r="GV9" s="259">
        <v>0</v>
      </c>
      <c r="GW9" s="263">
        <v>3971577</v>
      </c>
      <c r="GX9" s="259">
        <v>4350507</v>
      </c>
      <c r="GY9" s="263">
        <v>1924829</v>
      </c>
      <c r="GZ9" s="259">
        <v>1204892</v>
      </c>
      <c r="HA9" s="263">
        <v>333280</v>
      </c>
      <c r="HB9" s="259">
        <v>11785085</v>
      </c>
      <c r="HC9" s="260">
        <v>17284869</v>
      </c>
      <c r="HD9" s="259">
        <v>9894072</v>
      </c>
      <c r="HE9" s="263">
        <v>12034023</v>
      </c>
      <c r="HF9" s="259">
        <v>21928095</v>
      </c>
      <c r="HG9" s="265">
        <v>0</v>
      </c>
      <c r="HH9" s="263">
        <v>87384156</v>
      </c>
      <c r="HI9" s="270">
        <v>88911278</v>
      </c>
      <c r="HJ9" s="263">
        <v>88511884</v>
      </c>
      <c r="HK9" s="270">
        <v>99055988</v>
      </c>
      <c r="HL9" s="263">
        <v>49699090</v>
      </c>
      <c r="HM9" s="268">
        <v>413562396</v>
      </c>
      <c r="HN9" s="259">
        <v>435490491</v>
      </c>
      <c r="HO9" s="272">
        <v>0</v>
      </c>
      <c r="HP9" s="263">
        <v>0</v>
      </c>
      <c r="HQ9" s="268">
        <v>0</v>
      </c>
      <c r="HR9" s="270">
        <v>0</v>
      </c>
      <c r="HS9" s="263">
        <v>0</v>
      </c>
      <c r="HT9" s="270">
        <v>0</v>
      </c>
      <c r="HU9" s="263">
        <v>0</v>
      </c>
      <c r="HV9" s="270">
        <v>0</v>
      </c>
      <c r="HW9" s="263">
        <v>0</v>
      </c>
      <c r="HX9" s="270">
        <v>0</v>
      </c>
      <c r="HY9" s="260">
        <v>0</v>
      </c>
      <c r="HZ9" s="273">
        <v>409741</v>
      </c>
      <c r="IA9" s="274">
        <v>736784</v>
      </c>
      <c r="IB9" s="275">
        <v>1146525</v>
      </c>
      <c r="IC9" s="276">
        <v>0</v>
      </c>
      <c r="ID9" s="274">
        <v>73446755</v>
      </c>
      <c r="IE9" s="277">
        <v>99125189</v>
      </c>
      <c r="IF9" s="278">
        <v>98377134</v>
      </c>
      <c r="IG9" s="274">
        <v>76552125</v>
      </c>
      <c r="IH9" s="278">
        <v>44043280</v>
      </c>
      <c r="II9" s="279">
        <v>391544483</v>
      </c>
      <c r="IJ9" s="280">
        <v>392691008</v>
      </c>
      <c r="IK9" s="281">
        <v>0</v>
      </c>
      <c r="IL9" s="282">
        <v>0</v>
      </c>
      <c r="IM9" s="283">
        <v>0</v>
      </c>
      <c r="IN9" s="406">
        <v>0</v>
      </c>
      <c r="IO9" s="284">
        <v>1102093</v>
      </c>
      <c r="IP9" s="284">
        <v>2612160</v>
      </c>
      <c r="IQ9" s="284">
        <v>3845311</v>
      </c>
      <c r="IR9" s="284">
        <v>5536221</v>
      </c>
      <c r="IS9" s="284">
        <v>3210495</v>
      </c>
      <c r="IT9" s="285">
        <v>16306280</v>
      </c>
      <c r="IU9" s="286">
        <v>16306280</v>
      </c>
      <c r="IV9" s="287">
        <v>0</v>
      </c>
      <c r="IW9" s="284">
        <v>0</v>
      </c>
      <c r="IX9" s="288">
        <v>0</v>
      </c>
      <c r="IY9" s="406">
        <v>0</v>
      </c>
      <c r="IZ9" s="284">
        <v>168075</v>
      </c>
      <c r="JA9" s="284">
        <v>639957</v>
      </c>
      <c r="JB9" s="284">
        <v>682671</v>
      </c>
      <c r="JC9" s="284">
        <v>840163</v>
      </c>
      <c r="JD9" s="284">
        <v>716834</v>
      </c>
      <c r="JE9" s="288">
        <v>3047700</v>
      </c>
      <c r="JF9" s="289">
        <v>3047700</v>
      </c>
      <c r="JG9" s="287">
        <v>0</v>
      </c>
      <c r="JH9" s="284">
        <v>5066</v>
      </c>
      <c r="JI9" s="285">
        <v>5066</v>
      </c>
      <c r="JJ9" s="290">
        <v>0</v>
      </c>
      <c r="JK9" s="284">
        <v>33893399</v>
      </c>
      <c r="JL9" s="284">
        <v>41859708</v>
      </c>
      <c r="JM9" s="284">
        <v>25022408</v>
      </c>
      <c r="JN9" s="284">
        <v>14366733</v>
      </c>
      <c r="JO9" s="284">
        <v>7163493</v>
      </c>
      <c r="JP9" s="288">
        <v>122305741</v>
      </c>
      <c r="JQ9" s="286">
        <v>122310807</v>
      </c>
      <c r="JR9" s="287">
        <v>30315</v>
      </c>
      <c r="JS9" s="284">
        <v>85364</v>
      </c>
      <c r="JT9" s="285">
        <v>115679</v>
      </c>
      <c r="JU9" s="290">
        <v>0</v>
      </c>
      <c r="JV9" s="284">
        <v>4344998</v>
      </c>
      <c r="JW9" s="284">
        <v>6972162</v>
      </c>
      <c r="JX9" s="284">
        <v>9461860</v>
      </c>
      <c r="JY9" s="284">
        <v>5313163</v>
      </c>
      <c r="JZ9" s="284">
        <v>2371404</v>
      </c>
      <c r="KA9" s="288">
        <v>28463587</v>
      </c>
      <c r="KB9" s="286">
        <v>28579266</v>
      </c>
      <c r="KC9" s="291">
        <v>379426</v>
      </c>
      <c r="KD9" s="292">
        <v>646354</v>
      </c>
      <c r="KE9" s="288">
        <v>1025780</v>
      </c>
      <c r="KF9" s="290">
        <v>0</v>
      </c>
      <c r="KG9" s="284">
        <v>9438521</v>
      </c>
      <c r="KH9" s="284">
        <v>13019859</v>
      </c>
      <c r="KI9" s="284">
        <v>16395724</v>
      </c>
      <c r="KJ9" s="284">
        <v>11426789</v>
      </c>
      <c r="KK9" s="284">
        <v>5621742</v>
      </c>
      <c r="KL9" s="288">
        <v>55902635</v>
      </c>
      <c r="KM9" s="293">
        <v>56928415</v>
      </c>
      <c r="KN9" s="281">
        <v>0</v>
      </c>
      <c r="KO9" s="282">
        <v>0</v>
      </c>
      <c r="KP9" s="283">
        <v>0</v>
      </c>
      <c r="KQ9" s="406">
        <v>0</v>
      </c>
      <c r="KR9" s="284">
        <v>21097922</v>
      </c>
      <c r="KS9" s="284">
        <v>29556059</v>
      </c>
      <c r="KT9" s="284">
        <v>32402097</v>
      </c>
      <c r="KU9" s="284">
        <v>24922365</v>
      </c>
      <c r="KV9" s="284">
        <v>11612684</v>
      </c>
      <c r="KW9" s="288">
        <v>119591127</v>
      </c>
      <c r="KX9" s="286">
        <v>119591127</v>
      </c>
      <c r="KY9" s="287">
        <v>0</v>
      </c>
      <c r="KZ9" s="284">
        <v>0</v>
      </c>
      <c r="LA9" s="288">
        <v>0</v>
      </c>
      <c r="LB9" s="406">
        <v>0</v>
      </c>
      <c r="LC9" s="284">
        <v>401900</v>
      </c>
      <c r="LD9" s="284">
        <v>899322</v>
      </c>
      <c r="LE9" s="284">
        <v>599641</v>
      </c>
      <c r="LF9" s="284">
        <v>866469</v>
      </c>
      <c r="LG9" s="284">
        <v>702035</v>
      </c>
      <c r="LH9" s="288">
        <v>3469367</v>
      </c>
      <c r="LI9" s="289">
        <v>3469367</v>
      </c>
      <c r="LJ9" s="287">
        <v>0</v>
      </c>
      <c r="LK9" s="284">
        <v>0</v>
      </c>
      <c r="LL9" s="288">
        <v>0</v>
      </c>
      <c r="LM9" s="406">
        <v>0</v>
      </c>
      <c r="LN9" s="284">
        <v>227306</v>
      </c>
      <c r="LO9" s="284">
        <v>473839</v>
      </c>
      <c r="LP9" s="284">
        <v>3535145</v>
      </c>
      <c r="LQ9" s="284">
        <v>6383652</v>
      </c>
      <c r="LR9" s="284">
        <v>3371077</v>
      </c>
      <c r="LS9" s="288">
        <v>13991019</v>
      </c>
      <c r="LT9" s="286">
        <v>13991019</v>
      </c>
      <c r="LU9" s="287">
        <v>0</v>
      </c>
      <c r="LV9" s="284">
        <v>0</v>
      </c>
      <c r="LW9" s="288">
        <v>0</v>
      </c>
      <c r="LX9" s="406">
        <v>0</v>
      </c>
      <c r="LY9" s="284">
        <v>2772541</v>
      </c>
      <c r="LZ9" s="284">
        <v>3092123</v>
      </c>
      <c r="MA9" s="284">
        <v>6432277</v>
      </c>
      <c r="MB9" s="284">
        <v>6896570</v>
      </c>
      <c r="MC9" s="284">
        <v>9273516</v>
      </c>
      <c r="MD9" s="288">
        <v>28467027</v>
      </c>
      <c r="ME9" s="289">
        <v>28467027</v>
      </c>
      <c r="MF9" s="287">
        <v>0</v>
      </c>
      <c r="MG9" s="284">
        <v>0</v>
      </c>
      <c r="MH9" s="288">
        <v>0</v>
      </c>
      <c r="MI9" s="406">
        <v>0</v>
      </c>
      <c r="MJ9" s="284">
        <v>21247834</v>
      </c>
      <c r="MK9" s="284">
        <v>54127280</v>
      </c>
      <c r="ML9" s="284">
        <v>179144825</v>
      </c>
      <c r="MM9" s="284">
        <v>262207453</v>
      </c>
      <c r="MN9" s="284">
        <v>137299650</v>
      </c>
      <c r="MO9" s="288">
        <v>654027042</v>
      </c>
      <c r="MP9" s="293">
        <v>654027042</v>
      </c>
      <c r="MQ9" s="287">
        <v>0</v>
      </c>
      <c r="MR9" s="284">
        <v>0</v>
      </c>
      <c r="MS9" s="288">
        <v>0</v>
      </c>
      <c r="MT9" s="406">
        <v>0</v>
      </c>
      <c r="MU9" s="284">
        <v>3018240</v>
      </c>
      <c r="MV9" s="284">
        <v>14857223</v>
      </c>
      <c r="MW9" s="284">
        <v>107620374</v>
      </c>
      <c r="MX9" s="284">
        <v>170377782</v>
      </c>
      <c r="MY9" s="284">
        <v>86921300</v>
      </c>
      <c r="MZ9" s="288">
        <v>382794919</v>
      </c>
      <c r="NA9" s="293">
        <v>382794919</v>
      </c>
      <c r="NB9" s="287">
        <v>0</v>
      </c>
      <c r="NC9" s="284">
        <v>0</v>
      </c>
      <c r="ND9" s="288">
        <v>0</v>
      </c>
      <c r="NE9" s="406">
        <v>0</v>
      </c>
      <c r="NF9" s="284">
        <v>18229594</v>
      </c>
      <c r="NG9" s="284">
        <v>39044267</v>
      </c>
      <c r="NH9" s="284">
        <v>71190537</v>
      </c>
      <c r="NI9" s="284">
        <v>87293859</v>
      </c>
      <c r="NJ9" s="284">
        <v>45230538</v>
      </c>
      <c r="NK9" s="288">
        <v>260988795</v>
      </c>
      <c r="NL9" s="286">
        <v>260988795</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0</v>
      </c>
      <c r="OC9" s="284">
        <v>225790</v>
      </c>
      <c r="OD9" s="284">
        <v>333914</v>
      </c>
      <c r="OE9" s="284">
        <v>4535812</v>
      </c>
      <c r="OF9" s="284">
        <v>5147812</v>
      </c>
      <c r="OG9" s="288">
        <v>10243328</v>
      </c>
      <c r="OH9" s="289">
        <v>10243328</v>
      </c>
      <c r="OI9" s="287">
        <v>28052355</v>
      </c>
      <c r="OJ9" s="284">
        <v>49256098</v>
      </c>
      <c r="OK9" s="285">
        <v>77308453</v>
      </c>
      <c r="OL9" s="290">
        <v>0</v>
      </c>
      <c r="OM9" s="284">
        <v>392507371</v>
      </c>
      <c r="ON9" s="284">
        <v>549127387</v>
      </c>
      <c r="OO9" s="284">
        <v>621475356</v>
      </c>
      <c r="OP9" s="284">
        <v>647836076</v>
      </c>
      <c r="OQ9" s="284">
        <v>371598296</v>
      </c>
      <c r="OR9" s="288">
        <v>2582544486</v>
      </c>
      <c r="OS9" s="293">
        <v>2659852939</v>
      </c>
    </row>
    <row r="10" spans="1:409" s="407" customFormat="1" ht="21" customHeight="1" x14ac:dyDescent="0.2">
      <c r="A10" s="70"/>
      <c r="B10" s="409" t="s">
        <v>5</v>
      </c>
      <c r="C10" s="295">
        <v>11848681</v>
      </c>
      <c r="D10" s="296">
        <v>27320118</v>
      </c>
      <c r="E10" s="297">
        <v>39168799</v>
      </c>
      <c r="F10" s="298">
        <v>0</v>
      </c>
      <c r="G10" s="296">
        <v>107299073</v>
      </c>
      <c r="H10" s="296">
        <v>183819835</v>
      </c>
      <c r="I10" s="296">
        <v>154342926</v>
      </c>
      <c r="J10" s="296">
        <v>139814357</v>
      </c>
      <c r="K10" s="296">
        <v>86937609</v>
      </c>
      <c r="L10" s="298">
        <v>672213800</v>
      </c>
      <c r="M10" s="299">
        <v>711382599</v>
      </c>
      <c r="N10" s="295">
        <v>3902761</v>
      </c>
      <c r="O10" s="296">
        <v>11001285</v>
      </c>
      <c r="P10" s="297">
        <v>14904046</v>
      </c>
      <c r="Q10" s="295">
        <v>0</v>
      </c>
      <c r="R10" s="296">
        <v>36459609</v>
      </c>
      <c r="S10" s="296">
        <v>69327588</v>
      </c>
      <c r="T10" s="296">
        <v>54579517</v>
      </c>
      <c r="U10" s="296">
        <v>51996628</v>
      </c>
      <c r="V10" s="296">
        <v>45405584</v>
      </c>
      <c r="W10" s="297">
        <v>257768926</v>
      </c>
      <c r="X10" s="299">
        <v>272672972</v>
      </c>
      <c r="Y10" s="295">
        <v>0</v>
      </c>
      <c r="Z10" s="296">
        <v>0</v>
      </c>
      <c r="AA10" s="297">
        <v>0</v>
      </c>
      <c r="AB10" s="295">
        <v>0</v>
      </c>
      <c r="AC10" s="296">
        <v>14691747</v>
      </c>
      <c r="AD10" s="296">
        <v>25122256</v>
      </c>
      <c r="AE10" s="296">
        <v>24130195</v>
      </c>
      <c r="AF10" s="296">
        <v>25438359</v>
      </c>
      <c r="AG10" s="296">
        <v>25029935</v>
      </c>
      <c r="AH10" s="297">
        <v>114412492</v>
      </c>
      <c r="AI10" s="299">
        <v>114412492</v>
      </c>
      <c r="AJ10" s="295">
        <v>0</v>
      </c>
      <c r="AK10" s="296">
        <v>16510</v>
      </c>
      <c r="AL10" s="297">
        <v>16510</v>
      </c>
      <c r="AM10" s="295">
        <v>0</v>
      </c>
      <c r="AN10" s="296">
        <v>12204</v>
      </c>
      <c r="AO10" s="296">
        <v>629357</v>
      </c>
      <c r="AP10" s="296">
        <v>1269815</v>
      </c>
      <c r="AQ10" s="296">
        <v>3182211</v>
      </c>
      <c r="AR10" s="296">
        <v>5721269</v>
      </c>
      <c r="AS10" s="297">
        <v>10814856</v>
      </c>
      <c r="AT10" s="299">
        <v>10831366</v>
      </c>
      <c r="AU10" s="295">
        <v>2231541</v>
      </c>
      <c r="AV10" s="296">
        <v>7985935</v>
      </c>
      <c r="AW10" s="297">
        <v>10217476</v>
      </c>
      <c r="AX10" s="295">
        <v>0</v>
      </c>
      <c r="AY10" s="296">
        <v>14235085</v>
      </c>
      <c r="AZ10" s="296">
        <v>32489989</v>
      </c>
      <c r="BA10" s="296">
        <v>19535569</v>
      </c>
      <c r="BB10" s="296">
        <v>14819794</v>
      </c>
      <c r="BC10" s="296">
        <v>9183538</v>
      </c>
      <c r="BD10" s="297">
        <v>90263975</v>
      </c>
      <c r="BE10" s="299">
        <v>100481451</v>
      </c>
      <c r="BF10" s="295">
        <v>192876</v>
      </c>
      <c r="BG10" s="296">
        <v>768060</v>
      </c>
      <c r="BH10" s="300">
        <v>960936</v>
      </c>
      <c r="BI10" s="301">
        <v>0</v>
      </c>
      <c r="BJ10" s="296">
        <v>1019461</v>
      </c>
      <c r="BK10" s="296">
        <v>1448030</v>
      </c>
      <c r="BL10" s="296">
        <v>1188042</v>
      </c>
      <c r="BM10" s="296">
        <v>948960</v>
      </c>
      <c r="BN10" s="296">
        <v>413050</v>
      </c>
      <c r="BO10" s="297">
        <v>5017543</v>
      </c>
      <c r="BP10" s="299">
        <v>5978479</v>
      </c>
      <c r="BQ10" s="295">
        <v>1478344</v>
      </c>
      <c r="BR10" s="296">
        <v>2230780</v>
      </c>
      <c r="BS10" s="297">
        <v>3709124</v>
      </c>
      <c r="BT10" s="295">
        <v>0</v>
      </c>
      <c r="BU10" s="296">
        <v>6501112</v>
      </c>
      <c r="BV10" s="296">
        <v>9637956</v>
      </c>
      <c r="BW10" s="296">
        <v>8455896</v>
      </c>
      <c r="BX10" s="296">
        <v>7607304</v>
      </c>
      <c r="BY10" s="296">
        <v>5057792</v>
      </c>
      <c r="BZ10" s="297">
        <v>37260060</v>
      </c>
      <c r="CA10" s="299">
        <v>40969184</v>
      </c>
      <c r="CB10" s="295">
        <v>1515506</v>
      </c>
      <c r="CC10" s="296">
        <v>4110223</v>
      </c>
      <c r="CD10" s="297">
        <v>5625729</v>
      </c>
      <c r="CE10" s="295">
        <v>0</v>
      </c>
      <c r="CF10" s="296">
        <v>32169418</v>
      </c>
      <c r="CG10" s="296">
        <v>47652214</v>
      </c>
      <c r="CH10" s="296">
        <v>34046449</v>
      </c>
      <c r="CI10" s="296">
        <v>20508695</v>
      </c>
      <c r="CJ10" s="296">
        <v>8080219</v>
      </c>
      <c r="CK10" s="297">
        <v>142456995</v>
      </c>
      <c r="CL10" s="299">
        <v>148082724</v>
      </c>
      <c r="CM10" s="295">
        <v>0</v>
      </c>
      <c r="CN10" s="296">
        <v>0</v>
      </c>
      <c r="CO10" s="297">
        <v>0</v>
      </c>
      <c r="CP10" s="301">
        <v>0</v>
      </c>
      <c r="CQ10" s="296">
        <v>25655009</v>
      </c>
      <c r="CR10" s="296">
        <v>32911984</v>
      </c>
      <c r="CS10" s="296">
        <v>23057101</v>
      </c>
      <c r="CT10" s="296">
        <v>12910912</v>
      </c>
      <c r="CU10" s="296">
        <v>6594593</v>
      </c>
      <c r="CV10" s="297">
        <v>101129599</v>
      </c>
      <c r="CW10" s="299">
        <v>101129599</v>
      </c>
      <c r="CX10" s="295">
        <v>1515506</v>
      </c>
      <c r="CY10" s="296">
        <v>4110223</v>
      </c>
      <c r="CZ10" s="297">
        <v>5625729</v>
      </c>
      <c r="DA10" s="295">
        <v>0</v>
      </c>
      <c r="DB10" s="296">
        <v>6514409</v>
      </c>
      <c r="DC10" s="296">
        <v>14740230</v>
      </c>
      <c r="DD10" s="296">
        <v>10989348</v>
      </c>
      <c r="DE10" s="296">
        <v>7597783</v>
      </c>
      <c r="DF10" s="296">
        <v>1485626</v>
      </c>
      <c r="DG10" s="297">
        <v>41327396</v>
      </c>
      <c r="DH10" s="299">
        <v>46953125</v>
      </c>
      <c r="DI10" s="295">
        <v>12324</v>
      </c>
      <c r="DJ10" s="296">
        <v>394653</v>
      </c>
      <c r="DK10" s="300">
        <v>406977</v>
      </c>
      <c r="DL10" s="301">
        <v>0</v>
      </c>
      <c r="DM10" s="296">
        <v>3663963</v>
      </c>
      <c r="DN10" s="296">
        <v>6574607</v>
      </c>
      <c r="DO10" s="296">
        <v>14333641</v>
      </c>
      <c r="DP10" s="296">
        <v>11020488</v>
      </c>
      <c r="DQ10" s="296">
        <v>4465829</v>
      </c>
      <c r="DR10" s="297">
        <v>40058528</v>
      </c>
      <c r="DS10" s="299">
        <v>40465505</v>
      </c>
      <c r="DT10" s="295">
        <v>12324</v>
      </c>
      <c r="DU10" s="296">
        <v>344047</v>
      </c>
      <c r="DV10" s="297">
        <v>356371</v>
      </c>
      <c r="DW10" s="295">
        <v>0</v>
      </c>
      <c r="DX10" s="296">
        <v>3277422</v>
      </c>
      <c r="DY10" s="296">
        <v>5214933</v>
      </c>
      <c r="DZ10" s="296">
        <v>10776492</v>
      </c>
      <c r="EA10" s="296">
        <v>8397687</v>
      </c>
      <c r="EB10" s="296">
        <v>3262113</v>
      </c>
      <c r="EC10" s="297">
        <v>30928647</v>
      </c>
      <c r="ED10" s="299">
        <v>31285018</v>
      </c>
      <c r="EE10" s="295">
        <v>0</v>
      </c>
      <c r="EF10" s="300">
        <v>50606</v>
      </c>
      <c r="EG10" s="297">
        <v>50606</v>
      </c>
      <c r="EH10" s="295">
        <v>0</v>
      </c>
      <c r="EI10" s="296">
        <v>386541</v>
      </c>
      <c r="EJ10" s="296">
        <v>1359674</v>
      </c>
      <c r="EK10" s="296">
        <v>3557149</v>
      </c>
      <c r="EL10" s="296">
        <v>2622801</v>
      </c>
      <c r="EM10" s="296">
        <v>1203716</v>
      </c>
      <c r="EN10" s="300">
        <v>9129881</v>
      </c>
      <c r="EO10" s="299">
        <v>9180487</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2551100</v>
      </c>
      <c r="FM10" s="296">
        <v>4941516</v>
      </c>
      <c r="FN10" s="297">
        <v>7492616</v>
      </c>
      <c r="FO10" s="295">
        <v>0</v>
      </c>
      <c r="FP10" s="296">
        <v>4679630</v>
      </c>
      <c r="FQ10" s="296">
        <v>18023917</v>
      </c>
      <c r="FR10" s="296">
        <v>12462733</v>
      </c>
      <c r="FS10" s="296">
        <v>9773048</v>
      </c>
      <c r="FT10" s="296">
        <v>6248224</v>
      </c>
      <c r="FU10" s="297">
        <v>51187552</v>
      </c>
      <c r="FV10" s="299">
        <v>58680168</v>
      </c>
      <c r="FW10" s="302">
        <v>927600</v>
      </c>
      <c r="FX10" s="296">
        <v>3265952</v>
      </c>
      <c r="FY10" s="300">
        <v>4193552</v>
      </c>
      <c r="FZ10" s="301">
        <v>0</v>
      </c>
      <c r="GA10" s="296">
        <v>3490632</v>
      </c>
      <c r="GB10" s="296">
        <v>15268340</v>
      </c>
      <c r="GC10" s="296">
        <v>10995928</v>
      </c>
      <c r="GD10" s="296">
        <v>9141064</v>
      </c>
      <c r="GE10" s="296">
        <v>5852640</v>
      </c>
      <c r="GF10" s="297">
        <v>44748604</v>
      </c>
      <c r="GG10" s="303">
        <v>48942156</v>
      </c>
      <c r="GH10" s="302">
        <v>317900</v>
      </c>
      <c r="GI10" s="296">
        <v>239004</v>
      </c>
      <c r="GJ10" s="300">
        <v>556904</v>
      </c>
      <c r="GK10" s="301">
        <v>0</v>
      </c>
      <c r="GL10" s="296">
        <v>403158</v>
      </c>
      <c r="GM10" s="296">
        <v>526913</v>
      </c>
      <c r="GN10" s="296">
        <v>334525</v>
      </c>
      <c r="GO10" s="296">
        <v>270384</v>
      </c>
      <c r="GP10" s="296">
        <v>253904</v>
      </c>
      <c r="GQ10" s="297">
        <v>1788884</v>
      </c>
      <c r="GR10" s="299">
        <v>2345788</v>
      </c>
      <c r="GS10" s="295">
        <v>1305600</v>
      </c>
      <c r="GT10" s="296">
        <v>1436560</v>
      </c>
      <c r="GU10" s="297">
        <v>2742160</v>
      </c>
      <c r="GV10" s="295">
        <v>0</v>
      </c>
      <c r="GW10" s="296">
        <v>785840</v>
      </c>
      <c r="GX10" s="296">
        <v>2228664</v>
      </c>
      <c r="GY10" s="296">
        <v>1132280</v>
      </c>
      <c r="GZ10" s="296">
        <v>361600</v>
      </c>
      <c r="HA10" s="296">
        <v>141680</v>
      </c>
      <c r="HB10" s="300">
        <v>4650064</v>
      </c>
      <c r="HC10" s="299">
        <v>7392224</v>
      </c>
      <c r="HD10" s="295">
        <v>3866990</v>
      </c>
      <c r="HE10" s="296">
        <v>6872441</v>
      </c>
      <c r="HF10" s="300">
        <v>10739431</v>
      </c>
      <c r="HG10" s="301">
        <v>0</v>
      </c>
      <c r="HH10" s="296">
        <v>30326453</v>
      </c>
      <c r="HI10" s="296">
        <v>42241509</v>
      </c>
      <c r="HJ10" s="296">
        <v>38920586</v>
      </c>
      <c r="HK10" s="296">
        <v>46515498</v>
      </c>
      <c r="HL10" s="296">
        <v>22737753</v>
      </c>
      <c r="HM10" s="297">
        <v>180741799</v>
      </c>
      <c r="HN10" s="298">
        <v>191481230</v>
      </c>
      <c r="HO10" s="302">
        <v>0</v>
      </c>
      <c r="HP10" s="296">
        <v>0</v>
      </c>
      <c r="HQ10" s="297">
        <v>0</v>
      </c>
      <c r="HR10" s="295">
        <v>0</v>
      </c>
      <c r="HS10" s="296">
        <v>0</v>
      </c>
      <c r="HT10" s="296">
        <v>0</v>
      </c>
      <c r="HU10" s="296">
        <v>0</v>
      </c>
      <c r="HV10" s="296">
        <v>0</v>
      </c>
      <c r="HW10" s="296">
        <v>0</v>
      </c>
      <c r="HX10" s="300">
        <v>0</v>
      </c>
      <c r="HY10" s="299">
        <v>0</v>
      </c>
      <c r="HZ10" s="304">
        <v>148627</v>
      </c>
      <c r="IA10" s="305">
        <v>259934</v>
      </c>
      <c r="IB10" s="306">
        <v>408561</v>
      </c>
      <c r="IC10" s="307">
        <v>0</v>
      </c>
      <c r="ID10" s="308">
        <v>28027733</v>
      </c>
      <c r="IE10" s="309">
        <v>47240984</v>
      </c>
      <c r="IF10" s="310">
        <v>41210855</v>
      </c>
      <c r="IG10" s="308">
        <v>30150955</v>
      </c>
      <c r="IH10" s="310">
        <v>20783331</v>
      </c>
      <c r="II10" s="311">
        <v>167413858</v>
      </c>
      <c r="IJ10" s="312">
        <v>167822419</v>
      </c>
      <c r="IK10" s="313">
        <v>0</v>
      </c>
      <c r="IL10" s="314">
        <v>0</v>
      </c>
      <c r="IM10" s="315">
        <v>0</v>
      </c>
      <c r="IN10" s="403">
        <v>0</v>
      </c>
      <c r="IO10" s="316">
        <v>498242</v>
      </c>
      <c r="IP10" s="316">
        <v>1208084</v>
      </c>
      <c r="IQ10" s="316">
        <v>1852005</v>
      </c>
      <c r="IR10" s="316">
        <v>3414493</v>
      </c>
      <c r="IS10" s="316">
        <v>1853359</v>
      </c>
      <c r="IT10" s="317">
        <v>8826183</v>
      </c>
      <c r="IU10" s="318">
        <v>8826183</v>
      </c>
      <c r="IV10" s="319">
        <v>0</v>
      </c>
      <c r="IW10" s="316">
        <v>0</v>
      </c>
      <c r="IX10" s="320">
        <v>0</v>
      </c>
      <c r="IY10" s="403">
        <v>0</v>
      </c>
      <c r="IZ10" s="316">
        <v>87699</v>
      </c>
      <c r="JA10" s="316">
        <v>492832</v>
      </c>
      <c r="JB10" s="316">
        <v>418931</v>
      </c>
      <c r="JC10" s="316">
        <v>698275</v>
      </c>
      <c r="JD10" s="316">
        <v>663560</v>
      </c>
      <c r="JE10" s="320">
        <v>2361297</v>
      </c>
      <c r="JF10" s="321">
        <v>2361297</v>
      </c>
      <c r="JG10" s="319">
        <v>0</v>
      </c>
      <c r="JH10" s="316">
        <v>0</v>
      </c>
      <c r="JI10" s="317">
        <v>0</v>
      </c>
      <c r="JJ10" s="322">
        <v>0</v>
      </c>
      <c r="JK10" s="316">
        <v>13659813</v>
      </c>
      <c r="JL10" s="316">
        <v>20513958</v>
      </c>
      <c r="JM10" s="316">
        <v>12790427</v>
      </c>
      <c r="JN10" s="316">
        <v>7440133</v>
      </c>
      <c r="JO10" s="316">
        <v>3794653</v>
      </c>
      <c r="JP10" s="320">
        <v>58198984</v>
      </c>
      <c r="JQ10" s="318">
        <v>58198984</v>
      </c>
      <c r="JR10" s="319">
        <v>0</v>
      </c>
      <c r="JS10" s="316">
        <v>0</v>
      </c>
      <c r="JT10" s="317">
        <v>0</v>
      </c>
      <c r="JU10" s="322">
        <v>0</v>
      </c>
      <c r="JV10" s="316">
        <v>2259088</v>
      </c>
      <c r="JW10" s="316">
        <v>4051244</v>
      </c>
      <c r="JX10" s="316">
        <v>4306426</v>
      </c>
      <c r="JY10" s="316">
        <v>2050231</v>
      </c>
      <c r="JZ10" s="316">
        <v>1296503</v>
      </c>
      <c r="KA10" s="320">
        <v>13963492</v>
      </c>
      <c r="KB10" s="318">
        <v>13963492</v>
      </c>
      <c r="KC10" s="323">
        <v>148627</v>
      </c>
      <c r="KD10" s="324">
        <v>259934</v>
      </c>
      <c r="KE10" s="320">
        <v>408561</v>
      </c>
      <c r="KF10" s="322">
        <v>0</v>
      </c>
      <c r="KG10" s="316">
        <v>3603174</v>
      </c>
      <c r="KH10" s="316">
        <v>5529211</v>
      </c>
      <c r="KI10" s="316">
        <v>7571716</v>
      </c>
      <c r="KJ10" s="316">
        <v>4899338</v>
      </c>
      <c r="KK10" s="316">
        <v>2819234</v>
      </c>
      <c r="KL10" s="320">
        <v>24422673</v>
      </c>
      <c r="KM10" s="325">
        <v>24831234</v>
      </c>
      <c r="KN10" s="313">
        <v>0</v>
      </c>
      <c r="KO10" s="314">
        <v>0</v>
      </c>
      <c r="KP10" s="315">
        <v>0</v>
      </c>
      <c r="KQ10" s="403">
        <v>0</v>
      </c>
      <c r="KR10" s="316">
        <v>7342364</v>
      </c>
      <c r="KS10" s="316">
        <v>14018083</v>
      </c>
      <c r="KT10" s="316">
        <v>11551015</v>
      </c>
      <c r="KU10" s="316">
        <v>8070255</v>
      </c>
      <c r="KV10" s="316">
        <v>5394691</v>
      </c>
      <c r="KW10" s="320">
        <v>46376408</v>
      </c>
      <c r="KX10" s="318">
        <v>46376408</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227306</v>
      </c>
      <c r="LO10" s="316">
        <v>261919</v>
      </c>
      <c r="LP10" s="316">
        <v>567146</v>
      </c>
      <c r="LQ10" s="316">
        <v>1313959</v>
      </c>
      <c r="LR10" s="316">
        <v>612016</v>
      </c>
      <c r="LS10" s="320">
        <v>2982346</v>
      </c>
      <c r="LT10" s="318">
        <v>2982346</v>
      </c>
      <c r="LU10" s="319">
        <v>0</v>
      </c>
      <c r="LV10" s="316">
        <v>0</v>
      </c>
      <c r="LW10" s="320">
        <v>0</v>
      </c>
      <c r="LX10" s="403">
        <v>0</v>
      </c>
      <c r="LY10" s="316">
        <v>350047</v>
      </c>
      <c r="LZ10" s="316">
        <v>1165653</v>
      </c>
      <c r="MA10" s="316">
        <v>2153189</v>
      </c>
      <c r="MB10" s="316">
        <v>2264271</v>
      </c>
      <c r="MC10" s="316">
        <v>4349315</v>
      </c>
      <c r="MD10" s="320">
        <v>10282475</v>
      </c>
      <c r="ME10" s="321">
        <v>10282475</v>
      </c>
      <c r="MF10" s="319">
        <v>0</v>
      </c>
      <c r="MG10" s="316">
        <v>0</v>
      </c>
      <c r="MH10" s="320">
        <v>0</v>
      </c>
      <c r="MI10" s="403">
        <v>0</v>
      </c>
      <c r="MJ10" s="316">
        <v>11381824</v>
      </c>
      <c r="MK10" s="316">
        <v>32450798</v>
      </c>
      <c r="ML10" s="316">
        <v>87653636</v>
      </c>
      <c r="MM10" s="316">
        <v>123023790</v>
      </c>
      <c r="MN10" s="316">
        <v>62225089</v>
      </c>
      <c r="MO10" s="320">
        <v>316735137</v>
      </c>
      <c r="MP10" s="325">
        <v>316735137</v>
      </c>
      <c r="MQ10" s="319">
        <v>0</v>
      </c>
      <c r="MR10" s="316">
        <v>0</v>
      </c>
      <c r="MS10" s="320">
        <v>0</v>
      </c>
      <c r="MT10" s="403">
        <v>0</v>
      </c>
      <c r="MU10" s="316">
        <v>1977885</v>
      </c>
      <c r="MV10" s="316">
        <v>11693484</v>
      </c>
      <c r="MW10" s="316">
        <v>54285742</v>
      </c>
      <c r="MX10" s="316">
        <v>76909576</v>
      </c>
      <c r="MY10" s="316">
        <v>39906673</v>
      </c>
      <c r="MZ10" s="320">
        <v>184773360</v>
      </c>
      <c r="NA10" s="325">
        <v>184773360</v>
      </c>
      <c r="NB10" s="319">
        <v>0</v>
      </c>
      <c r="NC10" s="316">
        <v>0</v>
      </c>
      <c r="ND10" s="320">
        <v>0</v>
      </c>
      <c r="NE10" s="403">
        <v>0</v>
      </c>
      <c r="NF10" s="316">
        <v>9403939</v>
      </c>
      <c r="NG10" s="316">
        <v>20757314</v>
      </c>
      <c r="NH10" s="316">
        <v>33367894</v>
      </c>
      <c r="NI10" s="316">
        <v>45201183</v>
      </c>
      <c r="NJ10" s="316">
        <v>21194487</v>
      </c>
      <c r="NK10" s="320">
        <v>129924817</v>
      </c>
      <c r="NL10" s="318">
        <v>129924817</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0</v>
      </c>
      <c r="OE10" s="316">
        <v>913031</v>
      </c>
      <c r="OF10" s="316">
        <v>1123929</v>
      </c>
      <c r="OG10" s="320">
        <v>2036960</v>
      </c>
      <c r="OH10" s="321">
        <v>2036960</v>
      </c>
      <c r="OI10" s="319">
        <v>11997308</v>
      </c>
      <c r="OJ10" s="316">
        <v>27580052</v>
      </c>
      <c r="OK10" s="317">
        <v>39577360</v>
      </c>
      <c r="OL10" s="322">
        <v>0</v>
      </c>
      <c r="OM10" s="316">
        <v>146708630</v>
      </c>
      <c r="ON10" s="316">
        <v>263511617</v>
      </c>
      <c r="OO10" s="316">
        <v>283207417</v>
      </c>
      <c r="OP10" s="316">
        <v>292989102</v>
      </c>
      <c r="OQ10" s="316">
        <v>169946029</v>
      </c>
      <c r="OR10" s="320">
        <v>1156362795</v>
      </c>
      <c r="OS10" s="325">
        <v>1195940155</v>
      </c>
    </row>
    <row r="11" spans="1:409" s="70" customFormat="1" ht="21" customHeight="1" x14ac:dyDescent="0.2">
      <c r="B11" s="410" t="s">
        <v>6</v>
      </c>
      <c r="C11" s="326">
        <v>3627902</v>
      </c>
      <c r="D11" s="327">
        <v>4451506</v>
      </c>
      <c r="E11" s="328">
        <v>8079408</v>
      </c>
      <c r="F11" s="329">
        <v>0</v>
      </c>
      <c r="G11" s="327">
        <v>45978015</v>
      </c>
      <c r="H11" s="327">
        <v>51408006</v>
      </c>
      <c r="I11" s="327">
        <v>36755561</v>
      </c>
      <c r="J11" s="327">
        <v>34295268</v>
      </c>
      <c r="K11" s="327">
        <v>24158854</v>
      </c>
      <c r="L11" s="329">
        <v>192595704</v>
      </c>
      <c r="M11" s="330">
        <v>200675112</v>
      </c>
      <c r="N11" s="326">
        <v>908158</v>
      </c>
      <c r="O11" s="327">
        <v>1837944</v>
      </c>
      <c r="P11" s="328">
        <v>2746102</v>
      </c>
      <c r="Q11" s="326">
        <v>0</v>
      </c>
      <c r="R11" s="327">
        <v>15002406</v>
      </c>
      <c r="S11" s="327">
        <v>17328918</v>
      </c>
      <c r="T11" s="327">
        <v>11622290</v>
      </c>
      <c r="U11" s="327">
        <v>12052079</v>
      </c>
      <c r="V11" s="327">
        <v>12371866</v>
      </c>
      <c r="W11" s="328">
        <v>68377559</v>
      </c>
      <c r="X11" s="330">
        <v>71123661</v>
      </c>
      <c r="Y11" s="326">
        <v>0</v>
      </c>
      <c r="Z11" s="327">
        <v>0</v>
      </c>
      <c r="AA11" s="328">
        <v>0</v>
      </c>
      <c r="AB11" s="326">
        <v>0</v>
      </c>
      <c r="AC11" s="327">
        <v>5731236</v>
      </c>
      <c r="AD11" s="327">
        <v>6274761</v>
      </c>
      <c r="AE11" s="327">
        <v>5569519</v>
      </c>
      <c r="AF11" s="327">
        <v>5460051</v>
      </c>
      <c r="AG11" s="327">
        <v>6885587</v>
      </c>
      <c r="AH11" s="328">
        <v>29921154</v>
      </c>
      <c r="AI11" s="330">
        <v>29921154</v>
      </c>
      <c r="AJ11" s="326">
        <v>0</v>
      </c>
      <c r="AK11" s="327">
        <v>0</v>
      </c>
      <c r="AL11" s="328">
        <v>0</v>
      </c>
      <c r="AM11" s="326">
        <v>0</v>
      </c>
      <c r="AN11" s="327">
        <v>0</v>
      </c>
      <c r="AO11" s="327">
        <v>99598</v>
      </c>
      <c r="AP11" s="327">
        <v>208919</v>
      </c>
      <c r="AQ11" s="327">
        <v>462926</v>
      </c>
      <c r="AR11" s="327">
        <v>1210347</v>
      </c>
      <c r="AS11" s="328">
        <v>1981790</v>
      </c>
      <c r="AT11" s="330">
        <v>1981790</v>
      </c>
      <c r="AU11" s="326">
        <v>308838</v>
      </c>
      <c r="AV11" s="327">
        <v>1270704</v>
      </c>
      <c r="AW11" s="328">
        <v>1579542</v>
      </c>
      <c r="AX11" s="326">
        <v>0</v>
      </c>
      <c r="AY11" s="327">
        <v>5463995</v>
      </c>
      <c r="AZ11" s="327">
        <v>7236320</v>
      </c>
      <c r="BA11" s="327">
        <v>3098879</v>
      </c>
      <c r="BB11" s="327">
        <v>3302289</v>
      </c>
      <c r="BC11" s="327">
        <v>2454633</v>
      </c>
      <c r="BD11" s="328">
        <v>21556116</v>
      </c>
      <c r="BE11" s="330">
        <v>23135658</v>
      </c>
      <c r="BF11" s="326">
        <v>42752</v>
      </c>
      <c r="BG11" s="327">
        <v>108640</v>
      </c>
      <c r="BH11" s="331">
        <v>151392</v>
      </c>
      <c r="BI11" s="332">
        <v>0</v>
      </c>
      <c r="BJ11" s="327">
        <v>839263</v>
      </c>
      <c r="BK11" s="327">
        <v>635655</v>
      </c>
      <c r="BL11" s="327">
        <v>417845</v>
      </c>
      <c r="BM11" s="327">
        <v>335357</v>
      </c>
      <c r="BN11" s="327">
        <v>239643</v>
      </c>
      <c r="BO11" s="328">
        <v>2467763</v>
      </c>
      <c r="BP11" s="330">
        <v>2619155</v>
      </c>
      <c r="BQ11" s="326">
        <v>556568</v>
      </c>
      <c r="BR11" s="327">
        <v>458600</v>
      </c>
      <c r="BS11" s="328">
        <v>1015168</v>
      </c>
      <c r="BT11" s="326">
        <v>0</v>
      </c>
      <c r="BU11" s="327">
        <v>2967912</v>
      </c>
      <c r="BV11" s="327">
        <v>3082584</v>
      </c>
      <c r="BW11" s="327">
        <v>2327128</v>
      </c>
      <c r="BX11" s="327">
        <v>2491456</v>
      </c>
      <c r="BY11" s="327">
        <v>1581656</v>
      </c>
      <c r="BZ11" s="328">
        <v>12450736</v>
      </c>
      <c r="CA11" s="330">
        <v>13465904</v>
      </c>
      <c r="CB11" s="326">
        <v>261886</v>
      </c>
      <c r="CC11" s="327">
        <v>441313</v>
      </c>
      <c r="CD11" s="328">
        <v>703199</v>
      </c>
      <c r="CE11" s="326">
        <v>0</v>
      </c>
      <c r="CF11" s="327">
        <v>11976021</v>
      </c>
      <c r="CG11" s="327">
        <v>16298520</v>
      </c>
      <c r="CH11" s="327">
        <v>8638888</v>
      </c>
      <c r="CI11" s="327">
        <v>5290769</v>
      </c>
      <c r="CJ11" s="327">
        <v>2368853</v>
      </c>
      <c r="CK11" s="328">
        <v>44573051</v>
      </c>
      <c r="CL11" s="330">
        <v>45276250</v>
      </c>
      <c r="CM11" s="326">
        <v>0</v>
      </c>
      <c r="CN11" s="327">
        <v>0</v>
      </c>
      <c r="CO11" s="328">
        <v>0</v>
      </c>
      <c r="CP11" s="332">
        <v>0</v>
      </c>
      <c r="CQ11" s="327">
        <v>9695213</v>
      </c>
      <c r="CR11" s="327">
        <v>12709101</v>
      </c>
      <c r="CS11" s="327">
        <v>6241060</v>
      </c>
      <c r="CT11" s="327">
        <v>3548681</v>
      </c>
      <c r="CU11" s="327">
        <v>1762126</v>
      </c>
      <c r="CV11" s="328">
        <v>33956181</v>
      </c>
      <c r="CW11" s="330">
        <v>33956181</v>
      </c>
      <c r="CX11" s="326">
        <v>261886</v>
      </c>
      <c r="CY11" s="327">
        <v>441313</v>
      </c>
      <c r="CZ11" s="328">
        <v>703199</v>
      </c>
      <c r="DA11" s="326">
        <v>0</v>
      </c>
      <c r="DB11" s="327">
        <v>2280808</v>
      </c>
      <c r="DC11" s="327">
        <v>3589419</v>
      </c>
      <c r="DD11" s="327">
        <v>2397828</v>
      </c>
      <c r="DE11" s="327">
        <v>1742088</v>
      </c>
      <c r="DF11" s="327">
        <v>606727</v>
      </c>
      <c r="DG11" s="328">
        <v>10616870</v>
      </c>
      <c r="DH11" s="330">
        <v>11320069</v>
      </c>
      <c r="DI11" s="326">
        <v>0</v>
      </c>
      <c r="DJ11" s="327">
        <v>53729</v>
      </c>
      <c r="DK11" s="331">
        <v>53729</v>
      </c>
      <c r="DL11" s="332">
        <v>0</v>
      </c>
      <c r="DM11" s="327">
        <v>622283</v>
      </c>
      <c r="DN11" s="327">
        <v>1743225</v>
      </c>
      <c r="DO11" s="327">
        <v>2512384</v>
      </c>
      <c r="DP11" s="327">
        <v>1788636</v>
      </c>
      <c r="DQ11" s="327">
        <v>770895</v>
      </c>
      <c r="DR11" s="328">
        <v>7437423</v>
      </c>
      <c r="DS11" s="330">
        <v>7491152</v>
      </c>
      <c r="DT11" s="326">
        <v>0</v>
      </c>
      <c r="DU11" s="327">
        <v>53729</v>
      </c>
      <c r="DV11" s="328">
        <v>53729</v>
      </c>
      <c r="DW11" s="326">
        <v>0</v>
      </c>
      <c r="DX11" s="327">
        <v>587156</v>
      </c>
      <c r="DY11" s="327">
        <v>1467296</v>
      </c>
      <c r="DZ11" s="327">
        <v>1917113</v>
      </c>
      <c r="EA11" s="327">
        <v>1651078</v>
      </c>
      <c r="EB11" s="327">
        <v>609265</v>
      </c>
      <c r="EC11" s="328">
        <v>6231908</v>
      </c>
      <c r="ED11" s="330">
        <v>6285637</v>
      </c>
      <c r="EE11" s="326">
        <v>0</v>
      </c>
      <c r="EF11" s="331">
        <v>0</v>
      </c>
      <c r="EG11" s="328">
        <v>0</v>
      </c>
      <c r="EH11" s="326">
        <v>0</v>
      </c>
      <c r="EI11" s="327">
        <v>35127</v>
      </c>
      <c r="EJ11" s="327">
        <v>275929</v>
      </c>
      <c r="EK11" s="327">
        <v>595271</v>
      </c>
      <c r="EL11" s="327">
        <v>137558</v>
      </c>
      <c r="EM11" s="327">
        <v>161630</v>
      </c>
      <c r="EN11" s="331">
        <v>1205515</v>
      </c>
      <c r="EO11" s="330">
        <v>1205515</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908344</v>
      </c>
      <c r="FM11" s="327">
        <v>875200</v>
      </c>
      <c r="FN11" s="328">
        <v>1783544</v>
      </c>
      <c r="FO11" s="326">
        <v>0</v>
      </c>
      <c r="FP11" s="327">
        <v>2524632</v>
      </c>
      <c r="FQ11" s="327">
        <v>5113718</v>
      </c>
      <c r="FR11" s="327">
        <v>3055628</v>
      </c>
      <c r="FS11" s="327">
        <v>2794368</v>
      </c>
      <c r="FT11" s="327">
        <v>1874592</v>
      </c>
      <c r="FU11" s="328">
        <v>15362938</v>
      </c>
      <c r="FV11" s="330">
        <v>17146482</v>
      </c>
      <c r="FW11" s="333">
        <v>414344</v>
      </c>
      <c r="FX11" s="327">
        <v>749000</v>
      </c>
      <c r="FY11" s="331">
        <v>1163344</v>
      </c>
      <c r="FZ11" s="332">
        <v>0</v>
      </c>
      <c r="GA11" s="327">
        <v>1551952</v>
      </c>
      <c r="GB11" s="327">
        <v>4543794</v>
      </c>
      <c r="GC11" s="327">
        <v>2950120</v>
      </c>
      <c r="GD11" s="327">
        <v>2541552</v>
      </c>
      <c r="GE11" s="327">
        <v>1725232</v>
      </c>
      <c r="GF11" s="328">
        <v>13312650</v>
      </c>
      <c r="GG11" s="334">
        <v>14475994</v>
      </c>
      <c r="GH11" s="333">
        <v>27600</v>
      </c>
      <c r="GI11" s="327">
        <v>102200</v>
      </c>
      <c r="GJ11" s="331">
        <v>129800</v>
      </c>
      <c r="GK11" s="332">
        <v>0</v>
      </c>
      <c r="GL11" s="327">
        <v>146520</v>
      </c>
      <c r="GM11" s="327">
        <v>218084</v>
      </c>
      <c r="GN11" s="327">
        <v>105508</v>
      </c>
      <c r="GO11" s="327">
        <v>104016</v>
      </c>
      <c r="GP11" s="327">
        <v>109360</v>
      </c>
      <c r="GQ11" s="328">
        <v>683488</v>
      </c>
      <c r="GR11" s="330">
        <v>813288</v>
      </c>
      <c r="GS11" s="326">
        <v>466400</v>
      </c>
      <c r="GT11" s="327">
        <v>24000</v>
      </c>
      <c r="GU11" s="328">
        <v>490400</v>
      </c>
      <c r="GV11" s="326">
        <v>0</v>
      </c>
      <c r="GW11" s="327">
        <v>826160</v>
      </c>
      <c r="GX11" s="327">
        <v>351840</v>
      </c>
      <c r="GY11" s="327">
        <v>0</v>
      </c>
      <c r="GZ11" s="327">
        <v>148800</v>
      </c>
      <c r="HA11" s="327">
        <v>40000</v>
      </c>
      <c r="HB11" s="331">
        <v>1366800</v>
      </c>
      <c r="HC11" s="330">
        <v>1857200</v>
      </c>
      <c r="HD11" s="326">
        <v>1549514</v>
      </c>
      <c r="HE11" s="327">
        <v>1243320</v>
      </c>
      <c r="HF11" s="331">
        <v>2792834</v>
      </c>
      <c r="HG11" s="332">
        <v>0</v>
      </c>
      <c r="HH11" s="327">
        <v>15852673</v>
      </c>
      <c r="HI11" s="327">
        <v>10923625</v>
      </c>
      <c r="HJ11" s="327">
        <v>10926371</v>
      </c>
      <c r="HK11" s="327">
        <v>12369416</v>
      </c>
      <c r="HL11" s="327">
        <v>6772648</v>
      </c>
      <c r="HM11" s="328">
        <v>56844733</v>
      </c>
      <c r="HN11" s="329">
        <v>59637567</v>
      </c>
      <c r="HO11" s="333">
        <v>0</v>
      </c>
      <c r="HP11" s="327">
        <v>0</v>
      </c>
      <c r="HQ11" s="328">
        <v>0</v>
      </c>
      <c r="HR11" s="326">
        <v>0</v>
      </c>
      <c r="HS11" s="327">
        <v>0</v>
      </c>
      <c r="HT11" s="327">
        <v>0</v>
      </c>
      <c r="HU11" s="327">
        <v>0</v>
      </c>
      <c r="HV11" s="327">
        <v>0</v>
      </c>
      <c r="HW11" s="327">
        <v>0</v>
      </c>
      <c r="HX11" s="331">
        <v>0</v>
      </c>
      <c r="HY11" s="330">
        <v>0</v>
      </c>
      <c r="HZ11" s="335">
        <v>92530</v>
      </c>
      <c r="IA11" s="336">
        <v>152717</v>
      </c>
      <c r="IB11" s="337">
        <v>245247</v>
      </c>
      <c r="IC11" s="338">
        <v>0</v>
      </c>
      <c r="ID11" s="336">
        <v>12129947</v>
      </c>
      <c r="IE11" s="339">
        <v>15079507</v>
      </c>
      <c r="IF11" s="337">
        <v>11405054</v>
      </c>
      <c r="IG11" s="336">
        <v>15164794</v>
      </c>
      <c r="IH11" s="337">
        <v>5885891</v>
      </c>
      <c r="II11" s="340">
        <v>59665193</v>
      </c>
      <c r="IJ11" s="341">
        <v>59910440</v>
      </c>
      <c r="IK11" s="342">
        <v>0</v>
      </c>
      <c r="IL11" s="343">
        <v>0</v>
      </c>
      <c r="IM11" s="344">
        <v>0</v>
      </c>
      <c r="IN11" s="404">
        <v>0</v>
      </c>
      <c r="IO11" s="345">
        <v>142370</v>
      </c>
      <c r="IP11" s="345">
        <v>476146</v>
      </c>
      <c r="IQ11" s="345">
        <v>869872</v>
      </c>
      <c r="IR11" s="345">
        <v>1106737</v>
      </c>
      <c r="IS11" s="345">
        <v>373150</v>
      </c>
      <c r="IT11" s="346">
        <v>2968275</v>
      </c>
      <c r="IU11" s="347">
        <v>2968275</v>
      </c>
      <c r="IV11" s="348">
        <v>0</v>
      </c>
      <c r="IW11" s="345">
        <v>0</v>
      </c>
      <c r="IX11" s="349">
        <v>0</v>
      </c>
      <c r="IY11" s="404">
        <v>0</v>
      </c>
      <c r="IZ11" s="345">
        <v>51620</v>
      </c>
      <c r="JA11" s="345">
        <v>120346</v>
      </c>
      <c r="JB11" s="345">
        <v>253421</v>
      </c>
      <c r="JC11" s="345">
        <v>141888</v>
      </c>
      <c r="JD11" s="345">
        <v>42955</v>
      </c>
      <c r="JE11" s="349">
        <v>610230</v>
      </c>
      <c r="JF11" s="350">
        <v>610230</v>
      </c>
      <c r="JG11" s="348">
        <v>0</v>
      </c>
      <c r="JH11" s="345">
        <v>0</v>
      </c>
      <c r="JI11" s="346">
        <v>0</v>
      </c>
      <c r="JJ11" s="351">
        <v>0</v>
      </c>
      <c r="JK11" s="345">
        <v>3889221</v>
      </c>
      <c r="JL11" s="345">
        <v>4322561</v>
      </c>
      <c r="JM11" s="345">
        <v>2566112</v>
      </c>
      <c r="JN11" s="345">
        <v>1575636</v>
      </c>
      <c r="JO11" s="345">
        <v>1188632</v>
      </c>
      <c r="JP11" s="349">
        <v>13542162</v>
      </c>
      <c r="JQ11" s="347">
        <v>13542162</v>
      </c>
      <c r="JR11" s="348">
        <v>0</v>
      </c>
      <c r="JS11" s="345">
        <v>0</v>
      </c>
      <c r="JT11" s="346">
        <v>0</v>
      </c>
      <c r="JU11" s="351">
        <v>0</v>
      </c>
      <c r="JV11" s="345">
        <v>906713</v>
      </c>
      <c r="JW11" s="345">
        <v>1867990</v>
      </c>
      <c r="JX11" s="345">
        <v>2435521</v>
      </c>
      <c r="JY11" s="345">
        <v>1159025</v>
      </c>
      <c r="JZ11" s="345">
        <v>593985</v>
      </c>
      <c r="KA11" s="349">
        <v>6963234</v>
      </c>
      <c r="KB11" s="347">
        <v>6963234</v>
      </c>
      <c r="KC11" s="352">
        <v>92530</v>
      </c>
      <c r="KD11" s="353">
        <v>152717</v>
      </c>
      <c r="KE11" s="349">
        <v>245247</v>
      </c>
      <c r="KF11" s="351">
        <v>0</v>
      </c>
      <c r="KG11" s="345">
        <v>1553095</v>
      </c>
      <c r="KH11" s="345">
        <v>1877367</v>
      </c>
      <c r="KI11" s="345">
        <v>474174</v>
      </c>
      <c r="KJ11" s="345">
        <v>2172514</v>
      </c>
      <c r="KK11" s="345">
        <v>475828</v>
      </c>
      <c r="KL11" s="349">
        <v>6552978</v>
      </c>
      <c r="KM11" s="354">
        <v>6798225</v>
      </c>
      <c r="KN11" s="342">
        <v>0</v>
      </c>
      <c r="KO11" s="343">
        <v>0</v>
      </c>
      <c r="KP11" s="344">
        <v>0</v>
      </c>
      <c r="KQ11" s="404">
        <v>0</v>
      </c>
      <c r="KR11" s="345">
        <v>4207646</v>
      </c>
      <c r="KS11" s="345">
        <v>5819980</v>
      </c>
      <c r="KT11" s="345">
        <v>2876834</v>
      </c>
      <c r="KU11" s="345">
        <v>4169029</v>
      </c>
      <c r="KV11" s="345">
        <v>1153055</v>
      </c>
      <c r="KW11" s="349">
        <v>18226544</v>
      </c>
      <c r="KX11" s="347">
        <v>18226544</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0</v>
      </c>
      <c r="LP11" s="345">
        <v>815438</v>
      </c>
      <c r="LQ11" s="345">
        <v>2330702</v>
      </c>
      <c r="LR11" s="345">
        <v>635917</v>
      </c>
      <c r="LS11" s="349">
        <v>3782057</v>
      </c>
      <c r="LT11" s="347">
        <v>3782057</v>
      </c>
      <c r="LU11" s="348">
        <v>0</v>
      </c>
      <c r="LV11" s="345">
        <v>0</v>
      </c>
      <c r="LW11" s="349">
        <v>0</v>
      </c>
      <c r="LX11" s="404">
        <v>0</v>
      </c>
      <c r="LY11" s="345">
        <v>1379282</v>
      </c>
      <c r="LZ11" s="345">
        <v>595117</v>
      </c>
      <c r="MA11" s="345">
        <v>1113682</v>
      </c>
      <c r="MB11" s="345">
        <v>2509263</v>
      </c>
      <c r="MC11" s="345">
        <v>1422369</v>
      </c>
      <c r="MD11" s="349">
        <v>7019713</v>
      </c>
      <c r="ME11" s="350">
        <v>7019713</v>
      </c>
      <c r="MF11" s="348">
        <v>0</v>
      </c>
      <c r="MG11" s="345">
        <v>0</v>
      </c>
      <c r="MH11" s="349">
        <v>0</v>
      </c>
      <c r="MI11" s="404">
        <v>0</v>
      </c>
      <c r="MJ11" s="345">
        <v>1713446</v>
      </c>
      <c r="MK11" s="345">
        <v>5431913</v>
      </c>
      <c r="ML11" s="345">
        <v>19653253</v>
      </c>
      <c r="MM11" s="345">
        <v>29815155</v>
      </c>
      <c r="MN11" s="345">
        <v>17618258</v>
      </c>
      <c r="MO11" s="349">
        <v>74232025</v>
      </c>
      <c r="MP11" s="354">
        <v>74232025</v>
      </c>
      <c r="MQ11" s="348">
        <v>0</v>
      </c>
      <c r="MR11" s="345">
        <v>0</v>
      </c>
      <c r="MS11" s="349">
        <v>0</v>
      </c>
      <c r="MT11" s="404">
        <v>0</v>
      </c>
      <c r="MU11" s="345">
        <v>205223</v>
      </c>
      <c r="MV11" s="345">
        <v>1333032</v>
      </c>
      <c r="MW11" s="345">
        <v>10763627</v>
      </c>
      <c r="MX11" s="345">
        <v>20020654</v>
      </c>
      <c r="MY11" s="345">
        <v>10168883</v>
      </c>
      <c r="MZ11" s="349">
        <v>42491419</v>
      </c>
      <c r="NA11" s="354">
        <v>42491419</v>
      </c>
      <c r="NB11" s="348">
        <v>0</v>
      </c>
      <c r="NC11" s="345">
        <v>0</v>
      </c>
      <c r="ND11" s="349">
        <v>0</v>
      </c>
      <c r="NE11" s="404">
        <v>0</v>
      </c>
      <c r="NF11" s="345">
        <v>1508223</v>
      </c>
      <c r="NG11" s="345">
        <v>4098881</v>
      </c>
      <c r="NH11" s="345">
        <v>8889626</v>
      </c>
      <c r="NI11" s="345">
        <v>9794501</v>
      </c>
      <c r="NJ11" s="345">
        <v>7079732</v>
      </c>
      <c r="NK11" s="349">
        <v>31370963</v>
      </c>
      <c r="NL11" s="347">
        <v>31370963</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0</v>
      </c>
      <c r="OD11" s="345">
        <v>0</v>
      </c>
      <c r="OE11" s="345">
        <v>0</v>
      </c>
      <c r="OF11" s="345">
        <v>369643</v>
      </c>
      <c r="OG11" s="349">
        <v>369643</v>
      </c>
      <c r="OH11" s="350">
        <v>369643</v>
      </c>
      <c r="OI11" s="348">
        <v>3720432</v>
      </c>
      <c r="OJ11" s="345">
        <v>4604223</v>
      </c>
      <c r="OK11" s="346">
        <v>8324655</v>
      </c>
      <c r="OL11" s="351">
        <v>0</v>
      </c>
      <c r="OM11" s="345">
        <v>59821408</v>
      </c>
      <c r="ON11" s="345">
        <v>71919426</v>
      </c>
      <c r="OO11" s="345">
        <v>67813868</v>
      </c>
      <c r="OP11" s="345">
        <v>79275217</v>
      </c>
      <c r="OQ11" s="345">
        <v>47663003</v>
      </c>
      <c r="OR11" s="349">
        <v>326492922</v>
      </c>
      <c r="OS11" s="354">
        <v>334817577</v>
      </c>
    </row>
    <row r="12" spans="1:409" s="70" customFormat="1" ht="21" customHeight="1" x14ac:dyDescent="0.2">
      <c r="B12" s="410" t="s">
        <v>14</v>
      </c>
      <c r="C12" s="326">
        <v>1739654</v>
      </c>
      <c r="D12" s="327">
        <v>3240508</v>
      </c>
      <c r="E12" s="328">
        <v>4980162</v>
      </c>
      <c r="F12" s="329">
        <v>0</v>
      </c>
      <c r="G12" s="327">
        <v>17119704</v>
      </c>
      <c r="H12" s="327">
        <v>27480684</v>
      </c>
      <c r="I12" s="327">
        <v>27388913</v>
      </c>
      <c r="J12" s="327">
        <v>20744786</v>
      </c>
      <c r="K12" s="327">
        <v>12604567</v>
      </c>
      <c r="L12" s="331">
        <v>105338654</v>
      </c>
      <c r="M12" s="330">
        <v>110318816</v>
      </c>
      <c r="N12" s="326">
        <v>570410</v>
      </c>
      <c r="O12" s="327">
        <v>837271</v>
      </c>
      <c r="P12" s="328">
        <v>1407681</v>
      </c>
      <c r="Q12" s="326">
        <v>0</v>
      </c>
      <c r="R12" s="327">
        <v>4694576</v>
      </c>
      <c r="S12" s="327">
        <v>9783890</v>
      </c>
      <c r="T12" s="327">
        <v>7951631</v>
      </c>
      <c r="U12" s="327">
        <v>8914285</v>
      </c>
      <c r="V12" s="327">
        <v>6879870</v>
      </c>
      <c r="W12" s="328">
        <v>38224252</v>
      </c>
      <c r="X12" s="330">
        <v>39631933</v>
      </c>
      <c r="Y12" s="326">
        <v>0</v>
      </c>
      <c r="Z12" s="327">
        <v>0</v>
      </c>
      <c r="AA12" s="328">
        <v>0</v>
      </c>
      <c r="AB12" s="326">
        <v>0</v>
      </c>
      <c r="AC12" s="327">
        <v>1923987</v>
      </c>
      <c r="AD12" s="327">
        <v>4882699</v>
      </c>
      <c r="AE12" s="327">
        <v>3595091</v>
      </c>
      <c r="AF12" s="327">
        <v>4899789</v>
      </c>
      <c r="AG12" s="327">
        <v>3825439</v>
      </c>
      <c r="AH12" s="328">
        <v>19127005</v>
      </c>
      <c r="AI12" s="330">
        <v>19127005</v>
      </c>
      <c r="AJ12" s="326">
        <v>0</v>
      </c>
      <c r="AK12" s="327">
        <v>0</v>
      </c>
      <c r="AL12" s="328">
        <v>0</v>
      </c>
      <c r="AM12" s="326">
        <v>0</v>
      </c>
      <c r="AN12" s="327">
        <v>0</v>
      </c>
      <c r="AO12" s="327">
        <v>95044</v>
      </c>
      <c r="AP12" s="327">
        <v>304479</v>
      </c>
      <c r="AQ12" s="327">
        <v>360794</v>
      </c>
      <c r="AR12" s="327">
        <v>572622</v>
      </c>
      <c r="AS12" s="328">
        <v>1332939</v>
      </c>
      <c r="AT12" s="330">
        <v>1332939</v>
      </c>
      <c r="AU12" s="326">
        <v>252702</v>
      </c>
      <c r="AV12" s="327">
        <v>585614</v>
      </c>
      <c r="AW12" s="328">
        <v>838316</v>
      </c>
      <c r="AX12" s="326">
        <v>0</v>
      </c>
      <c r="AY12" s="327">
        <v>1617221</v>
      </c>
      <c r="AZ12" s="327">
        <v>3170226</v>
      </c>
      <c r="BA12" s="327">
        <v>2447001</v>
      </c>
      <c r="BB12" s="327">
        <v>1981311</v>
      </c>
      <c r="BC12" s="327">
        <v>1555305</v>
      </c>
      <c r="BD12" s="328">
        <v>10771064</v>
      </c>
      <c r="BE12" s="330">
        <v>11609380</v>
      </c>
      <c r="BF12" s="326">
        <v>31700</v>
      </c>
      <c r="BG12" s="327">
        <v>58193</v>
      </c>
      <c r="BH12" s="331">
        <v>89893</v>
      </c>
      <c r="BI12" s="332">
        <v>0</v>
      </c>
      <c r="BJ12" s="327">
        <v>0</v>
      </c>
      <c r="BK12" s="327">
        <v>83097</v>
      </c>
      <c r="BL12" s="327">
        <v>68820</v>
      </c>
      <c r="BM12" s="327">
        <v>224863</v>
      </c>
      <c r="BN12" s="327">
        <v>0</v>
      </c>
      <c r="BO12" s="328">
        <v>376780</v>
      </c>
      <c r="BP12" s="330">
        <v>466673</v>
      </c>
      <c r="BQ12" s="326">
        <v>286008</v>
      </c>
      <c r="BR12" s="327">
        <v>193464</v>
      </c>
      <c r="BS12" s="328">
        <v>479472</v>
      </c>
      <c r="BT12" s="326">
        <v>0</v>
      </c>
      <c r="BU12" s="327">
        <v>1153368</v>
      </c>
      <c r="BV12" s="327">
        <v>1552824</v>
      </c>
      <c r="BW12" s="327">
        <v>1536240</v>
      </c>
      <c r="BX12" s="327">
        <v>1447528</v>
      </c>
      <c r="BY12" s="327">
        <v>926504</v>
      </c>
      <c r="BZ12" s="328">
        <v>6616464</v>
      </c>
      <c r="CA12" s="330">
        <v>7095936</v>
      </c>
      <c r="CB12" s="326">
        <v>125033</v>
      </c>
      <c r="CC12" s="327">
        <v>488115</v>
      </c>
      <c r="CD12" s="328">
        <v>613148</v>
      </c>
      <c r="CE12" s="326">
        <v>0</v>
      </c>
      <c r="CF12" s="327">
        <v>6110397</v>
      </c>
      <c r="CG12" s="327">
        <v>8204728</v>
      </c>
      <c r="CH12" s="327">
        <v>9045953</v>
      </c>
      <c r="CI12" s="327">
        <v>3953176</v>
      </c>
      <c r="CJ12" s="327">
        <v>983514</v>
      </c>
      <c r="CK12" s="328">
        <v>28297768</v>
      </c>
      <c r="CL12" s="330">
        <v>28910916</v>
      </c>
      <c r="CM12" s="326">
        <v>0</v>
      </c>
      <c r="CN12" s="327">
        <v>0</v>
      </c>
      <c r="CO12" s="328">
        <v>0</v>
      </c>
      <c r="CP12" s="332">
        <v>0</v>
      </c>
      <c r="CQ12" s="327">
        <v>5527301</v>
      </c>
      <c r="CR12" s="327">
        <v>6427354</v>
      </c>
      <c r="CS12" s="327">
        <v>7761452</v>
      </c>
      <c r="CT12" s="327">
        <v>3406159</v>
      </c>
      <c r="CU12" s="327">
        <v>936406</v>
      </c>
      <c r="CV12" s="328">
        <v>24058672</v>
      </c>
      <c r="CW12" s="330">
        <v>24058672</v>
      </c>
      <c r="CX12" s="326">
        <v>125033</v>
      </c>
      <c r="CY12" s="327">
        <v>488115</v>
      </c>
      <c r="CZ12" s="328">
        <v>613148</v>
      </c>
      <c r="DA12" s="326">
        <v>0</v>
      </c>
      <c r="DB12" s="327">
        <v>583096</v>
      </c>
      <c r="DC12" s="327">
        <v>1777374</v>
      </c>
      <c r="DD12" s="327">
        <v>1284501</v>
      </c>
      <c r="DE12" s="327">
        <v>547017</v>
      </c>
      <c r="DF12" s="327">
        <v>47108</v>
      </c>
      <c r="DG12" s="328">
        <v>4239096</v>
      </c>
      <c r="DH12" s="330">
        <v>4852244</v>
      </c>
      <c r="DI12" s="326">
        <v>0</v>
      </c>
      <c r="DJ12" s="327">
        <v>0</v>
      </c>
      <c r="DK12" s="331">
        <v>0</v>
      </c>
      <c r="DL12" s="332">
        <v>0</v>
      </c>
      <c r="DM12" s="327">
        <v>239541</v>
      </c>
      <c r="DN12" s="327">
        <v>1186938</v>
      </c>
      <c r="DO12" s="327">
        <v>2397394</v>
      </c>
      <c r="DP12" s="327">
        <v>1651374</v>
      </c>
      <c r="DQ12" s="327">
        <v>324542</v>
      </c>
      <c r="DR12" s="328">
        <v>5799789</v>
      </c>
      <c r="DS12" s="330">
        <v>5799789</v>
      </c>
      <c r="DT12" s="326">
        <v>0</v>
      </c>
      <c r="DU12" s="327">
        <v>0</v>
      </c>
      <c r="DV12" s="328">
        <v>0</v>
      </c>
      <c r="DW12" s="326">
        <v>0</v>
      </c>
      <c r="DX12" s="327">
        <v>239541</v>
      </c>
      <c r="DY12" s="327">
        <v>1147772</v>
      </c>
      <c r="DZ12" s="327">
        <v>2133025</v>
      </c>
      <c r="EA12" s="327">
        <v>1613482</v>
      </c>
      <c r="EB12" s="327">
        <v>324542</v>
      </c>
      <c r="EC12" s="328">
        <v>5458362</v>
      </c>
      <c r="ED12" s="330">
        <v>5458362</v>
      </c>
      <c r="EE12" s="326">
        <v>0</v>
      </c>
      <c r="EF12" s="331">
        <v>0</v>
      </c>
      <c r="EG12" s="328">
        <v>0</v>
      </c>
      <c r="EH12" s="326">
        <v>0</v>
      </c>
      <c r="EI12" s="327">
        <v>0</v>
      </c>
      <c r="EJ12" s="327">
        <v>39166</v>
      </c>
      <c r="EK12" s="327">
        <v>264369</v>
      </c>
      <c r="EL12" s="327">
        <v>37892</v>
      </c>
      <c r="EM12" s="327">
        <v>0</v>
      </c>
      <c r="EN12" s="331">
        <v>341427</v>
      </c>
      <c r="EO12" s="330">
        <v>341427</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331536</v>
      </c>
      <c r="FM12" s="327">
        <v>1365376</v>
      </c>
      <c r="FN12" s="328">
        <v>1696912</v>
      </c>
      <c r="FO12" s="326">
        <v>0</v>
      </c>
      <c r="FP12" s="327">
        <v>959208</v>
      </c>
      <c r="FQ12" s="327">
        <v>3278890</v>
      </c>
      <c r="FR12" s="327">
        <v>2403560</v>
      </c>
      <c r="FS12" s="327">
        <v>1998740</v>
      </c>
      <c r="FT12" s="327">
        <v>1299900</v>
      </c>
      <c r="FU12" s="328">
        <v>9940298</v>
      </c>
      <c r="FV12" s="330">
        <v>11637210</v>
      </c>
      <c r="FW12" s="333">
        <v>183024</v>
      </c>
      <c r="FX12" s="327">
        <v>794176</v>
      </c>
      <c r="FY12" s="331">
        <v>977200</v>
      </c>
      <c r="FZ12" s="332">
        <v>0</v>
      </c>
      <c r="GA12" s="327">
        <v>776328</v>
      </c>
      <c r="GB12" s="327">
        <v>2797440</v>
      </c>
      <c r="GC12" s="327">
        <v>2198664</v>
      </c>
      <c r="GD12" s="327">
        <v>1471288</v>
      </c>
      <c r="GE12" s="327">
        <v>1124120</v>
      </c>
      <c r="GF12" s="328">
        <v>8367840</v>
      </c>
      <c r="GG12" s="334">
        <v>9345040</v>
      </c>
      <c r="GH12" s="333">
        <v>90912</v>
      </c>
      <c r="GI12" s="327">
        <v>44800</v>
      </c>
      <c r="GJ12" s="331">
        <v>135712</v>
      </c>
      <c r="GK12" s="332">
        <v>0</v>
      </c>
      <c r="GL12" s="327">
        <v>22880</v>
      </c>
      <c r="GM12" s="327">
        <v>91650</v>
      </c>
      <c r="GN12" s="327">
        <v>50496</v>
      </c>
      <c r="GO12" s="327">
        <v>151360</v>
      </c>
      <c r="GP12" s="327">
        <v>61380</v>
      </c>
      <c r="GQ12" s="328">
        <v>377766</v>
      </c>
      <c r="GR12" s="330">
        <v>513478</v>
      </c>
      <c r="GS12" s="326">
        <v>57600</v>
      </c>
      <c r="GT12" s="327">
        <v>526400</v>
      </c>
      <c r="GU12" s="328">
        <v>584000</v>
      </c>
      <c r="GV12" s="326">
        <v>0</v>
      </c>
      <c r="GW12" s="327">
        <v>160000</v>
      </c>
      <c r="GX12" s="327">
        <v>389800</v>
      </c>
      <c r="GY12" s="327">
        <v>154400</v>
      </c>
      <c r="GZ12" s="327">
        <v>376092</v>
      </c>
      <c r="HA12" s="327">
        <v>114400</v>
      </c>
      <c r="HB12" s="331">
        <v>1194692</v>
      </c>
      <c r="HC12" s="330">
        <v>1778692</v>
      </c>
      <c r="HD12" s="326">
        <v>712675</v>
      </c>
      <c r="HE12" s="327">
        <v>549746</v>
      </c>
      <c r="HF12" s="331">
        <v>1262421</v>
      </c>
      <c r="HG12" s="332">
        <v>0</v>
      </c>
      <c r="HH12" s="327">
        <v>5115982</v>
      </c>
      <c r="HI12" s="327">
        <v>5026238</v>
      </c>
      <c r="HJ12" s="327">
        <v>5590375</v>
      </c>
      <c r="HK12" s="327">
        <v>4227211</v>
      </c>
      <c r="HL12" s="327">
        <v>3116741</v>
      </c>
      <c r="HM12" s="328">
        <v>23076547</v>
      </c>
      <c r="HN12" s="329">
        <v>24338968</v>
      </c>
      <c r="HO12" s="333">
        <v>0</v>
      </c>
      <c r="HP12" s="327">
        <v>0</v>
      </c>
      <c r="HQ12" s="328">
        <v>0</v>
      </c>
      <c r="HR12" s="326">
        <v>0</v>
      </c>
      <c r="HS12" s="327">
        <v>0</v>
      </c>
      <c r="HT12" s="327">
        <v>0</v>
      </c>
      <c r="HU12" s="327">
        <v>0</v>
      </c>
      <c r="HV12" s="327">
        <v>0</v>
      </c>
      <c r="HW12" s="327">
        <v>0</v>
      </c>
      <c r="HX12" s="331">
        <v>0</v>
      </c>
      <c r="HY12" s="330">
        <v>0</v>
      </c>
      <c r="HZ12" s="335">
        <v>0</v>
      </c>
      <c r="IA12" s="336">
        <v>67251</v>
      </c>
      <c r="IB12" s="337">
        <v>67251</v>
      </c>
      <c r="IC12" s="355">
        <v>0</v>
      </c>
      <c r="ID12" s="356">
        <v>5695075</v>
      </c>
      <c r="IE12" s="357">
        <v>7095587</v>
      </c>
      <c r="IF12" s="358">
        <v>8081948</v>
      </c>
      <c r="IG12" s="356">
        <v>6468073</v>
      </c>
      <c r="IH12" s="358">
        <v>3194832</v>
      </c>
      <c r="II12" s="359">
        <v>30535515</v>
      </c>
      <c r="IJ12" s="341">
        <v>30602766</v>
      </c>
      <c r="IK12" s="342">
        <v>0</v>
      </c>
      <c r="IL12" s="343">
        <v>0</v>
      </c>
      <c r="IM12" s="344">
        <v>0</v>
      </c>
      <c r="IN12" s="404">
        <v>0</v>
      </c>
      <c r="IO12" s="345">
        <v>69948</v>
      </c>
      <c r="IP12" s="345">
        <v>172362</v>
      </c>
      <c r="IQ12" s="345">
        <v>122153</v>
      </c>
      <c r="IR12" s="345">
        <v>219253</v>
      </c>
      <c r="IS12" s="345">
        <v>237647</v>
      </c>
      <c r="IT12" s="346">
        <v>821363</v>
      </c>
      <c r="IU12" s="347">
        <v>821363</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2695705</v>
      </c>
      <c r="JL12" s="345">
        <v>3907195</v>
      </c>
      <c r="JM12" s="345">
        <v>2758678</v>
      </c>
      <c r="JN12" s="345">
        <v>1389301</v>
      </c>
      <c r="JO12" s="345">
        <v>474356</v>
      </c>
      <c r="JP12" s="349">
        <v>11225235</v>
      </c>
      <c r="JQ12" s="347">
        <v>11225235</v>
      </c>
      <c r="JR12" s="348">
        <v>0</v>
      </c>
      <c r="JS12" s="345">
        <v>0</v>
      </c>
      <c r="JT12" s="346">
        <v>0</v>
      </c>
      <c r="JU12" s="351">
        <v>0</v>
      </c>
      <c r="JV12" s="345">
        <v>129139</v>
      </c>
      <c r="JW12" s="345">
        <v>234730</v>
      </c>
      <c r="JX12" s="345">
        <v>102514</v>
      </c>
      <c r="JY12" s="345">
        <v>0</v>
      </c>
      <c r="JZ12" s="345">
        <v>0</v>
      </c>
      <c r="KA12" s="349">
        <v>466383</v>
      </c>
      <c r="KB12" s="347">
        <v>466383</v>
      </c>
      <c r="KC12" s="352">
        <v>0</v>
      </c>
      <c r="KD12" s="353">
        <v>67251</v>
      </c>
      <c r="KE12" s="349">
        <v>67251</v>
      </c>
      <c r="KF12" s="351">
        <v>0</v>
      </c>
      <c r="KG12" s="345">
        <v>1007015</v>
      </c>
      <c r="KH12" s="345">
        <v>1099415</v>
      </c>
      <c r="KI12" s="345">
        <v>1432537</v>
      </c>
      <c r="KJ12" s="345">
        <v>1262974</v>
      </c>
      <c r="KK12" s="345">
        <v>579561</v>
      </c>
      <c r="KL12" s="349">
        <v>5381502</v>
      </c>
      <c r="KM12" s="354">
        <v>5448753</v>
      </c>
      <c r="KN12" s="342">
        <v>0</v>
      </c>
      <c r="KO12" s="343">
        <v>0</v>
      </c>
      <c r="KP12" s="344">
        <v>0</v>
      </c>
      <c r="KQ12" s="404">
        <v>0</v>
      </c>
      <c r="KR12" s="345">
        <v>1627885</v>
      </c>
      <c r="KS12" s="345">
        <v>1681885</v>
      </c>
      <c r="KT12" s="345">
        <v>3183870</v>
      </c>
      <c r="KU12" s="345">
        <v>3198422</v>
      </c>
      <c r="KV12" s="345">
        <v>827421</v>
      </c>
      <c r="KW12" s="349">
        <v>10519483</v>
      </c>
      <c r="KX12" s="347">
        <v>10519483</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234501</v>
      </c>
      <c r="LQ12" s="345">
        <v>398123</v>
      </c>
      <c r="LR12" s="345">
        <v>0</v>
      </c>
      <c r="LS12" s="349">
        <v>632624</v>
      </c>
      <c r="LT12" s="347">
        <v>632624</v>
      </c>
      <c r="LU12" s="348">
        <v>0</v>
      </c>
      <c r="LV12" s="345">
        <v>0</v>
      </c>
      <c r="LW12" s="349">
        <v>0</v>
      </c>
      <c r="LX12" s="404">
        <v>0</v>
      </c>
      <c r="LY12" s="345">
        <v>165383</v>
      </c>
      <c r="LZ12" s="345">
        <v>0</v>
      </c>
      <c r="MA12" s="345">
        <v>247695</v>
      </c>
      <c r="MB12" s="345">
        <v>0</v>
      </c>
      <c r="MC12" s="345">
        <v>1075847</v>
      </c>
      <c r="MD12" s="349">
        <v>1488925</v>
      </c>
      <c r="ME12" s="350">
        <v>1488925</v>
      </c>
      <c r="MF12" s="348">
        <v>0</v>
      </c>
      <c r="MG12" s="345">
        <v>0</v>
      </c>
      <c r="MH12" s="349">
        <v>0</v>
      </c>
      <c r="MI12" s="404">
        <v>0</v>
      </c>
      <c r="MJ12" s="345">
        <v>0</v>
      </c>
      <c r="MK12" s="345">
        <v>2281814</v>
      </c>
      <c r="ML12" s="345">
        <v>11804480</v>
      </c>
      <c r="MM12" s="345">
        <v>16956377</v>
      </c>
      <c r="MN12" s="345">
        <v>11058750</v>
      </c>
      <c r="MO12" s="349">
        <v>42101421</v>
      </c>
      <c r="MP12" s="354">
        <v>42101421</v>
      </c>
      <c r="MQ12" s="348">
        <v>0</v>
      </c>
      <c r="MR12" s="345">
        <v>0</v>
      </c>
      <c r="MS12" s="349">
        <v>0</v>
      </c>
      <c r="MT12" s="404">
        <v>0</v>
      </c>
      <c r="MU12" s="345">
        <v>0</v>
      </c>
      <c r="MV12" s="345">
        <v>0</v>
      </c>
      <c r="MW12" s="345">
        <v>7773835</v>
      </c>
      <c r="MX12" s="345">
        <v>11968100</v>
      </c>
      <c r="MY12" s="345">
        <v>6051931</v>
      </c>
      <c r="MZ12" s="349">
        <v>25793866</v>
      </c>
      <c r="NA12" s="354">
        <v>25793866</v>
      </c>
      <c r="NB12" s="348">
        <v>0</v>
      </c>
      <c r="NC12" s="345">
        <v>0</v>
      </c>
      <c r="ND12" s="349">
        <v>0</v>
      </c>
      <c r="NE12" s="404">
        <v>0</v>
      </c>
      <c r="NF12" s="345">
        <v>0</v>
      </c>
      <c r="NG12" s="345">
        <v>2281814</v>
      </c>
      <c r="NH12" s="345">
        <v>4030645</v>
      </c>
      <c r="NI12" s="345">
        <v>3919527</v>
      </c>
      <c r="NJ12" s="345">
        <v>2985496</v>
      </c>
      <c r="NK12" s="349">
        <v>13217482</v>
      </c>
      <c r="NL12" s="347">
        <v>13217482</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0</v>
      </c>
      <c r="OE12" s="345">
        <v>1068750</v>
      </c>
      <c r="OF12" s="345">
        <v>2021323</v>
      </c>
      <c r="OG12" s="349">
        <v>3090073</v>
      </c>
      <c r="OH12" s="350">
        <v>3090073</v>
      </c>
      <c r="OI12" s="348">
        <v>1739654</v>
      </c>
      <c r="OJ12" s="345">
        <v>3307759</v>
      </c>
      <c r="OK12" s="346">
        <v>5047413</v>
      </c>
      <c r="OL12" s="351">
        <v>0</v>
      </c>
      <c r="OM12" s="345">
        <v>22814779</v>
      </c>
      <c r="ON12" s="345">
        <v>36858085</v>
      </c>
      <c r="OO12" s="345">
        <v>47275341</v>
      </c>
      <c r="OP12" s="345">
        <v>44169236</v>
      </c>
      <c r="OQ12" s="345">
        <v>26858149</v>
      </c>
      <c r="OR12" s="349">
        <v>177975590</v>
      </c>
      <c r="OS12" s="354">
        <v>183023003</v>
      </c>
    </row>
    <row r="13" spans="1:409" s="70" customFormat="1" ht="21" customHeight="1" x14ac:dyDescent="0.2">
      <c r="B13" s="410" t="s">
        <v>7</v>
      </c>
      <c r="C13" s="326">
        <v>976585</v>
      </c>
      <c r="D13" s="327">
        <v>2079392</v>
      </c>
      <c r="E13" s="328">
        <v>3055977</v>
      </c>
      <c r="F13" s="329">
        <v>0</v>
      </c>
      <c r="G13" s="327">
        <v>23587943</v>
      </c>
      <c r="H13" s="327">
        <v>24820638</v>
      </c>
      <c r="I13" s="327">
        <v>20065622</v>
      </c>
      <c r="J13" s="327">
        <v>16151671</v>
      </c>
      <c r="K13" s="327">
        <v>11428130</v>
      </c>
      <c r="L13" s="329">
        <v>96054004</v>
      </c>
      <c r="M13" s="330">
        <v>99109981</v>
      </c>
      <c r="N13" s="326">
        <v>262487</v>
      </c>
      <c r="O13" s="327">
        <v>283270</v>
      </c>
      <c r="P13" s="328">
        <v>545757</v>
      </c>
      <c r="Q13" s="326">
        <v>0</v>
      </c>
      <c r="R13" s="327">
        <v>6273352</v>
      </c>
      <c r="S13" s="327">
        <v>7579446</v>
      </c>
      <c r="T13" s="327">
        <v>5518820</v>
      </c>
      <c r="U13" s="327">
        <v>6978625</v>
      </c>
      <c r="V13" s="327">
        <v>5690300</v>
      </c>
      <c r="W13" s="328">
        <v>32040543</v>
      </c>
      <c r="X13" s="330">
        <v>32586300</v>
      </c>
      <c r="Y13" s="326">
        <v>0</v>
      </c>
      <c r="Z13" s="327">
        <v>0</v>
      </c>
      <c r="AA13" s="328">
        <v>0</v>
      </c>
      <c r="AB13" s="326">
        <v>0</v>
      </c>
      <c r="AC13" s="327">
        <v>2655633</v>
      </c>
      <c r="AD13" s="327">
        <v>3671127</v>
      </c>
      <c r="AE13" s="327">
        <v>3240474</v>
      </c>
      <c r="AF13" s="327">
        <v>4378548</v>
      </c>
      <c r="AG13" s="327">
        <v>2765984</v>
      </c>
      <c r="AH13" s="328">
        <v>16711766</v>
      </c>
      <c r="AI13" s="330">
        <v>16711766</v>
      </c>
      <c r="AJ13" s="326">
        <v>0</v>
      </c>
      <c r="AK13" s="327">
        <v>0</v>
      </c>
      <c r="AL13" s="328">
        <v>0</v>
      </c>
      <c r="AM13" s="326">
        <v>0</v>
      </c>
      <c r="AN13" s="327">
        <v>0</v>
      </c>
      <c r="AO13" s="327">
        <v>178511</v>
      </c>
      <c r="AP13" s="327">
        <v>165424</v>
      </c>
      <c r="AQ13" s="327">
        <v>379636</v>
      </c>
      <c r="AR13" s="327">
        <v>713562</v>
      </c>
      <c r="AS13" s="328">
        <v>1437133</v>
      </c>
      <c r="AT13" s="330">
        <v>1437133</v>
      </c>
      <c r="AU13" s="326">
        <v>106055</v>
      </c>
      <c r="AV13" s="327">
        <v>62878</v>
      </c>
      <c r="AW13" s="328">
        <v>168933</v>
      </c>
      <c r="AX13" s="326">
        <v>0</v>
      </c>
      <c r="AY13" s="327">
        <v>2094270</v>
      </c>
      <c r="AZ13" s="327">
        <v>2294091</v>
      </c>
      <c r="BA13" s="327">
        <v>802676</v>
      </c>
      <c r="BB13" s="327">
        <v>1097565</v>
      </c>
      <c r="BC13" s="327">
        <v>1534015</v>
      </c>
      <c r="BD13" s="328">
        <v>7822617</v>
      </c>
      <c r="BE13" s="330">
        <v>7991550</v>
      </c>
      <c r="BF13" s="326">
        <v>41456</v>
      </c>
      <c r="BG13" s="327">
        <v>0</v>
      </c>
      <c r="BH13" s="331">
        <v>41456</v>
      </c>
      <c r="BI13" s="332">
        <v>0</v>
      </c>
      <c r="BJ13" s="327">
        <v>307001</v>
      </c>
      <c r="BK13" s="327">
        <v>158829</v>
      </c>
      <c r="BL13" s="327">
        <v>97302</v>
      </c>
      <c r="BM13" s="327">
        <v>239724</v>
      </c>
      <c r="BN13" s="327">
        <v>35515</v>
      </c>
      <c r="BO13" s="328">
        <v>838371</v>
      </c>
      <c r="BP13" s="330">
        <v>879827</v>
      </c>
      <c r="BQ13" s="326">
        <v>114976</v>
      </c>
      <c r="BR13" s="327">
        <v>220392</v>
      </c>
      <c r="BS13" s="328">
        <v>335368</v>
      </c>
      <c r="BT13" s="326">
        <v>0</v>
      </c>
      <c r="BU13" s="327">
        <v>1216448</v>
      </c>
      <c r="BV13" s="327">
        <v>1276888</v>
      </c>
      <c r="BW13" s="327">
        <v>1212944</v>
      </c>
      <c r="BX13" s="327">
        <v>883152</v>
      </c>
      <c r="BY13" s="327">
        <v>641224</v>
      </c>
      <c r="BZ13" s="328">
        <v>5230656</v>
      </c>
      <c r="CA13" s="330">
        <v>5566024</v>
      </c>
      <c r="CB13" s="326">
        <v>61254</v>
      </c>
      <c r="CC13" s="327">
        <v>111560</v>
      </c>
      <c r="CD13" s="328">
        <v>172814</v>
      </c>
      <c r="CE13" s="326">
        <v>0</v>
      </c>
      <c r="CF13" s="327">
        <v>8649718</v>
      </c>
      <c r="CG13" s="327">
        <v>6632564</v>
      </c>
      <c r="CH13" s="327">
        <v>3893295</v>
      </c>
      <c r="CI13" s="327">
        <v>1249768</v>
      </c>
      <c r="CJ13" s="327">
        <v>966278</v>
      </c>
      <c r="CK13" s="328">
        <v>21391623</v>
      </c>
      <c r="CL13" s="330">
        <v>21564437</v>
      </c>
      <c r="CM13" s="326">
        <v>0</v>
      </c>
      <c r="CN13" s="327">
        <v>0</v>
      </c>
      <c r="CO13" s="328">
        <v>0</v>
      </c>
      <c r="CP13" s="332">
        <v>0</v>
      </c>
      <c r="CQ13" s="327">
        <v>7647738</v>
      </c>
      <c r="CR13" s="327">
        <v>5160140</v>
      </c>
      <c r="CS13" s="327">
        <v>3143428</v>
      </c>
      <c r="CT13" s="327">
        <v>938258</v>
      </c>
      <c r="CU13" s="327">
        <v>690651</v>
      </c>
      <c r="CV13" s="328">
        <v>17580215</v>
      </c>
      <c r="CW13" s="330">
        <v>17580215</v>
      </c>
      <c r="CX13" s="326">
        <v>61254</v>
      </c>
      <c r="CY13" s="327">
        <v>111560</v>
      </c>
      <c r="CZ13" s="328">
        <v>172814</v>
      </c>
      <c r="DA13" s="326">
        <v>0</v>
      </c>
      <c r="DB13" s="327">
        <v>1001980</v>
      </c>
      <c r="DC13" s="327">
        <v>1472424</v>
      </c>
      <c r="DD13" s="327">
        <v>749867</v>
      </c>
      <c r="DE13" s="327">
        <v>311510</v>
      </c>
      <c r="DF13" s="327">
        <v>275627</v>
      </c>
      <c r="DG13" s="328">
        <v>3811408</v>
      </c>
      <c r="DH13" s="330">
        <v>3984222</v>
      </c>
      <c r="DI13" s="326">
        <v>14216</v>
      </c>
      <c r="DJ13" s="327">
        <v>0</v>
      </c>
      <c r="DK13" s="331">
        <v>14216</v>
      </c>
      <c r="DL13" s="332">
        <v>0</v>
      </c>
      <c r="DM13" s="327">
        <v>1483950</v>
      </c>
      <c r="DN13" s="327">
        <v>2278618</v>
      </c>
      <c r="DO13" s="327">
        <v>2781012</v>
      </c>
      <c r="DP13" s="327">
        <v>1281196</v>
      </c>
      <c r="DQ13" s="327">
        <v>764047</v>
      </c>
      <c r="DR13" s="328">
        <v>8588823</v>
      </c>
      <c r="DS13" s="330">
        <v>8603039</v>
      </c>
      <c r="DT13" s="326">
        <v>14216</v>
      </c>
      <c r="DU13" s="327">
        <v>0</v>
      </c>
      <c r="DV13" s="328">
        <v>14216</v>
      </c>
      <c r="DW13" s="326">
        <v>0</v>
      </c>
      <c r="DX13" s="327">
        <v>1381207</v>
      </c>
      <c r="DY13" s="327">
        <v>2162388</v>
      </c>
      <c r="DZ13" s="327">
        <v>2580094</v>
      </c>
      <c r="EA13" s="327">
        <v>1195992</v>
      </c>
      <c r="EB13" s="327">
        <v>764047</v>
      </c>
      <c r="EC13" s="328">
        <v>8083728</v>
      </c>
      <c r="ED13" s="330">
        <v>8097944</v>
      </c>
      <c r="EE13" s="326">
        <v>0</v>
      </c>
      <c r="EF13" s="331">
        <v>0</v>
      </c>
      <c r="EG13" s="328">
        <v>0</v>
      </c>
      <c r="EH13" s="326">
        <v>0</v>
      </c>
      <c r="EI13" s="327">
        <v>102743</v>
      </c>
      <c r="EJ13" s="327">
        <v>116230</v>
      </c>
      <c r="EK13" s="327">
        <v>200918</v>
      </c>
      <c r="EL13" s="327">
        <v>85204</v>
      </c>
      <c r="EM13" s="327">
        <v>0</v>
      </c>
      <c r="EN13" s="331">
        <v>505095</v>
      </c>
      <c r="EO13" s="330">
        <v>505095</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163832</v>
      </c>
      <c r="FM13" s="327">
        <v>430776</v>
      </c>
      <c r="FN13" s="328">
        <v>594608</v>
      </c>
      <c r="FO13" s="326">
        <v>0</v>
      </c>
      <c r="FP13" s="327">
        <v>1506409</v>
      </c>
      <c r="FQ13" s="327">
        <v>2750290</v>
      </c>
      <c r="FR13" s="327">
        <v>1478328</v>
      </c>
      <c r="FS13" s="327">
        <v>1178696</v>
      </c>
      <c r="FT13" s="327">
        <v>613976</v>
      </c>
      <c r="FU13" s="328">
        <v>7527699</v>
      </c>
      <c r="FV13" s="330">
        <v>8122307</v>
      </c>
      <c r="FW13" s="333">
        <v>146936</v>
      </c>
      <c r="FX13" s="327">
        <v>121888</v>
      </c>
      <c r="FY13" s="331">
        <v>268824</v>
      </c>
      <c r="FZ13" s="332">
        <v>0</v>
      </c>
      <c r="GA13" s="327">
        <v>722656</v>
      </c>
      <c r="GB13" s="327">
        <v>2121072</v>
      </c>
      <c r="GC13" s="327">
        <v>1248296</v>
      </c>
      <c r="GD13" s="327">
        <v>1066232</v>
      </c>
      <c r="GE13" s="327">
        <v>613976</v>
      </c>
      <c r="GF13" s="328">
        <v>5772232</v>
      </c>
      <c r="GG13" s="334">
        <v>6041056</v>
      </c>
      <c r="GH13" s="333">
        <v>16896</v>
      </c>
      <c r="GI13" s="327">
        <v>36168</v>
      </c>
      <c r="GJ13" s="331">
        <v>53064</v>
      </c>
      <c r="GK13" s="332">
        <v>0</v>
      </c>
      <c r="GL13" s="327">
        <v>126016</v>
      </c>
      <c r="GM13" s="327">
        <v>168498</v>
      </c>
      <c r="GN13" s="327">
        <v>151392</v>
      </c>
      <c r="GO13" s="327">
        <v>37264</v>
      </c>
      <c r="GP13" s="327">
        <v>0</v>
      </c>
      <c r="GQ13" s="328">
        <v>483170</v>
      </c>
      <c r="GR13" s="330">
        <v>536234</v>
      </c>
      <c r="GS13" s="326">
        <v>0</v>
      </c>
      <c r="GT13" s="327">
        <v>272720</v>
      </c>
      <c r="GU13" s="328">
        <v>272720</v>
      </c>
      <c r="GV13" s="326">
        <v>0</v>
      </c>
      <c r="GW13" s="327">
        <v>657737</v>
      </c>
      <c r="GX13" s="327">
        <v>460720</v>
      </c>
      <c r="GY13" s="327">
        <v>78640</v>
      </c>
      <c r="GZ13" s="327">
        <v>75200</v>
      </c>
      <c r="HA13" s="327">
        <v>0</v>
      </c>
      <c r="HB13" s="331">
        <v>1272297</v>
      </c>
      <c r="HC13" s="330">
        <v>1545017</v>
      </c>
      <c r="HD13" s="326">
        <v>474796</v>
      </c>
      <c r="HE13" s="327">
        <v>1253786</v>
      </c>
      <c r="HF13" s="331">
        <v>1728582</v>
      </c>
      <c r="HG13" s="332">
        <v>0</v>
      </c>
      <c r="HH13" s="327">
        <v>5674514</v>
      </c>
      <c r="HI13" s="327">
        <v>5579720</v>
      </c>
      <c r="HJ13" s="327">
        <v>6394167</v>
      </c>
      <c r="HK13" s="327">
        <v>5463386</v>
      </c>
      <c r="HL13" s="327">
        <v>3393529</v>
      </c>
      <c r="HM13" s="328">
        <v>26505316</v>
      </c>
      <c r="HN13" s="329">
        <v>28233898</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5907201</v>
      </c>
      <c r="IE13" s="339">
        <v>4688798</v>
      </c>
      <c r="IF13" s="337">
        <v>5945070</v>
      </c>
      <c r="IG13" s="336">
        <v>3213744</v>
      </c>
      <c r="IH13" s="337">
        <v>2216904</v>
      </c>
      <c r="II13" s="340">
        <v>21971717</v>
      </c>
      <c r="IJ13" s="341">
        <v>21971717</v>
      </c>
      <c r="IK13" s="342">
        <v>0</v>
      </c>
      <c r="IL13" s="343">
        <v>0</v>
      </c>
      <c r="IM13" s="344">
        <v>0</v>
      </c>
      <c r="IN13" s="404">
        <v>0</v>
      </c>
      <c r="IO13" s="345">
        <v>0</v>
      </c>
      <c r="IP13" s="345">
        <v>0</v>
      </c>
      <c r="IQ13" s="345">
        <v>0</v>
      </c>
      <c r="IR13" s="345">
        <v>0</v>
      </c>
      <c r="IS13" s="345">
        <v>0</v>
      </c>
      <c r="IT13" s="346">
        <v>0</v>
      </c>
      <c r="IU13" s="347">
        <v>0</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2769532</v>
      </c>
      <c r="JL13" s="345">
        <v>2670745</v>
      </c>
      <c r="JM13" s="345">
        <v>1570153</v>
      </c>
      <c r="JN13" s="345">
        <v>671553</v>
      </c>
      <c r="JO13" s="345">
        <v>167155</v>
      </c>
      <c r="JP13" s="349">
        <v>7849138</v>
      </c>
      <c r="JQ13" s="347">
        <v>7849138</v>
      </c>
      <c r="JR13" s="348">
        <v>0</v>
      </c>
      <c r="JS13" s="345">
        <v>0</v>
      </c>
      <c r="JT13" s="346">
        <v>0</v>
      </c>
      <c r="JU13" s="351">
        <v>0</v>
      </c>
      <c r="JV13" s="345">
        <v>474245</v>
      </c>
      <c r="JW13" s="345">
        <v>324179</v>
      </c>
      <c r="JX13" s="345">
        <v>470232</v>
      </c>
      <c r="JY13" s="345">
        <v>976101</v>
      </c>
      <c r="JZ13" s="345">
        <v>191102</v>
      </c>
      <c r="KA13" s="349">
        <v>2435859</v>
      </c>
      <c r="KB13" s="347">
        <v>2435859</v>
      </c>
      <c r="KC13" s="352">
        <v>0</v>
      </c>
      <c r="KD13" s="353">
        <v>0</v>
      </c>
      <c r="KE13" s="349">
        <v>0</v>
      </c>
      <c r="KF13" s="351">
        <v>0</v>
      </c>
      <c r="KG13" s="345">
        <v>575380</v>
      </c>
      <c r="KH13" s="345">
        <v>359040</v>
      </c>
      <c r="KI13" s="345">
        <v>664405</v>
      </c>
      <c r="KJ13" s="345">
        <v>0</v>
      </c>
      <c r="KK13" s="345">
        <v>0</v>
      </c>
      <c r="KL13" s="349">
        <v>1598825</v>
      </c>
      <c r="KM13" s="354">
        <v>1598825</v>
      </c>
      <c r="KN13" s="342">
        <v>0</v>
      </c>
      <c r="KO13" s="343">
        <v>0</v>
      </c>
      <c r="KP13" s="344">
        <v>0</v>
      </c>
      <c r="KQ13" s="404">
        <v>0</v>
      </c>
      <c r="KR13" s="345">
        <v>2088044</v>
      </c>
      <c r="KS13" s="345">
        <v>1133054</v>
      </c>
      <c r="KT13" s="345">
        <v>2968702</v>
      </c>
      <c r="KU13" s="345">
        <v>1566090</v>
      </c>
      <c r="KV13" s="345">
        <v>1171180</v>
      </c>
      <c r="KW13" s="349">
        <v>8927070</v>
      </c>
      <c r="KX13" s="347">
        <v>8927070</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0</v>
      </c>
      <c r="LZ13" s="345">
        <v>201780</v>
      </c>
      <c r="MA13" s="345">
        <v>271578</v>
      </c>
      <c r="MB13" s="345">
        <v>0</v>
      </c>
      <c r="MC13" s="345">
        <v>687467</v>
      </c>
      <c r="MD13" s="349">
        <v>1160825</v>
      </c>
      <c r="ME13" s="350">
        <v>1160825</v>
      </c>
      <c r="MF13" s="348">
        <v>0</v>
      </c>
      <c r="MG13" s="345">
        <v>0</v>
      </c>
      <c r="MH13" s="349">
        <v>0</v>
      </c>
      <c r="MI13" s="404">
        <v>0</v>
      </c>
      <c r="MJ13" s="345">
        <v>2763413</v>
      </c>
      <c r="MK13" s="345">
        <v>1848975</v>
      </c>
      <c r="ML13" s="345">
        <v>7955503</v>
      </c>
      <c r="MM13" s="345">
        <v>16333823</v>
      </c>
      <c r="MN13" s="345">
        <v>6842388</v>
      </c>
      <c r="MO13" s="349">
        <v>35744102</v>
      </c>
      <c r="MP13" s="354">
        <v>35744102</v>
      </c>
      <c r="MQ13" s="348">
        <v>0</v>
      </c>
      <c r="MR13" s="345">
        <v>0</v>
      </c>
      <c r="MS13" s="349">
        <v>0</v>
      </c>
      <c r="MT13" s="404">
        <v>0</v>
      </c>
      <c r="MU13" s="345">
        <v>220681</v>
      </c>
      <c r="MV13" s="345">
        <v>230623</v>
      </c>
      <c r="MW13" s="345">
        <v>5184460</v>
      </c>
      <c r="MX13" s="345">
        <v>10749236</v>
      </c>
      <c r="MY13" s="345">
        <v>6094617</v>
      </c>
      <c r="MZ13" s="349">
        <v>22479617</v>
      </c>
      <c r="NA13" s="354">
        <v>22479617</v>
      </c>
      <c r="NB13" s="348">
        <v>0</v>
      </c>
      <c r="NC13" s="345">
        <v>0</v>
      </c>
      <c r="ND13" s="349">
        <v>0</v>
      </c>
      <c r="NE13" s="404">
        <v>0</v>
      </c>
      <c r="NF13" s="345">
        <v>2542732</v>
      </c>
      <c r="NG13" s="345">
        <v>1618352</v>
      </c>
      <c r="NH13" s="345">
        <v>2437129</v>
      </c>
      <c r="NI13" s="345">
        <v>5238748</v>
      </c>
      <c r="NJ13" s="345">
        <v>747771</v>
      </c>
      <c r="NK13" s="349">
        <v>12584732</v>
      </c>
      <c r="NL13" s="347">
        <v>12584732</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333914</v>
      </c>
      <c r="OE13" s="345">
        <v>345839</v>
      </c>
      <c r="OF13" s="345">
        <v>0</v>
      </c>
      <c r="OG13" s="349">
        <v>679753</v>
      </c>
      <c r="OH13" s="350">
        <v>679753</v>
      </c>
      <c r="OI13" s="348">
        <v>976585</v>
      </c>
      <c r="OJ13" s="345">
        <v>2079392</v>
      </c>
      <c r="OK13" s="346">
        <v>3055977</v>
      </c>
      <c r="OL13" s="351">
        <v>0</v>
      </c>
      <c r="OM13" s="345">
        <v>32258557</v>
      </c>
      <c r="ON13" s="345">
        <v>31358411</v>
      </c>
      <c r="OO13" s="345">
        <v>33966195</v>
      </c>
      <c r="OP13" s="345">
        <v>35699238</v>
      </c>
      <c r="OQ13" s="345">
        <v>20487422</v>
      </c>
      <c r="OR13" s="349">
        <v>153769823</v>
      </c>
      <c r="OS13" s="354">
        <v>156825800</v>
      </c>
    </row>
    <row r="14" spans="1:409" s="70" customFormat="1" ht="21" customHeight="1" x14ac:dyDescent="0.2">
      <c r="B14" s="410" t="s">
        <v>8</v>
      </c>
      <c r="C14" s="326">
        <v>780066</v>
      </c>
      <c r="D14" s="327">
        <v>573331</v>
      </c>
      <c r="E14" s="328">
        <v>1353397</v>
      </c>
      <c r="F14" s="329">
        <v>0</v>
      </c>
      <c r="G14" s="327">
        <v>8196697</v>
      </c>
      <c r="H14" s="327">
        <v>8571073</v>
      </c>
      <c r="I14" s="327">
        <v>11330846</v>
      </c>
      <c r="J14" s="327">
        <v>6077847</v>
      </c>
      <c r="K14" s="327">
        <v>6056811</v>
      </c>
      <c r="L14" s="329">
        <v>40233274</v>
      </c>
      <c r="M14" s="330">
        <v>41586671</v>
      </c>
      <c r="N14" s="326">
        <v>177081</v>
      </c>
      <c r="O14" s="327">
        <v>87104</v>
      </c>
      <c r="P14" s="328">
        <v>264185</v>
      </c>
      <c r="Q14" s="326">
        <v>0</v>
      </c>
      <c r="R14" s="327">
        <v>2450495</v>
      </c>
      <c r="S14" s="327">
        <v>2619219</v>
      </c>
      <c r="T14" s="327">
        <v>4528800</v>
      </c>
      <c r="U14" s="327">
        <v>1987952</v>
      </c>
      <c r="V14" s="327">
        <v>3541975</v>
      </c>
      <c r="W14" s="328">
        <v>15128441</v>
      </c>
      <c r="X14" s="330">
        <v>15392626</v>
      </c>
      <c r="Y14" s="326">
        <v>0</v>
      </c>
      <c r="Z14" s="327">
        <v>0</v>
      </c>
      <c r="AA14" s="328">
        <v>0</v>
      </c>
      <c r="AB14" s="326">
        <v>0</v>
      </c>
      <c r="AC14" s="327">
        <v>769189</v>
      </c>
      <c r="AD14" s="327">
        <v>1444155</v>
      </c>
      <c r="AE14" s="327">
        <v>2325168</v>
      </c>
      <c r="AF14" s="327">
        <v>1157065</v>
      </c>
      <c r="AG14" s="327">
        <v>2279212</v>
      </c>
      <c r="AH14" s="328">
        <v>7974789</v>
      </c>
      <c r="AI14" s="330">
        <v>7974789</v>
      </c>
      <c r="AJ14" s="326">
        <v>0</v>
      </c>
      <c r="AK14" s="327">
        <v>0</v>
      </c>
      <c r="AL14" s="328">
        <v>0</v>
      </c>
      <c r="AM14" s="326">
        <v>0</v>
      </c>
      <c r="AN14" s="327">
        <v>0</v>
      </c>
      <c r="AO14" s="327">
        <v>58738</v>
      </c>
      <c r="AP14" s="327">
        <v>226965</v>
      </c>
      <c r="AQ14" s="327">
        <v>48843</v>
      </c>
      <c r="AR14" s="327">
        <v>348196</v>
      </c>
      <c r="AS14" s="328">
        <v>682742</v>
      </c>
      <c r="AT14" s="330">
        <v>682742</v>
      </c>
      <c r="AU14" s="326">
        <v>65369</v>
      </c>
      <c r="AV14" s="327">
        <v>57000</v>
      </c>
      <c r="AW14" s="328">
        <v>122369</v>
      </c>
      <c r="AX14" s="326">
        <v>0</v>
      </c>
      <c r="AY14" s="327">
        <v>933638</v>
      </c>
      <c r="AZ14" s="327">
        <v>774510</v>
      </c>
      <c r="BA14" s="327">
        <v>1253527</v>
      </c>
      <c r="BB14" s="327">
        <v>418300</v>
      </c>
      <c r="BC14" s="327">
        <v>556571</v>
      </c>
      <c r="BD14" s="328">
        <v>3936546</v>
      </c>
      <c r="BE14" s="330">
        <v>4058915</v>
      </c>
      <c r="BF14" s="326">
        <v>0</v>
      </c>
      <c r="BG14" s="327">
        <v>0</v>
      </c>
      <c r="BH14" s="331">
        <v>0</v>
      </c>
      <c r="BI14" s="332">
        <v>0</v>
      </c>
      <c r="BJ14" s="327">
        <v>214540</v>
      </c>
      <c r="BK14" s="327">
        <v>0</v>
      </c>
      <c r="BL14" s="327">
        <v>250956</v>
      </c>
      <c r="BM14" s="327">
        <v>27936</v>
      </c>
      <c r="BN14" s="327">
        <v>54252</v>
      </c>
      <c r="BO14" s="328">
        <v>547684</v>
      </c>
      <c r="BP14" s="330">
        <v>547684</v>
      </c>
      <c r="BQ14" s="326">
        <v>111712</v>
      </c>
      <c r="BR14" s="327">
        <v>30104</v>
      </c>
      <c r="BS14" s="328">
        <v>141816</v>
      </c>
      <c r="BT14" s="326">
        <v>0</v>
      </c>
      <c r="BU14" s="327">
        <v>533128</v>
      </c>
      <c r="BV14" s="327">
        <v>341816</v>
      </c>
      <c r="BW14" s="327">
        <v>472184</v>
      </c>
      <c r="BX14" s="327">
        <v>335808</v>
      </c>
      <c r="BY14" s="327">
        <v>303744</v>
      </c>
      <c r="BZ14" s="328">
        <v>1986680</v>
      </c>
      <c r="CA14" s="330">
        <v>2128496</v>
      </c>
      <c r="CB14" s="326">
        <v>124354</v>
      </c>
      <c r="CC14" s="327">
        <v>39996</v>
      </c>
      <c r="CD14" s="328">
        <v>164350</v>
      </c>
      <c r="CE14" s="326">
        <v>0</v>
      </c>
      <c r="CF14" s="327">
        <v>2370123</v>
      </c>
      <c r="CG14" s="327">
        <v>2696015</v>
      </c>
      <c r="CH14" s="327">
        <v>1957900</v>
      </c>
      <c r="CI14" s="327">
        <v>1642705</v>
      </c>
      <c r="CJ14" s="327">
        <v>474157</v>
      </c>
      <c r="CK14" s="328">
        <v>9140900</v>
      </c>
      <c r="CL14" s="330">
        <v>9305250</v>
      </c>
      <c r="CM14" s="326">
        <v>0</v>
      </c>
      <c r="CN14" s="327">
        <v>0</v>
      </c>
      <c r="CO14" s="328">
        <v>0</v>
      </c>
      <c r="CP14" s="332">
        <v>0</v>
      </c>
      <c r="CQ14" s="327">
        <v>1847546</v>
      </c>
      <c r="CR14" s="327">
        <v>2375581</v>
      </c>
      <c r="CS14" s="327">
        <v>1216123</v>
      </c>
      <c r="CT14" s="327">
        <v>1525001</v>
      </c>
      <c r="CU14" s="327">
        <v>421433</v>
      </c>
      <c r="CV14" s="328">
        <v>7385684</v>
      </c>
      <c r="CW14" s="330">
        <v>7385684</v>
      </c>
      <c r="CX14" s="326">
        <v>124354</v>
      </c>
      <c r="CY14" s="327">
        <v>39996</v>
      </c>
      <c r="CZ14" s="328">
        <v>164350</v>
      </c>
      <c r="DA14" s="326">
        <v>0</v>
      </c>
      <c r="DB14" s="327">
        <v>522577</v>
      </c>
      <c r="DC14" s="327">
        <v>320434</v>
      </c>
      <c r="DD14" s="327">
        <v>741777</v>
      </c>
      <c r="DE14" s="327">
        <v>117704</v>
      </c>
      <c r="DF14" s="327">
        <v>52724</v>
      </c>
      <c r="DG14" s="328">
        <v>1755216</v>
      </c>
      <c r="DH14" s="330">
        <v>1919566</v>
      </c>
      <c r="DI14" s="326">
        <v>30417</v>
      </c>
      <c r="DJ14" s="327">
        <v>0</v>
      </c>
      <c r="DK14" s="331">
        <v>30417</v>
      </c>
      <c r="DL14" s="332">
        <v>0</v>
      </c>
      <c r="DM14" s="327">
        <v>276711</v>
      </c>
      <c r="DN14" s="327">
        <v>431149</v>
      </c>
      <c r="DO14" s="327">
        <v>974248</v>
      </c>
      <c r="DP14" s="327">
        <v>579428</v>
      </c>
      <c r="DQ14" s="327">
        <v>197452</v>
      </c>
      <c r="DR14" s="328">
        <v>2458988</v>
      </c>
      <c r="DS14" s="330">
        <v>2489405</v>
      </c>
      <c r="DT14" s="326">
        <v>30417</v>
      </c>
      <c r="DU14" s="327">
        <v>0</v>
      </c>
      <c r="DV14" s="328">
        <v>30417</v>
      </c>
      <c r="DW14" s="326">
        <v>0</v>
      </c>
      <c r="DX14" s="327">
        <v>276711</v>
      </c>
      <c r="DY14" s="327">
        <v>419797</v>
      </c>
      <c r="DZ14" s="327">
        <v>922275</v>
      </c>
      <c r="EA14" s="327">
        <v>579428</v>
      </c>
      <c r="EB14" s="327">
        <v>197452</v>
      </c>
      <c r="EC14" s="328">
        <v>2395663</v>
      </c>
      <c r="ED14" s="330">
        <v>2426080</v>
      </c>
      <c r="EE14" s="326">
        <v>0</v>
      </c>
      <c r="EF14" s="331">
        <v>0</v>
      </c>
      <c r="EG14" s="328">
        <v>0</v>
      </c>
      <c r="EH14" s="326">
        <v>0</v>
      </c>
      <c r="EI14" s="327">
        <v>0</v>
      </c>
      <c r="EJ14" s="327">
        <v>11352</v>
      </c>
      <c r="EK14" s="327">
        <v>51973</v>
      </c>
      <c r="EL14" s="327">
        <v>0</v>
      </c>
      <c r="EM14" s="327">
        <v>0</v>
      </c>
      <c r="EN14" s="331">
        <v>63325</v>
      </c>
      <c r="EO14" s="330">
        <v>63325</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97152</v>
      </c>
      <c r="FM14" s="327">
        <v>258032</v>
      </c>
      <c r="FN14" s="328">
        <v>355184</v>
      </c>
      <c r="FO14" s="326">
        <v>0</v>
      </c>
      <c r="FP14" s="327">
        <v>384032</v>
      </c>
      <c r="FQ14" s="327">
        <v>848272</v>
      </c>
      <c r="FR14" s="327">
        <v>939488</v>
      </c>
      <c r="FS14" s="327">
        <v>590256</v>
      </c>
      <c r="FT14" s="327">
        <v>433360</v>
      </c>
      <c r="FU14" s="328">
        <v>3195408</v>
      </c>
      <c r="FV14" s="330">
        <v>3550592</v>
      </c>
      <c r="FW14" s="333">
        <v>76560</v>
      </c>
      <c r="FX14" s="327">
        <v>185232</v>
      </c>
      <c r="FY14" s="331">
        <v>261792</v>
      </c>
      <c r="FZ14" s="332">
        <v>0</v>
      </c>
      <c r="GA14" s="327">
        <v>352032</v>
      </c>
      <c r="GB14" s="327">
        <v>833072</v>
      </c>
      <c r="GC14" s="327">
        <v>892320</v>
      </c>
      <c r="GD14" s="327">
        <v>539056</v>
      </c>
      <c r="GE14" s="327">
        <v>396160</v>
      </c>
      <c r="GF14" s="328">
        <v>3012640</v>
      </c>
      <c r="GG14" s="334">
        <v>3274432</v>
      </c>
      <c r="GH14" s="333">
        <v>20592</v>
      </c>
      <c r="GI14" s="327">
        <v>0</v>
      </c>
      <c r="GJ14" s="331">
        <v>20592</v>
      </c>
      <c r="GK14" s="332">
        <v>0</v>
      </c>
      <c r="GL14" s="327">
        <v>0</v>
      </c>
      <c r="GM14" s="327">
        <v>15200</v>
      </c>
      <c r="GN14" s="327">
        <v>47168</v>
      </c>
      <c r="GO14" s="327">
        <v>0</v>
      </c>
      <c r="GP14" s="327">
        <v>0</v>
      </c>
      <c r="GQ14" s="328">
        <v>62368</v>
      </c>
      <c r="GR14" s="330">
        <v>82960</v>
      </c>
      <c r="GS14" s="326">
        <v>0</v>
      </c>
      <c r="GT14" s="327">
        <v>72800</v>
      </c>
      <c r="GU14" s="328">
        <v>72800</v>
      </c>
      <c r="GV14" s="326">
        <v>0</v>
      </c>
      <c r="GW14" s="327">
        <v>32000</v>
      </c>
      <c r="GX14" s="327">
        <v>0</v>
      </c>
      <c r="GY14" s="327">
        <v>0</v>
      </c>
      <c r="GZ14" s="327">
        <v>51200</v>
      </c>
      <c r="HA14" s="327">
        <v>37200</v>
      </c>
      <c r="HB14" s="331">
        <v>120400</v>
      </c>
      <c r="HC14" s="330">
        <v>193200</v>
      </c>
      <c r="HD14" s="326">
        <v>351062</v>
      </c>
      <c r="HE14" s="327">
        <v>188199</v>
      </c>
      <c r="HF14" s="331">
        <v>539261</v>
      </c>
      <c r="HG14" s="332">
        <v>0</v>
      </c>
      <c r="HH14" s="327">
        <v>2715336</v>
      </c>
      <c r="HI14" s="327">
        <v>1976418</v>
      </c>
      <c r="HJ14" s="327">
        <v>2930410</v>
      </c>
      <c r="HK14" s="327">
        <v>1277506</v>
      </c>
      <c r="HL14" s="327">
        <v>1409867</v>
      </c>
      <c r="HM14" s="328">
        <v>10309537</v>
      </c>
      <c r="HN14" s="329">
        <v>10848798</v>
      </c>
      <c r="HO14" s="333">
        <v>0</v>
      </c>
      <c r="HP14" s="327">
        <v>0</v>
      </c>
      <c r="HQ14" s="328">
        <v>0</v>
      </c>
      <c r="HR14" s="326">
        <v>0</v>
      </c>
      <c r="HS14" s="327">
        <v>0</v>
      </c>
      <c r="HT14" s="327">
        <v>0</v>
      </c>
      <c r="HU14" s="327">
        <v>0</v>
      </c>
      <c r="HV14" s="327">
        <v>0</v>
      </c>
      <c r="HW14" s="327">
        <v>0</v>
      </c>
      <c r="HX14" s="331">
        <v>0</v>
      </c>
      <c r="HY14" s="330">
        <v>0</v>
      </c>
      <c r="HZ14" s="335">
        <v>0</v>
      </c>
      <c r="IA14" s="336">
        <v>166452</v>
      </c>
      <c r="IB14" s="337">
        <v>166452</v>
      </c>
      <c r="IC14" s="355">
        <v>0</v>
      </c>
      <c r="ID14" s="356">
        <v>2304880</v>
      </c>
      <c r="IE14" s="357">
        <v>2383128</v>
      </c>
      <c r="IF14" s="358">
        <v>2264696</v>
      </c>
      <c r="IG14" s="356">
        <v>2704184</v>
      </c>
      <c r="IH14" s="358">
        <v>1208697</v>
      </c>
      <c r="II14" s="359">
        <v>10865585</v>
      </c>
      <c r="IJ14" s="341">
        <v>11032037</v>
      </c>
      <c r="IK14" s="342">
        <v>0</v>
      </c>
      <c r="IL14" s="343">
        <v>0</v>
      </c>
      <c r="IM14" s="344">
        <v>0</v>
      </c>
      <c r="IN14" s="404">
        <v>0</v>
      </c>
      <c r="IO14" s="345">
        <v>70155</v>
      </c>
      <c r="IP14" s="345">
        <v>0</v>
      </c>
      <c r="IQ14" s="345">
        <v>0</v>
      </c>
      <c r="IR14" s="345">
        <v>0</v>
      </c>
      <c r="IS14" s="345">
        <v>0</v>
      </c>
      <c r="IT14" s="346">
        <v>70155</v>
      </c>
      <c r="IU14" s="347">
        <v>70155</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737233</v>
      </c>
      <c r="JL14" s="345">
        <v>1627408</v>
      </c>
      <c r="JM14" s="345">
        <v>692166</v>
      </c>
      <c r="JN14" s="345">
        <v>481235</v>
      </c>
      <c r="JO14" s="345">
        <v>146892</v>
      </c>
      <c r="JP14" s="349">
        <v>3684934</v>
      </c>
      <c r="JQ14" s="347">
        <v>3684934</v>
      </c>
      <c r="JR14" s="348">
        <v>0</v>
      </c>
      <c r="JS14" s="345">
        <v>0</v>
      </c>
      <c r="JT14" s="346">
        <v>0</v>
      </c>
      <c r="JU14" s="351">
        <v>0</v>
      </c>
      <c r="JV14" s="345">
        <v>0</v>
      </c>
      <c r="JW14" s="345">
        <v>0</v>
      </c>
      <c r="JX14" s="345">
        <v>0</v>
      </c>
      <c r="JY14" s="345">
        <v>102267</v>
      </c>
      <c r="JZ14" s="345">
        <v>0</v>
      </c>
      <c r="KA14" s="349">
        <v>102267</v>
      </c>
      <c r="KB14" s="347">
        <v>102267</v>
      </c>
      <c r="KC14" s="352">
        <v>0</v>
      </c>
      <c r="KD14" s="353">
        <v>166452</v>
      </c>
      <c r="KE14" s="349">
        <v>166452</v>
      </c>
      <c r="KF14" s="351">
        <v>0</v>
      </c>
      <c r="KG14" s="345">
        <v>0</v>
      </c>
      <c r="KH14" s="345">
        <v>316313</v>
      </c>
      <c r="KI14" s="345">
        <v>63764</v>
      </c>
      <c r="KJ14" s="345">
        <v>255225</v>
      </c>
      <c r="KK14" s="345">
        <v>0</v>
      </c>
      <c r="KL14" s="349">
        <v>635302</v>
      </c>
      <c r="KM14" s="354">
        <v>801754</v>
      </c>
      <c r="KN14" s="342">
        <v>0</v>
      </c>
      <c r="KO14" s="343">
        <v>0</v>
      </c>
      <c r="KP14" s="344">
        <v>0</v>
      </c>
      <c r="KQ14" s="404">
        <v>0</v>
      </c>
      <c r="KR14" s="345">
        <v>1214838</v>
      </c>
      <c r="KS14" s="345">
        <v>239388</v>
      </c>
      <c r="KT14" s="345">
        <v>957584</v>
      </c>
      <c r="KU14" s="345">
        <v>1264970</v>
      </c>
      <c r="KV14" s="345">
        <v>256609</v>
      </c>
      <c r="KW14" s="349">
        <v>3933389</v>
      </c>
      <c r="KX14" s="347">
        <v>3933389</v>
      </c>
      <c r="KY14" s="348">
        <v>0</v>
      </c>
      <c r="KZ14" s="345">
        <v>0</v>
      </c>
      <c r="LA14" s="349">
        <v>0</v>
      </c>
      <c r="LB14" s="404">
        <v>0</v>
      </c>
      <c r="LC14" s="345">
        <v>0</v>
      </c>
      <c r="LD14" s="345">
        <v>0</v>
      </c>
      <c r="LE14" s="345">
        <v>396163</v>
      </c>
      <c r="LF14" s="345">
        <v>0</v>
      </c>
      <c r="LG14" s="345">
        <v>471252</v>
      </c>
      <c r="LH14" s="349">
        <v>867415</v>
      </c>
      <c r="LI14" s="350">
        <v>867415</v>
      </c>
      <c r="LJ14" s="348">
        <v>0</v>
      </c>
      <c r="LK14" s="345">
        <v>0</v>
      </c>
      <c r="LL14" s="349">
        <v>0</v>
      </c>
      <c r="LM14" s="404">
        <v>0</v>
      </c>
      <c r="LN14" s="345">
        <v>0</v>
      </c>
      <c r="LO14" s="345">
        <v>0</v>
      </c>
      <c r="LP14" s="345">
        <v>155019</v>
      </c>
      <c r="LQ14" s="345">
        <v>0</v>
      </c>
      <c r="LR14" s="345">
        <v>0</v>
      </c>
      <c r="LS14" s="349">
        <v>155019</v>
      </c>
      <c r="LT14" s="347">
        <v>155019</v>
      </c>
      <c r="LU14" s="348">
        <v>0</v>
      </c>
      <c r="LV14" s="345">
        <v>0</v>
      </c>
      <c r="LW14" s="349">
        <v>0</v>
      </c>
      <c r="LX14" s="404">
        <v>0</v>
      </c>
      <c r="LY14" s="345">
        <v>282654</v>
      </c>
      <c r="LZ14" s="345">
        <v>200019</v>
      </c>
      <c r="MA14" s="345">
        <v>0</v>
      </c>
      <c r="MB14" s="345">
        <v>600487</v>
      </c>
      <c r="MC14" s="345">
        <v>333944</v>
      </c>
      <c r="MD14" s="349">
        <v>1417104</v>
      </c>
      <c r="ME14" s="350">
        <v>1417104</v>
      </c>
      <c r="MF14" s="348">
        <v>0</v>
      </c>
      <c r="MG14" s="345">
        <v>0</v>
      </c>
      <c r="MH14" s="349">
        <v>0</v>
      </c>
      <c r="MI14" s="404">
        <v>0</v>
      </c>
      <c r="MJ14" s="345">
        <v>460190</v>
      </c>
      <c r="MK14" s="345">
        <v>1422680</v>
      </c>
      <c r="ML14" s="345">
        <v>4433669</v>
      </c>
      <c r="MM14" s="345">
        <v>3962697</v>
      </c>
      <c r="MN14" s="345">
        <v>2865069</v>
      </c>
      <c r="MO14" s="349">
        <v>13144305</v>
      </c>
      <c r="MP14" s="354">
        <v>13144305</v>
      </c>
      <c r="MQ14" s="348">
        <v>0</v>
      </c>
      <c r="MR14" s="345">
        <v>0</v>
      </c>
      <c r="MS14" s="349">
        <v>0</v>
      </c>
      <c r="MT14" s="404">
        <v>0</v>
      </c>
      <c r="MU14" s="345">
        <v>213681</v>
      </c>
      <c r="MV14" s="345">
        <v>417703</v>
      </c>
      <c r="MW14" s="345">
        <v>2566368</v>
      </c>
      <c r="MX14" s="345">
        <v>2379758</v>
      </c>
      <c r="MY14" s="345">
        <v>1956460</v>
      </c>
      <c r="MZ14" s="349">
        <v>7533970</v>
      </c>
      <c r="NA14" s="354">
        <v>7533970</v>
      </c>
      <c r="NB14" s="348">
        <v>0</v>
      </c>
      <c r="NC14" s="345">
        <v>0</v>
      </c>
      <c r="ND14" s="349">
        <v>0</v>
      </c>
      <c r="NE14" s="404">
        <v>0</v>
      </c>
      <c r="NF14" s="345">
        <v>246509</v>
      </c>
      <c r="NG14" s="345">
        <v>1004977</v>
      </c>
      <c r="NH14" s="345">
        <v>1867301</v>
      </c>
      <c r="NI14" s="345">
        <v>1296859</v>
      </c>
      <c r="NJ14" s="345">
        <v>908609</v>
      </c>
      <c r="NK14" s="349">
        <v>5324255</v>
      </c>
      <c r="NL14" s="347">
        <v>5324255</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286080</v>
      </c>
      <c r="OF14" s="345">
        <v>0</v>
      </c>
      <c r="OG14" s="349">
        <v>286080</v>
      </c>
      <c r="OH14" s="350">
        <v>286080</v>
      </c>
      <c r="OI14" s="348">
        <v>780066</v>
      </c>
      <c r="OJ14" s="345">
        <v>739783</v>
      </c>
      <c r="OK14" s="346">
        <v>1519849</v>
      </c>
      <c r="OL14" s="351">
        <v>0</v>
      </c>
      <c r="OM14" s="345">
        <v>10961767</v>
      </c>
      <c r="ON14" s="345">
        <v>12376881</v>
      </c>
      <c r="OO14" s="345">
        <v>18029211</v>
      </c>
      <c r="OP14" s="345">
        <v>12744728</v>
      </c>
      <c r="OQ14" s="345">
        <v>10130577</v>
      </c>
      <c r="OR14" s="349">
        <v>64243164</v>
      </c>
      <c r="OS14" s="354">
        <v>65763013</v>
      </c>
    </row>
    <row r="15" spans="1:409" s="70" customFormat="1" ht="21" customHeight="1" x14ac:dyDescent="0.2">
      <c r="B15" s="410" t="s">
        <v>9</v>
      </c>
      <c r="C15" s="326">
        <v>808407</v>
      </c>
      <c r="D15" s="327">
        <v>898464</v>
      </c>
      <c r="E15" s="328">
        <v>1706871</v>
      </c>
      <c r="F15" s="332">
        <v>0</v>
      </c>
      <c r="G15" s="327">
        <v>11868094</v>
      </c>
      <c r="H15" s="327">
        <v>11167265</v>
      </c>
      <c r="I15" s="327">
        <v>12688133</v>
      </c>
      <c r="J15" s="327">
        <v>11709145</v>
      </c>
      <c r="K15" s="327">
        <v>7400799</v>
      </c>
      <c r="L15" s="329">
        <v>54833436</v>
      </c>
      <c r="M15" s="330">
        <v>56540307</v>
      </c>
      <c r="N15" s="326">
        <v>137560</v>
      </c>
      <c r="O15" s="327">
        <v>347937</v>
      </c>
      <c r="P15" s="328">
        <v>485497</v>
      </c>
      <c r="Q15" s="326">
        <v>0</v>
      </c>
      <c r="R15" s="327">
        <v>4232976</v>
      </c>
      <c r="S15" s="327">
        <v>3398042</v>
      </c>
      <c r="T15" s="327">
        <v>4658814</v>
      </c>
      <c r="U15" s="327">
        <v>4959547</v>
      </c>
      <c r="V15" s="327">
        <v>4278475</v>
      </c>
      <c r="W15" s="328">
        <v>21527854</v>
      </c>
      <c r="X15" s="330">
        <v>22013351</v>
      </c>
      <c r="Y15" s="326">
        <v>0</v>
      </c>
      <c r="Z15" s="327">
        <v>0</v>
      </c>
      <c r="AA15" s="328">
        <v>0</v>
      </c>
      <c r="AB15" s="326">
        <v>0</v>
      </c>
      <c r="AC15" s="327">
        <v>1494296</v>
      </c>
      <c r="AD15" s="327">
        <v>1841289</v>
      </c>
      <c r="AE15" s="327">
        <v>2358307</v>
      </c>
      <c r="AF15" s="327">
        <v>3085161</v>
      </c>
      <c r="AG15" s="327">
        <v>2326791</v>
      </c>
      <c r="AH15" s="328">
        <v>11105844</v>
      </c>
      <c r="AI15" s="330">
        <v>11105844</v>
      </c>
      <c r="AJ15" s="326">
        <v>0</v>
      </c>
      <c r="AK15" s="327">
        <v>0</v>
      </c>
      <c r="AL15" s="328">
        <v>0</v>
      </c>
      <c r="AM15" s="326">
        <v>0</v>
      </c>
      <c r="AN15" s="327">
        <v>0</v>
      </c>
      <c r="AO15" s="327">
        <v>60660</v>
      </c>
      <c r="AP15" s="327">
        <v>61770</v>
      </c>
      <c r="AQ15" s="327">
        <v>72496</v>
      </c>
      <c r="AR15" s="327">
        <v>365822</v>
      </c>
      <c r="AS15" s="328">
        <v>560748</v>
      </c>
      <c r="AT15" s="330">
        <v>560748</v>
      </c>
      <c r="AU15" s="326">
        <v>78744</v>
      </c>
      <c r="AV15" s="327">
        <v>233114</v>
      </c>
      <c r="AW15" s="328">
        <v>311858</v>
      </c>
      <c r="AX15" s="326">
        <v>0</v>
      </c>
      <c r="AY15" s="327">
        <v>1942083</v>
      </c>
      <c r="AZ15" s="327">
        <v>836162</v>
      </c>
      <c r="BA15" s="327">
        <v>1436892</v>
      </c>
      <c r="BB15" s="327">
        <v>1174930</v>
      </c>
      <c r="BC15" s="327">
        <v>1152259</v>
      </c>
      <c r="BD15" s="328">
        <v>6542326</v>
      </c>
      <c r="BE15" s="330">
        <v>6854184</v>
      </c>
      <c r="BF15" s="326">
        <v>0</v>
      </c>
      <c r="BG15" s="327">
        <v>53639</v>
      </c>
      <c r="BH15" s="331">
        <v>53639</v>
      </c>
      <c r="BI15" s="332">
        <v>0</v>
      </c>
      <c r="BJ15" s="327">
        <v>106181</v>
      </c>
      <c r="BK15" s="327">
        <v>91915</v>
      </c>
      <c r="BL15" s="327">
        <v>26805</v>
      </c>
      <c r="BM15" s="327">
        <v>131872</v>
      </c>
      <c r="BN15" s="327">
        <v>49131</v>
      </c>
      <c r="BO15" s="328">
        <v>405904</v>
      </c>
      <c r="BP15" s="330">
        <v>459543</v>
      </c>
      <c r="BQ15" s="326">
        <v>58816</v>
      </c>
      <c r="BR15" s="327">
        <v>61184</v>
      </c>
      <c r="BS15" s="328">
        <v>120000</v>
      </c>
      <c r="BT15" s="326">
        <v>0</v>
      </c>
      <c r="BU15" s="327">
        <v>690416</v>
      </c>
      <c r="BV15" s="327">
        <v>568016</v>
      </c>
      <c r="BW15" s="327">
        <v>775040</v>
      </c>
      <c r="BX15" s="327">
        <v>495088</v>
      </c>
      <c r="BY15" s="327">
        <v>384472</v>
      </c>
      <c r="BZ15" s="328">
        <v>2913032</v>
      </c>
      <c r="CA15" s="330">
        <v>3033032</v>
      </c>
      <c r="CB15" s="326">
        <v>120993</v>
      </c>
      <c r="CC15" s="327">
        <v>79343</v>
      </c>
      <c r="CD15" s="328">
        <v>200336</v>
      </c>
      <c r="CE15" s="326">
        <v>0</v>
      </c>
      <c r="CF15" s="327">
        <v>2767385</v>
      </c>
      <c r="CG15" s="327">
        <v>2780253</v>
      </c>
      <c r="CH15" s="327">
        <v>2837824</v>
      </c>
      <c r="CI15" s="327">
        <v>2072873</v>
      </c>
      <c r="CJ15" s="327">
        <v>405102</v>
      </c>
      <c r="CK15" s="328">
        <v>10863437</v>
      </c>
      <c r="CL15" s="330">
        <v>11063773</v>
      </c>
      <c r="CM15" s="326">
        <v>0</v>
      </c>
      <c r="CN15" s="327">
        <v>0</v>
      </c>
      <c r="CO15" s="328">
        <v>0</v>
      </c>
      <c r="CP15" s="332">
        <v>0</v>
      </c>
      <c r="CQ15" s="327">
        <v>2265478</v>
      </c>
      <c r="CR15" s="327">
        <v>2147433</v>
      </c>
      <c r="CS15" s="327">
        <v>2235453</v>
      </c>
      <c r="CT15" s="327">
        <v>1094441</v>
      </c>
      <c r="CU15" s="327">
        <v>264802</v>
      </c>
      <c r="CV15" s="328">
        <v>8007607</v>
      </c>
      <c r="CW15" s="330">
        <v>8007607</v>
      </c>
      <c r="CX15" s="326">
        <v>120993</v>
      </c>
      <c r="CY15" s="327">
        <v>79343</v>
      </c>
      <c r="CZ15" s="328">
        <v>200336</v>
      </c>
      <c r="DA15" s="326">
        <v>0</v>
      </c>
      <c r="DB15" s="327">
        <v>501907</v>
      </c>
      <c r="DC15" s="327">
        <v>632820</v>
      </c>
      <c r="DD15" s="327">
        <v>602371</v>
      </c>
      <c r="DE15" s="327">
        <v>978432</v>
      </c>
      <c r="DF15" s="327">
        <v>140300</v>
      </c>
      <c r="DG15" s="328">
        <v>2855830</v>
      </c>
      <c r="DH15" s="330">
        <v>3056166</v>
      </c>
      <c r="DI15" s="326">
        <v>0</v>
      </c>
      <c r="DJ15" s="327">
        <v>0</v>
      </c>
      <c r="DK15" s="331">
        <v>0</v>
      </c>
      <c r="DL15" s="332">
        <v>0</v>
      </c>
      <c r="DM15" s="327">
        <v>284854</v>
      </c>
      <c r="DN15" s="327">
        <v>1371360</v>
      </c>
      <c r="DO15" s="327">
        <v>1186481</v>
      </c>
      <c r="DP15" s="327">
        <v>1034570</v>
      </c>
      <c r="DQ15" s="327">
        <v>192527</v>
      </c>
      <c r="DR15" s="328">
        <v>4069792</v>
      </c>
      <c r="DS15" s="330">
        <v>4069792</v>
      </c>
      <c r="DT15" s="326">
        <v>0</v>
      </c>
      <c r="DU15" s="327">
        <v>0</v>
      </c>
      <c r="DV15" s="328">
        <v>0</v>
      </c>
      <c r="DW15" s="326">
        <v>0</v>
      </c>
      <c r="DX15" s="327">
        <v>109618</v>
      </c>
      <c r="DY15" s="327">
        <v>1205060</v>
      </c>
      <c r="DZ15" s="327">
        <v>1119822</v>
      </c>
      <c r="EA15" s="327">
        <v>972943</v>
      </c>
      <c r="EB15" s="327">
        <v>157310</v>
      </c>
      <c r="EC15" s="328">
        <v>3564753</v>
      </c>
      <c r="ED15" s="330">
        <v>3564753</v>
      </c>
      <c r="EE15" s="326">
        <v>0</v>
      </c>
      <c r="EF15" s="331">
        <v>0</v>
      </c>
      <c r="EG15" s="328">
        <v>0</v>
      </c>
      <c r="EH15" s="326">
        <v>0</v>
      </c>
      <c r="EI15" s="327">
        <v>175236</v>
      </c>
      <c r="EJ15" s="327">
        <v>166300</v>
      </c>
      <c r="EK15" s="327">
        <v>66659</v>
      </c>
      <c r="EL15" s="327">
        <v>61627</v>
      </c>
      <c r="EM15" s="327">
        <v>35217</v>
      </c>
      <c r="EN15" s="331">
        <v>505039</v>
      </c>
      <c r="EO15" s="330">
        <v>505039</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223264</v>
      </c>
      <c r="FM15" s="327">
        <v>288272</v>
      </c>
      <c r="FN15" s="328">
        <v>511536</v>
      </c>
      <c r="FO15" s="326">
        <v>0</v>
      </c>
      <c r="FP15" s="327">
        <v>687960</v>
      </c>
      <c r="FQ15" s="327">
        <v>887672</v>
      </c>
      <c r="FR15" s="327">
        <v>1052424</v>
      </c>
      <c r="FS15" s="327">
        <v>957792</v>
      </c>
      <c r="FT15" s="327">
        <v>492048</v>
      </c>
      <c r="FU15" s="328">
        <v>4077896</v>
      </c>
      <c r="FV15" s="330">
        <v>4589432</v>
      </c>
      <c r="FW15" s="333">
        <v>127264</v>
      </c>
      <c r="FX15" s="327">
        <v>182928</v>
      </c>
      <c r="FY15" s="331">
        <v>310192</v>
      </c>
      <c r="FZ15" s="332">
        <v>0</v>
      </c>
      <c r="GA15" s="327">
        <v>515960</v>
      </c>
      <c r="GB15" s="327">
        <v>795272</v>
      </c>
      <c r="GC15" s="327">
        <v>905384</v>
      </c>
      <c r="GD15" s="327">
        <v>772640</v>
      </c>
      <c r="GE15" s="327">
        <v>492048</v>
      </c>
      <c r="GF15" s="328">
        <v>3481304</v>
      </c>
      <c r="GG15" s="334">
        <v>3791496</v>
      </c>
      <c r="GH15" s="333">
        <v>0</v>
      </c>
      <c r="GI15" s="327">
        <v>0</v>
      </c>
      <c r="GJ15" s="331">
        <v>0</v>
      </c>
      <c r="GK15" s="332">
        <v>0</v>
      </c>
      <c r="GL15" s="327">
        <v>0</v>
      </c>
      <c r="GM15" s="327">
        <v>39600</v>
      </c>
      <c r="GN15" s="327">
        <v>40000</v>
      </c>
      <c r="GO15" s="327">
        <v>97152</v>
      </c>
      <c r="GP15" s="327">
        <v>0</v>
      </c>
      <c r="GQ15" s="328">
        <v>176752</v>
      </c>
      <c r="GR15" s="330">
        <v>176752</v>
      </c>
      <c r="GS15" s="326">
        <v>96000</v>
      </c>
      <c r="GT15" s="327">
        <v>105344</v>
      </c>
      <c r="GU15" s="328">
        <v>201344</v>
      </c>
      <c r="GV15" s="326">
        <v>0</v>
      </c>
      <c r="GW15" s="327">
        <v>172000</v>
      </c>
      <c r="GX15" s="327">
        <v>52800</v>
      </c>
      <c r="GY15" s="327">
        <v>107040</v>
      </c>
      <c r="GZ15" s="327">
        <v>88000</v>
      </c>
      <c r="HA15" s="327">
        <v>0</v>
      </c>
      <c r="HB15" s="331">
        <v>419840</v>
      </c>
      <c r="HC15" s="330">
        <v>621184</v>
      </c>
      <c r="HD15" s="326">
        <v>326590</v>
      </c>
      <c r="HE15" s="327">
        <v>182912</v>
      </c>
      <c r="HF15" s="331">
        <v>509502</v>
      </c>
      <c r="HG15" s="332">
        <v>0</v>
      </c>
      <c r="HH15" s="327">
        <v>3894919</v>
      </c>
      <c r="HI15" s="327">
        <v>2729938</v>
      </c>
      <c r="HJ15" s="327">
        <v>2952590</v>
      </c>
      <c r="HK15" s="327">
        <v>2684363</v>
      </c>
      <c r="HL15" s="327">
        <v>2032647</v>
      </c>
      <c r="HM15" s="328">
        <v>14294457</v>
      </c>
      <c r="HN15" s="329">
        <v>14803959</v>
      </c>
      <c r="HO15" s="333">
        <v>0</v>
      </c>
      <c r="HP15" s="327">
        <v>0</v>
      </c>
      <c r="HQ15" s="328">
        <v>0</v>
      </c>
      <c r="HR15" s="326">
        <v>0</v>
      </c>
      <c r="HS15" s="327">
        <v>0</v>
      </c>
      <c r="HT15" s="327">
        <v>0</v>
      </c>
      <c r="HU15" s="327">
        <v>0</v>
      </c>
      <c r="HV15" s="327">
        <v>0</v>
      </c>
      <c r="HW15" s="327">
        <v>0</v>
      </c>
      <c r="HX15" s="331">
        <v>0</v>
      </c>
      <c r="HY15" s="330">
        <v>0</v>
      </c>
      <c r="HZ15" s="360">
        <v>0</v>
      </c>
      <c r="IA15" s="361">
        <v>0</v>
      </c>
      <c r="IB15" s="362">
        <v>0</v>
      </c>
      <c r="IC15" s="338">
        <v>0</v>
      </c>
      <c r="ID15" s="336">
        <v>2149849</v>
      </c>
      <c r="IE15" s="339">
        <v>2209771</v>
      </c>
      <c r="IF15" s="337">
        <v>3144135</v>
      </c>
      <c r="IG15" s="336">
        <v>1221213</v>
      </c>
      <c r="IH15" s="337">
        <v>472654</v>
      </c>
      <c r="II15" s="340">
        <v>9197622</v>
      </c>
      <c r="IJ15" s="363">
        <v>9197622</v>
      </c>
      <c r="IK15" s="342">
        <v>0</v>
      </c>
      <c r="IL15" s="343">
        <v>0</v>
      </c>
      <c r="IM15" s="344">
        <v>0</v>
      </c>
      <c r="IN15" s="404">
        <v>0</v>
      </c>
      <c r="IO15" s="345">
        <v>0</v>
      </c>
      <c r="IP15" s="345">
        <v>0</v>
      </c>
      <c r="IQ15" s="345">
        <v>0</v>
      </c>
      <c r="IR15" s="345">
        <v>0</v>
      </c>
      <c r="IS15" s="345">
        <v>0</v>
      </c>
      <c r="IT15" s="346">
        <v>0</v>
      </c>
      <c r="IU15" s="347">
        <v>0</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1300808</v>
      </c>
      <c r="JL15" s="345">
        <v>1006705</v>
      </c>
      <c r="JM15" s="345">
        <v>861257</v>
      </c>
      <c r="JN15" s="345">
        <v>464747</v>
      </c>
      <c r="JO15" s="345">
        <v>282471</v>
      </c>
      <c r="JP15" s="349">
        <v>3915988</v>
      </c>
      <c r="JQ15" s="347">
        <v>3915988</v>
      </c>
      <c r="JR15" s="348">
        <v>0</v>
      </c>
      <c r="JS15" s="345">
        <v>0</v>
      </c>
      <c r="JT15" s="346">
        <v>0</v>
      </c>
      <c r="JU15" s="351">
        <v>0</v>
      </c>
      <c r="JV15" s="345">
        <v>0</v>
      </c>
      <c r="JW15" s="345">
        <v>0</v>
      </c>
      <c r="JX15" s="345">
        <v>0</v>
      </c>
      <c r="JY15" s="345">
        <v>0</v>
      </c>
      <c r="JZ15" s="345">
        <v>190183</v>
      </c>
      <c r="KA15" s="349">
        <v>190183</v>
      </c>
      <c r="KB15" s="347">
        <v>190183</v>
      </c>
      <c r="KC15" s="352">
        <v>0</v>
      </c>
      <c r="KD15" s="353">
        <v>0</v>
      </c>
      <c r="KE15" s="349">
        <v>0</v>
      </c>
      <c r="KF15" s="351">
        <v>0</v>
      </c>
      <c r="KG15" s="345">
        <v>375825</v>
      </c>
      <c r="KH15" s="345">
        <v>523563</v>
      </c>
      <c r="KI15" s="345">
        <v>250155</v>
      </c>
      <c r="KJ15" s="345">
        <v>0</v>
      </c>
      <c r="KK15" s="345">
        <v>0</v>
      </c>
      <c r="KL15" s="349">
        <v>1149543</v>
      </c>
      <c r="KM15" s="354">
        <v>1149543</v>
      </c>
      <c r="KN15" s="342">
        <v>0</v>
      </c>
      <c r="KO15" s="343">
        <v>0</v>
      </c>
      <c r="KP15" s="344">
        <v>0</v>
      </c>
      <c r="KQ15" s="404">
        <v>0</v>
      </c>
      <c r="KR15" s="345">
        <v>473216</v>
      </c>
      <c r="KS15" s="345">
        <v>494063</v>
      </c>
      <c r="KT15" s="345">
        <v>1773635</v>
      </c>
      <c r="KU15" s="345">
        <v>756466</v>
      </c>
      <c r="KV15" s="345">
        <v>0</v>
      </c>
      <c r="KW15" s="349">
        <v>3497380</v>
      </c>
      <c r="KX15" s="347">
        <v>3497380</v>
      </c>
      <c r="KY15" s="348">
        <v>0</v>
      </c>
      <c r="KZ15" s="345">
        <v>0</v>
      </c>
      <c r="LA15" s="349">
        <v>0</v>
      </c>
      <c r="LB15" s="404">
        <v>0</v>
      </c>
      <c r="LC15" s="345">
        <v>0</v>
      </c>
      <c r="LD15" s="345">
        <v>0</v>
      </c>
      <c r="LE15" s="345">
        <v>0</v>
      </c>
      <c r="LF15" s="345">
        <v>0</v>
      </c>
      <c r="LG15" s="345">
        <v>0</v>
      </c>
      <c r="LH15" s="349">
        <v>0</v>
      </c>
      <c r="LI15" s="350">
        <v>0</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0</v>
      </c>
      <c r="LZ15" s="345">
        <v>185440</v>
      </c>
      <c r="MA15" s="345">
        <v>259088</v>
      </c>
      <c r="MB15" s="345">
        <v>0</v>
      </c>
      <c r="MC15" s="345">
        <v>0</v>
      </c>
      <c r="MD15" s="349">
        <v>444528</v>
      </c>
      <c r="ME15" s="350">
        <v>444528</v>
      </c>
      <c r="MF15" s="348">
        <v>0</v>
      </c>
      <c r="MG15" s="345">
        <v>0</v>
      </c>
      <c r="MH15" s="349">
        <v>0</v>
      </c>
      <c r="MI15" s="404">
        <v>0</v>
      </c>
      <c r="MJ15" s="345">
        <v>238889</v>
      </c>
      <c r="MK15" s="345">
        <v>682823</v>
      </c>
      <c r="ML15" s="345">
        <v>6664708</v>
      </c>
      <c r="MM15" s="345">
        <v>8004250</v>
      </c>
      <c r="MN15" s="345">
        <v>2532440</v>
      </c>
      <c r="MO15" s="349">
        <v>18123110</v>
      </c>
      <c r="MP15" s="354">
        <v>18123110</v>
      </c>
      <c r="MQ15" s="348">
        <v>0</v>
      </c>
      <c r="MR15" s="345">
        <v>0</v>
      </c>
      <c r="MS15" s="349">
        <v>0</v>
      </c>
      <c r="MT15" s="404">
        <v>0</v>
      </c>
      <c r="MU15" s="345">
        <v>0</v>
      </c>
      <c r="MV15" s="345">
        <v>0</v>
      </c>
      <c r="MW15" s="345">
        <v>3303774</v>
      </c>
      <c r="MX15" s="345">
        <v>5790259</v>
      </c>
      <c r="MY15" s="345">
        <v>2222376</v>
      </c>
      <c r="MZ15" s="349">
        <v>11316409</v>
      </c>
      <c r="NA15" s="354">
        <v>11316409</v>
      </c>
      <c r="NB15" s="348">
        <v>0</v>
      </c>
      <c r="NC15" s="345">
        <v>0</v>
      </c>
      <c r="ND15" s="349">
        <v>0</v>
      </c>
      <c r="NE15" s="404">
        <v>0</v>
      </c>
      <c r="NF15" s="345">
        <v>238889</v>
      </c>
      <c r="NG15" s="345">
        <v>682823</v>
      </c>
      <c r="NH15" s="345">
        <v>3360934</v>
      </c>
      <c r="NI15" s="345">
        <v>2213991</v>
      </c>
      <c r="NJ15" s="345">
        <v>310064</v>
      </c>
      <c r="NK15" s="349">
        <v>6806701</v>
      </c>
      <c r="NL15" s="347">
        <v>6806701</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808407</v>
      </c>
      <c r="OJ15" s="345">
        <v>898464</v>
      </c>
      <c r="OK15" s="346">
        <v>1706871</v>
      </c>
      <c r="OL15" s="351">
        <v>0</v>
      </c>
      <c r="OM15" s="345">
        <v>14256832</v>
      </c>
      <c r="ON15" s="345">
        <v>14059859</v>
      </c>
      <c r="OO15" s="345">
        <v>22496976</v>
      </c>
      <c r="OP15" s="345">
        <v>20934608</v>
      </c>
      <c r="OQ15" s="345">
        <v>10405893</v>
      </c>
      <c r="OR15" s="349">
        <v>82154168</v>
      </c>
      <c r="OS15" s="354">
        <v>83861039</v>
      </c>
    </row>
    <row r="16" spans="1:409" s="70" customFormat="1" ht="21" customHeight="1" x14ac:dyDescent="0.2">
      <c r="B16" s="410" t="s">
        <v>10</v>
      </c>
      <c r="C16" s="326">
        <v>1751600</v>
      </c>
      <c r="D16" s="327">
        <v>1570497</v>
      </c>
      <c r="E16" s="328">
        <v>3322097</v>
      </c>
      <c r="F16" s="364">
        <v>0</v>
      </c>
      <c r="G16" s="327">
        <v>17947688</v>
      </c>
      <c r="H16" s="327">
        <v>13069658</v>
      </c>
      <c r="I16" s="327">
        <v>15783412</v>
      </c>
      <c r="J16" s="327">
        <v>17274158</v>
      </c>
      <c r="K16" s="327">
        <v>10207621</v>
      </c>
      <c r="L16" s="329">
        <v>74282537</v>
      </c>
      <c r="M16" s="330">
        <v>77604634</v>
      </c>
      <c r="N16" s="326">
        <v>641557</v>
      </c>
      <c r="O16" s="327">
        <v>629935</v>
      </c>
      <c r="P16" s="328">
        <v>1271492</v>
      </c>
      <c r="Q16" s="326">
        <v>0</v>
      </c>
      <c r="R16" s="327">
        <v>6604614</v>
      </c>
      <c r="S16" s="327">
        <v>4800481</v>
      </c>
      <c r="T16" s="327">
        <v>5302625</v>
      </c>
      <c r="U16" s="327">
        <v>7088758</v>
      </c>
      <c r="V16" s="327">
        <v>6060894</v>
      </c>
      <c r="W16" s="328">
        <v>29857372</v>
      </c>
      <c r="X16" s="330">
        <v>31128864</v>
      </c>
      <c r="Y16" s="326">
        <v>0</v>
      </c>
      <c r="Z16" s="327">
        <v>0</v>
      </c>
      <c r="AA16" s="328">
        <v>0</v>
      </c>
      <c r="AB16" s="326">
        <v>0</v>
      </c>
      <c r="AC16" s="327">
        <v>2507853</v>
      </c>
      <c r="AD16" s="327">
        <v>2435468</v>
      </c>
      <c r="AE16" s="327">
        <v>2684092</v>
      </c>
      <c r="AF16" s="327">
        <v>3871391</v>
      </c>
      <c r="AG16" s="327">
        <v>3617991</v>
      </c>
      <c r="AH16" s="328">
        <v>15116795</v>
      </c>
      <c r="AI16" s="330">
        <v>15116795</v>
      </c>
      <c r="AJ16" s="326">
        <v>0</v>
      </c>
      <c r="AK16" s="327">
        <v>0</v>
      </c>
      <c r="AL16" s="328">
        <v>0</v>
      </c>
      <c r="AM16" s="326">
        <v>0</v>
      </c>
      <c r="AN16" s="327">
        <v>49906</v>
      </c>
      <c r="AO16" s="327">
        <v>74898</v>
      </c>
      <c r="AP16" s="327">
        <v>155738</v>
      </c>
      <c r="AQ16" s="327">
        <v>466453</v>
      </c>
      <c r="AR16" s="327">
        <v>699436</v>
      </c>
      <c r="AS16" s="328">
        <v>1446431</v>
      </c>
      <c r="AT16" s="330">
        <v>1446431</v>
      </c>
      <c r="AU16" s="326">
        <v>355074</v>
      </c>
      <c r="AV16" s="327">
        <v>418347</v>
      </c>
      <c r="AW16" s="328">
        <v>773421</v>
      </c>
      <c r="AX16" s="326">
        <v>0</v>
      </c>
      <c r="AY16" s="327">
        <v>2760983</v>
      </c>
      <c r="AZ16" s="327">
        <v>1352755</v>
      </c>
      <c r="BA16" s="327">
        <v>1447819</v>
      </c>
      <c r="BB16" s="327">
        <v>1515675</v>
      </c>
      <c r="BC16" s="327">
        <v>896593</v>
      </c>
      <c r="BD16" s="328">
        <v>7973825</v>
      </c>
      <c r="BE16" s="330">
        <v>8747246</v>
      </c>
      <c r="BF16" s="326">
        <v>47787</v>
      </c>
      <c r="BG16" s="327">
        <v>97292</v>
      </c>
      <c r="BH16" s="331">
        <v>145079</v>
      </c>
      <c r="BI16" s="332">
        <v>0</v>
      </c>
      <c r="BJ16" s="327">
        <v>150600</v>
      </c>
      <c r="BK16" s="327">
        <v>155104</v>
      </c>
      <c r="BL16" s="327">
        <v>54312</v>
      </c>
      <c r="BM16" s="327">
        <v>203167</v>
      </c>
      <c r="BN16" s="327">
        <v>106786</v>
      </c>
      <c r="BO16" s="328">
        <v>669969</v>
      </c>
      <c r="BP16" s="330">
        <v>815048</v>
      </c>
      <c r="BQ16" s="326">
        <v>238696</v>
      </c>
      <c r="BR16" s="327">
        <v>114296</v>
      </c>
      <c r="BS16" s="328">
        <v>352992</v>
      </c>
      <c r="BT16" s="326">
        <v>0</v>
      </c>
      <c r="BU16" s="327">
        <v>1135272</v>
      </c>
      <c r="BV16" s="327">
        <v>782256</v>
      </c>
      <c r="BW16" s="327">
        <v>960664</v>
      </c>
      <c r="BX16" s="327">
        <v>1032072</v>
      </c>
      <c r="BY16" s="327">
        <v>740088</v>
      </c>
      <c r="BZ16" s="328">
        <v>4650352</v>
      </c>
      <c r="CA16" s="330">
        <v>5003344</v>
      </c>
      <c r="CB16" s="326">
        <v>41124</v>
      </c>
      <c r="CC16" s="327">
        <v>196135</v>
      </c>
      <c r="CD16" s="328">
        <v>237259</v>
      </c>
      <c r="CE16" s="326">
        <v>0</v>
      </c>
      <c r="CF16" s="327">
        <v>6692582</v>
      </c>
      <c r="CG16" s="327">
        <v>4193087</v>
      </c>
      <c r="CH16" s="327">
        <v>2745208</v>
      </c>
      <c r="CI16" s="327">
        <v>2612944</v>
      </c>
      <c r="CJ16" s="327">
        <v>642000</v>
      </c>
      <c r="CK16" s="328">
        <v>16885821</v>
      </c>
      <c r="CL16" s="330">
        <v>17123080</v>
      </c>
      <c r="CM16" s="326">
        <v>0</v>
      </c>
      <c r="CN16" s="327">
        <v>0</v>
      </c>
      <c r="CO16" s="328">
        <v>0</v>
      </c>
      <c r="CP16" s="332">
        <v>0</v>
      </c>
      <c r="CQ16" s="327">
        <v>5274188</v>
      </c>
      <c r="CR16" s="327">
        <v>3541377</v>
      </c>
      <c r="CS16" s="327">
        <v>2273308</v>
      </c>
      <c r="CT16" s="327">
        <v>2098481</v>
      </c>
      <c r="CU16" s="327">
        <v>377643</v>
      </c>
      <c r="CV16" s="328">
        <v>13564997</v>
      </c>
      <c r="CW16" s="330">
        <v>13564997</v>
      </c>
      <c r="CX16" s="326">
        <v>41124</v>
      </c>
      <c r="CY16" s="327">
        <v>196135</v>
      </c>
      <c r="CZ16" s="328">
        <v>237259</v>
      </c>
      <c r="DA16" s="326">
        <v>0</v>
      </c>
      <c r="DB16" s="327">
        <v>1418394</v>
      </c>
      <c r="DC16" s="327">
        <v>651710</v>
      </c>
      <c r="DD16" s="327">
        <v>471900</v>
      </c>
      <c r="DE16" s="327">
        <v>514463</v>
      </c>
      <c r="DF16" s="327">
        <v>264357</v>
      </c>
      <c r="DG16" s="328">
        <v>3320824</v>
      </c>
      <c r="DH16" s="330">
        <v>3558083</v>
      </c>
      <c r="DI16" s="326">
        <v>0</v>
      </c>
      <c r="DJ16" s="327">
        <v>47584</v>
      </c>
      <c r="DK16" s="331">
        <v>47584</v>
      </c>
      <c r="DL16" s="332">
        <v>0</v>
      </c>
      <c r="DM16" s="327">
        <v>659851</v>
      </c>
      <c r="DN16" s="327">
        <v>292413</v>
      </c>
      <c r="DO16" s="327">
        <v>2574585</v>
      </c>
      <c r="DP16" s="327">
        <v>1102547</v>
      </c>
      <c r="DQ16" s="327">
        <v>517324</v>
      </c>
      <c r="DR16" s="328">
        <v>5146720</v>
      </c>
      <c r="DS16" s="330">
        <v>5194304</v>
      </c>
      <c r="DT16" s="326">
        <v>0</v>
      </c>
      <c r="DU16" s="327">
        <v>47584</v>
      </c>
      <c r="DV16" s="328">
        <v>47584</v>
      </c>
      <c r="DW16" s="326">
        <v>0</v>
      </c>
      <c r="DX16" s="327">
        <v>537996</v>
      </c>
      <c r="DY16" s="327">
        <v>112950</v>
      </c>
      <c r="DZ16" s="327">
        <v>2284251</v>
      </c>
      <c r="EA16" s="327">
        <v>1045662</v>
      </c>
      <c r="EB16" s="327">
        <v>517324</v>
      </c>
      <c r="EC16" s="328">
        <v>4498183</v>
      </c>
      <c r="ED16" s="330">
        <v>4545767</v>
      </c>
      <c r="EE16" s="326">
        <v>0</v>
      </c>
      <c r="EF16" s="331">
        <v>0</v>
      </c>
      <c r="EG16" s="328">
        <v>0</v>
      </c>
      <c r="EH16" s="326">
        <v>0</v>
      </c>
      <c r="EI16" s="327">
        <v>121855</v>
      </c>
      <c r="EJ16" s="327">
        <v>179463</v>
      </c>
      <c r="EK16" s="327">
        <v>290334</v>
      </c>
      <c r="EL16" s="327">
        <v>56885</v>
      </c>
      <c r="EM16" s="327">
        <v>0</v>
      </c>
      <c r="EN16" s="331">
        <v>648537</v>
      </c>
      <c r="EO16" s="330">
        <v>648537</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470520</v>
      </c>
      <c r="FM16" s="327">
        <v>625104</v>
      </c>
      <c r="FN16" s="328">
        <v>1095624</v>
      </c>
      <c r="FO16" s="326">
        <v>0</v>
      </c>
      <c r="FP16" s="327">
        <v>1047768</v>
      </c>
      <c r="FQ16" s="327">
        <v>1279136</v>
      </c>
      <c r="FR16" s="327">
        <v>1337574</v>
      </c>
      <c r="FS16" s="327">
        <v>1352552</v>
      </c>
      <c r="FT16" s="327">
        <v>629472</v>
      </c>
      <c r="FU16" s="328">
        <v>5646502</v>
      </c>
      <c r="FV16" s="330">
        <v>6742126</v>
      </c>
      <c r="FW16" s="333">
        <v>262520</v>
      </c>
      <c r="FX16" s="327">
        <v>436536</v>
      </c>
      <c r="FY16" s="331">
        <v>699056</v>
      </c>
      <c r="FZ16" s="332">
        <v>0</v>
      </c>
      <c r="GA16" s="327">
        <v>782064</v>
      </c>
      <c r="GB16" s="327">
        <v>1279136</v>
      </c>
      <c r="GC16" s="327">
        <v>1204240</v>
      </c>
      <c r="GD16" s="327">
        <v>1333896</v>
      </c>
      <c r="GE16" s="327">
        <v>629472</v>
      </c>
      <c r="GF16" s="328">
        <v>5228808</v>
      </c>
      <c r="GG16" s="334">
        <v>5927864</v>
      </c>
      <c r="GH16" s="333">
        <v>48000</v>
      </c>
      <c r="GI16" s="327">
        <v>102168</v>
      </c>
      <c r="GJ16" s="331">
        <v>150168</v>
      </c>
      <c r="GK16" s="332">
        <v>0</v>
      </c>
      <c r="GL16" s="327">
        <v>49704</v>
      </c>
      <c r="GM16" s="327">
        <v>0</v>
      </c>
      <c r="GN16" s="327">
        <v>116000</v>
      </c>
      <c r="GO16" s="327">
        <v>18656</v>
      </c>
      <c r="GP16" s="327">
        <v>0</v>
      </c>
      <c r="GQ16" s="328">
        <v>184360</v>
      </c>
      <c r="GR16" s="330">
        <v>334528</v>
      </c>
      <c r="GS16" s="326">
        <v>160000</v>
      </c>
      <c r="GT16" s="327">
        <v>86400</v>
      </c>
      <c r="GU16" s="328">
        <v>246400</v>
      </c>
      <c r="GV16" s="326">
        <v>0</v>
      </c>
      <c r="GW16" s="327">
        <v>216000</v>
      </c>
      <c r="GX16" s="327">
        <v>0</v>
      </c>
      <c r="GY16" s="327">
        <v>17334</v>
      </c>
      <c r="GZ16" s="327">
        <v>0</v>
      </c>
      <c r="HA16" s="327">
        <v>0</v>
      </c>
      <c r="HB16" s="331">
        <v>233334</v>
      </c>
      <c r="HC16" s="330">
        <v>479734</v>
      </c>
      <c r="HD16" s="326">
        <v>598399</v>
      </c>
      <c r="HE16" s="327">
        <v>71739</v>
      </c>
      <c r="HF16" s="331">
        <v>670138</v>
      </c>
      <c r="HG16" s="332">
        <v>0</v>
      </c>
      <c r="HH16" s="327">
        <v>2942873</v>
      </c>
      <c r="HI16" s="327">
        <v>2504541</v>
      </c>
      <c r="HJ16" s="327">
        <v>3823420</v>
      </c>
      <c r="HK16" s="327">
        <v>5117357</v>
      </c>
      <c r="HL16" s="327">
        <v>2357931</v>
      </c>
      <c r="HM16" s="328">
        <v>16746122</v>
      </c>
      <c r="HN16" s="329">
        <v>17416260</v>
      </c>
      <c r="HO16" s="333">
        <v>0</v>
      </c>
      <c r="HP16" s="327">
        <v>0</v>
      </c>
      <c r="HQ16" s="328">
        <v>0</v>
      </c>
      <c r="HR16" s="326">
        <v>0</v>
      </c>
      <c r="HS16" s="327">
        <v>0</v>
      </c>
      <c r="HT16" s="327">
        <v>0</v>
      </c>
      <c r="HU16" s="327">
        <v>0</v>
      </c>
      <c r="HV16" s="327">
        <v>0</v>
      </c>
      <c r="HW16" s="327">
        <v>0</v>
      </c>
      <c r="HX16" s="331">
        <v>0</v>
      </c>
      <c r="HY16" s="330">
        <v>0</v>
      </c>
      <c r="HZ16" s="358">
        <v>0</v>
      </c>
      <c r="IA16" s="356">
        <v>0</v>
      </c>
      <c r="IB16" s="358">
        <v>0</v>
      </c>
      <c r="IC16" s="355">
        <v>0</v>
      </c>
      <c r="ID16" s="356">
        <v>4126252</v>
      </c>
      <c r="IE16" s="357">
        <v>4111050</v>
      </c>
      <c r="IF16" s="358">
        <v>5303626</v>
      </c>
      <c r="IG16" s="356">
        <v>3609816</v>
      </c>
      <c r="IH16" s="358">
        <v>2810120</v>
      </c>
      <c r="II16" s="359">
        <v>19960864</v>
      </c>
      <c r="IJ16" s="358">
        <v>19960864</v>
      </c>
      <c r="IK16" s="342">
        <v>0</v>
      </c>
      <c r="IL16" s="343">
        <v>0</v>
      </c>
      <c r="IM16" s="344">
        <v>0</v>
      </c>
      <c r="IN16" s="404">
        <v>0</v>
      </c>
      <c r="IO16" s="345">
        <v>67025</v>
      </c>
      <c r="IP16" s="345">
        <v>626618</v>
      </c>
      <c r="IQ16" s="345">
        <v>208569</v>
      </c>
      <c r="IR16" s="345">
        <v>467020</v>
      </c>
      <c r="IS16" s="345">
        <v>0</v>
      </c>
      <c r="IT16" s="346">
        <v>1369232</v>
      </c>
      <c r="IU16" s="347">
        <v>1369232</v>
      </c>
      <c r="IV16" s="348">
        <v>0</v>
      </c>
      <c r="IW16" s="345">
        <v>0</v>
      </c>
      <c r="IX16" s="349">
        <v>0</v>
      </c>
      <c r="IY16" s="404">
        <v>0</v>
      </c>
      <c r="IZ16" s="345">
        <v>28756</v>
      </c>
      <c r="JA16" s="345">
        <v>10319</v>
      </c>
      <c r="JB16" s="345">
        <v>10319</v>
      </c>
      <c r="JC16" s="345">
        <v>0</v>
      </c>
      <c r="JD16" s="345">
        <v>10319</v>
      </c>
      <c r="JE16" s="349">
        <v>59713</v>
      </c>
      <c r="JF16" s="350">
        <v>59713</v>
      </c>
      <c r="JG16" s="348">
        <v>0</v>
      </c>
      <c r="JH16" s="345">
        <v>0</v>
      </c>
      <c r="JI16" s="346">
        <v>0</v>
      </c>
      <c r="JJ16" s="351">
        <v>0</v>
      </c>
      <c r="JK16" s="345">
        <v>1390828</v>
      </c>
      <c r="JL16" s="345">
        <v>790554</v>
      </c>
      <c r="JM16" s="345">
        <v>698484</v>
      </c>
      <c r="JN16" s="345">
        <v>544113</v>
      </c>
      <c r="JO16" s="345">
        <v>269206</v>
      </c>
      <c r="JP16" s="349">
        <v>3693185</v>
      </c>
      <c r="JQ16" s="347">
        <v>3693185</v>
      </c>
      <c r="JR16" s="348">
        <v>0</v>
      </c>
      <c r="JS16" s="345">
        <v>0</v>
      </c>
      <c r="JT16" s="346">
        <v>0</v>
      </c>
      <c r="JU16" s="351">
        <v>0</v>
      </c>
      <c r="JV16" s="345">
        <v>263954</v>
      </c>
      <c r="JW16" s="345">
        <v>0</v>
      </c>
      <c r="JX16" s="345">
        <v>127407</v>
      </c>
      <c r="JY16" s="345">
        <v>0</v>
      </c>
      <c r="JZ16" s="345">
        <v>0</v>
      </c>
      <c r="KA16" s="349">
        <v>391361</v>
      </c>
      <c r="KB16" s="347">
        <v>391361</v>
      </c>
      <c r="KC16" s="352">
        <v>0</v>
      </c>
      <c r="KD16" s="353">
        <v>0</v>
      </c>
      <c r="KE16" s="349">
        <v>0</v>
      </c>
      <c r="KF16" s="351">
        <v>0</v>
      </c>
      <c r="KG16" s="345">
        <v>369813</v>
      </c>
      <c r="KH16" s="345">
        <v>319867</v>
      </c>
      <c r="KI16" s="345">
        <v>649114</v>
      </c>
      <c r="KJ16" s="345">
        <v>560364</v>
      </c>
      <c r="KK16" s="345">
        <v>0</v>
      </c>
      <c r="KL16" s="349">
        <v>1899158</v>
      </c>
      <c r="KM16" s="354">
        <v>1899158</v>
      </c>
      <c r="KN16" s="342">
        <v>0</v>
      </c>
      <c r="KO16" s="343">
        <v>0</v>
      </c>
      <c r="KP16" s="344">
        <v>0</v>
      </c>
      <c r="KQ16" s="404">
        <v>0</v>
      </c>
      <c r="KR16" s="345">
        <v>1424480</v>
      </c>
      <c r="KS16" s="345">
        <v>1803355</v>
      </c>
      <c r="KT16" s="345">
        <v>2489893</v>
      </c>
      <c r="KU16" s="345">
        <v>759282</v>
      </c>
      <c r="KV16" s="345">
        <v>787766</v>
      </c>
      <c r="KW16" s="349">
        <v>7264776</v>
      </c>
      <c r="KX16" s="347">
        <v>7264776</v>
      </c>
      <c r="KY16" s="348">
        <v>0</v>
      </c>
      <c r="KZ16" s="345">
        <v>0</v>
      </c>
      <c r="LA16" s="349">
        <v>0</v>
      </c>
      <c r="LB16" s="404">
        <v>0</v>
      </c>
      <c r="LC16" s="345">
        <v>401900</v>
      </c>
      <c r="LD16" s="345">
        <v>348417</v>
      </c>
      <c r="LE16" s="345">
        <v>-4485</v>
      </c>
      <c r="LF16" s="345">
        <v>423141</v>
      </c>
      <c r="LG16" s="345">
        <v>230783</v>
      </c>
      <c r="LH16" s="349">
        <v>1399756</v>
      </c>
      <c r="LI16" s="350">
        <v>1399756</v>
      </c>
      <c r="LJ16" s="348">
        <v>0</v>
      </c>
      <c r="LK16" s="345">
        <v>0</v>
      </c>
      <c r="LL16" s="349">
        <v>0</v>
      </c>
      <c r="LM16" s="404">
        <v>0</v>
      </c>
      <c r="LN16" s="345">
        <v>0</v>
      </c>
      <c r="LO16" s="345">
        <v>211920</v>
      </c>
      <c r="LP16" s="345">
        <v>326021</v>
      </c>
      <c r="LQ16" s="345">
        <v>537572</v>
      </c>
      <c r="LR16" s="345">
        <v>1512046</v>
      </c>
      <c r="LS16" s="349">
        <v>2587559</v>
      </c>
      <c r="LT16" s="347">
        <v>2587559</v>
      </c>
      <c r="LU16" s="348">
        <v>0</v>
      </c>
      <c r="LV16" s="345">
        <v>0</v>
      </c>
      <c r="LW16" s="349">
        <v>0</v>
      </c>
      <c r="LX16" s="404">
        <v>0</v>
      </c>
      <c r="LY16" s="345">
        <v>179496</v>
      </c>
      <c r="LZ16" s="345">
        <v>0</v>
      </c>
      <c r="MA16" s="345">
        <v>798304</v>
      </c>
      <c r="MB16" s="345">
        <v>318324</v>
      </c>
      <c r="MC16" s="345">
        <v>0</v>
      </c>
      <c r="MD16" s="349">
        <v>1296124</v>
      </c>
      <c r="ME16" s="350">
        <v>1296124</v>
      </c>
      <c r="MF16" s="348">
        <v>0</v>
      </c>
      <c r="MG16" s="345">
        <v>0</v>
      </c>
      <c r="MH16" s="349">
        <v>0</v>
      </c>
      <c r="MI16" s="404">
        <v>0</v>
      </c>
      <c r="MJ16" s="345">
        <v>1158122</v>
      </c>
      <c r="MK16" s="345">
        <v>1603904</v>
      </c>
      <c r="ML16" s="345">
        <v>6406864</v>
      </c>
      <c r="MM16" s="345">
        <v>12023710</v>
      </c>
      <c r="MN16" s="345">
        <v>5397910</v>
      </c>
      <c r="MO16" s="349">
        <v>26590510</v>
      </c>
      <c r="MP16" s="354">
        <v>26590510</v>
      </c>
      <c r="MQ16" s="348">
        <v>0</v>
      </c>
      <c r="MR16" s="345">
        <v>0</v>
      </c>
      <c r="MS16" s="349">
        <v>0</v>
      </c>
      <c r="MT16" s="404">
        <v>0</v>
      </c>
      <c r="MU16" s="345">
        <v>213632</v>
      </c>
      <c r="MV16" s="345">
        <v>239738</v>
      </c>
      <c r="MW16" s="345">
        <v>4573977</v>
      </c>
      <c r="MX16" s="345">
        <v>8786425</v>
      </c>
      <c r="MY16" s="345">
        <v>3283662</v>
      </c>
      <c r="MZ16" s="349">
        <v>17097434</v>
      </c>
      <c r="NA16" s="354">
        <v>17097434</v>
      </c>
      <c r="NB16" s="348">
        <v>0</v>
      </c>
      <c r="NC16" s="345">
        <v>0</v>
      </c>
      <c r="ND16" s="349">
        <v>0</v>
      </c>
      <c r="NE16" s="404">
        <v>0</v>
      </c>
      <c r="NF16" s="345">
        <v>944490</v>
      </c>
      <c r="NG16" s="345">
        <v>1364166</v>
      </c>
      <c r="NH16" s="345">
        <v>1832887</v>
      </c>
      <c r="NI16" s="345">
        <v>3237285</v>
      </c>
      <c r="NJ16" s="345">
        <v>1737997</v>
      </c>
      <c r="NK16" s="349">
        <v>9116825</v>
      </c>
      <c r="NL16" s="347">
        <v>9116825</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0</v>
      </c>
      <c r="OE16" s="345">
        <v>0</v>
      </c>
      <c r="OF16" s="345">
        <v>376251</v>
      </c>
      <c r="OG16" s="349">
        <v>376251</v>
      </c>
      <c r="OH16" s="350">
        <v>376251</v>
      </c>
      <c r="OI16" s="348">
        <v>1751600</v>
      </c>
      <c r="OJ16" s="345">
        <v>1570497</v>
      </c>
      <c r="OK16" s="346">
        <v>3322097</v>
      </c>
      <c r="OL16" s="351">
        <v>0</v>
      </c>
      <c r="OM16" s="345">
        <v>23232062</v>
      </c>
      <c r="ON16" s="345">
        <v>18784612</v>
      </c>
      <c r="OO16" s="345">
        <v>27493902</v>
      </c>
      <c r="OP16" s="345">
        <v>32907684</v>
      </c>
      <c r="OQ16" s="345">
        <v>18415651</v>
      </c>
      <c r="OR16" s="349">
        <v>120833911</v>
      </c>
      <c r="OS16" s="354">
        <v>124156008</v>
      </c>
    </row>
    <row r="17" spans="2:409" s="70" customFormat="1" ht="21" customHeight="1" x14ac:dyDescent="0.2">
      <c r="B17" s="410" t="s">
        <v>11</v>
      </c>
      <c r="C17" s="326">
        <v>819830</v>
      </c>
      <c r="D17" s="327">
        <v>571188</v>
      </c>
      <c r="E17" s="365">
        <v>1391018</v>
      </c>
      <c r="F17" s="332">
        <v>0</v>
      </c>
      <c r="G17" s="327">
        <v>7746165</v>
      </c>
      <c r="H17" s="327">
        <v>6601586</v>
      </c>
      <c r="I17" s="327">
        <v>5121043</v>
      </c>
      <c r="J17" s="327">
        <v>9964322</v>
      </c>
      <c r="K17" s="327">
        <v>3385736</v>
      </c>
      <c r="L17" s="329">
        <v>32818852</v>
      </c>
      <c r="M17" s="330">
        <v>34209870</v>
      </c>
      <c r="N17" s="326">
        <v>197252</v>
      </c>
      <c r="O17" s="327">
        <v>188043</v>
      </c>
      <c r="P17" s="328">
        <v>385295</v>
      </c>
      <c r="Q17" s="326">
        <v>0</v>
      </c>
      <c r="R17" s="327">
        <v>1465410</v>
      </c>
      <c r="S17" s="327">
        <v>1174408</v>
      </c>
      <c r="T17" s="327">
        <v>1669189</v>
      </c>
      <c r="U17" s="327">
        <v>2563587</v>
      </c>
      <c r="V17" s="327">
        <v>2300921</v>
      </c>
      <c r="W17" s="328">
        <v>9173515</v>
      </c>
      <c r="X17" s="330">
        <v>9558810</v>
      </c>
      <c r="Y17" s="326">
        <v>0</v>
      </c>
      <c r="Z17" s="327">
        <v>0</v>
      </c>
      <c r="AA17" s="328">
        <v>0</v>
      </c>
      <c r="AB17" s="326">
        <v>0</v>
      </c>
      <c r="AC17" s="327">
        <v>607377</v>
      </c>
      <c r="AD17" s="327">
        <v>394598</v>
      </c>
      <c r="AE17" s="327">
        <v>1036179</v>
      </c>
      <c r="AF17" s="327">
        <v>1164338</v>
      </c>
      <c r="AG17" s="327">
        <v>1562795</v>
      </c>
      <c r="AH17" s="328">
        <v>4765287</v>
      </c>
      <c r="AI17" s="330">
        <v>4765287</v>
      </c>
      <c r="AJ17" s="326">
        <v>0</v>
      </c>
      <c r="AK17" s="327">
        <v>0</v>
      </c>
      <c r="AL17" s="328">
        <v>0</v>
      </c>
      <c r="AM17" s="326">
        <v>0</v>
      </c>
      <c r="AN17" s="327">
        <v>0</v>
      </c>
      <c r="AO17" s="327">
        <v>105724</v>
      </c>
      <c r="AP17" s="327">
        <v>23496</v>
      </c>
      <c r="AQ17" s="327">
        <v>234953</v>
      </c>
      <c r="AR17" s="327">
        <v>273644</v>
      </c>
      <c r="AS17" s="328">
        <v>637817</v>
      </c>
      <c r="AT17" s="330">
        <v>637817</v>
      </c>
      <c r="AU17" s="326">
        <v>180164</v>
      </c>
      <c r="AV17" s="327">
        <v>106654</v>
      </c>
      <c r="AW17" s="328">
        <v>286818</v>
      </c>
      <c r="AX17" s="326">
        <v>0</v>
      </c>
      <c r="AY17" s="327">
        <v>455724</v>
      </c>
      <c r="AZ17" s="327">
        <v>260506</v>
      </c>
      <c r="BA17" s="327">
        <v>419106</v>
      </c>
      <c r="BB17" s="327">
        <v>706758</v>
      </c>
      <c r="BC17" s="327">
        <v>320842</v>
      </c>
      <c r="BD17" s="328">
        <v>2162936</v>
      </c>
      <c r="BE17" s="330">
        <v>2449754</v>
      </c>
      <c r="BF17" s="326">
        <v>0</v>
      </c>
      <c r="BG17" s="327">
        <v>55309</v>
      </c>
      <c r="BH17" s="331">
        <v>55309</v>
      </c>
      <c r="BI17" s="332">
        <v>0</v>
      </c>
      <c r="BJ17" s="327">
        <v>67221</v>
      </c>
      <c r="BK17" s="327">
        <v>56756</v>
      </c>
      <c r="BL17" s="327">
        <v>0</v>
      </c>
      <c r="BM17" s="327">
        <v>136178</v>
      </c>
      <c r="BN17" s="327">
        <v>0</v>
      </c>
      <c r="BO17" s="328">
        <v>260155</v>
      </c>
      <c r="BP17" s="330">
        <v>315464</v>
      </c>
      <c r="BQ17" s="326">
        <v>17088</v>
      </c>
      <c r="BR17" s="327">
        <v>26080</v>
      </c>
      <c r="BS17" s="328">
        <v>43168</v>
      </c>
      <c r="BT17" s="326">
        <v>0</v>
      </c>
      <c r="BU17" s="327">
        <v>335088</v>
      </c>
      <c r="BV17" s="327">
        <v>356824</v>
      </c>
      <c r="BW17" s="327">
        <v>190408</v>
      </c>
      <c r="BX17" s="327">
        <v>321360</v>
      </c>
      <c r="BY17" s="327">
        <v>143640</v>
      </c>
      <c r="BZ17" s="328">
        <v>1347320</v>
      </c>
      <c r="CA17" s="330">
        <v>1390488</v>
      </c>
      <c r="CB17" s="326">
        <v>124109</v>
      </c>
      <c r="CC17" s="327">
        <v>184192</v>
      </c>
      <c r="CD17" s="328">
        <v>308301</v>
      </c>
      <c r="CE17" s="326">
        <v>0</v>
      </c>
      <c r="CF17" s="327">
        <v>2887346</v>
      </c>
      <c r="CG17" s="327">
        <v>2102041</v>
      </c>
      <c r="CH17" s="327">
        <v>1496134</v>
      </c>
      <c r="CI17" s="327">
        <v>2319706</v>
      </c>
      <c r="CJ17" s="327">
        <v>225790</v>
      </c>
      <c r="CK17" s="328">
        <v>9031017</v>
      </c>
      <c r="CL17" s="330">
        <v>9339318</v>
      </c>
      <c r="CM17" s="326">
        <v>0</v>
      </c>
      <c r="CN17" s="327">
        <v>0</v>
      </c>
      <c r="CO17" s="328">
        <v>0</v>
      </c>
      <c r="CP17" s="332">
        <v>0</v>
      </c>
      <c r="CQ17" s="327">
        <v>2058936</v>
      </c>
      <c r="CR17" s="327">
        <v>1477648</v>
      </c>
      <c r="CS17" s="327">
        <v>1072258</v>
      </c>
      <c r="CT17" s="327">
        <v>1198049</v>
      </c>
      <c r="CU17" s="327">
        <v>174990</v>
      </c>
      <c r="CV17" s="328">
        <v>5981881</v>
      </c>
      <c r="CW17" s="330">
        <v>5981881</v>
      </c>
      <c r="CX17" s="326">
        <v>124109</v>
      </c>
      <c r="CY17" s="327">
        <v>184192</v>
      </c>
      <c r="CZ17" s="328">
        <v>308301</v>
      </c>
      <c r="DA17" s="326">
        <v>0</v>
      </c>
      <c r="DB17" s="327">
        <v>828410</v>
      </c>
      <c r="DC17" s="327">
        <v>624393</v>
      </c>
      <c r="DD17" s="327">
        <v>423876</v>
      </c>
      <c r="DE17" s="327">
        <v>1121657</v>
      </c>
      <c r="DF17" s="327">
        <v>50800</v>
      </c>
      <c r="DG17" s="328">
        <v>3049136</v>
      </c>
      <c r="DH17" s="330">
        <v>3357437</v>
      </c>
      <c r="DI17" s="326">
        <v>0</v>
      </c>
      <c r="DJ17" s="327">
        <v>33801</v>
      </c>
      <c r="DK17" s="331">
        <v>33801</v>
      </c>
      <c r="DL17" s="332">
        <v>0</v>
      </c>
      <c r="DM17" s="327">
        <v>326752</v>
      </c>
      <c r="DN17" s="327">
        <v>373871</v>
      </c>
      <c r="DO17" s="327">
        <v>303906</v>
      </c>
      <c r="DP17" s="327">
        <v>416135</v>
      </c>
      <c r="DQ17" s="327">
        <v>164569</v>
      </c>
      <c r="DR17" s="328">
        <v>1585233</v>
      </c>
      <c r="DS17" s="330">
        <v>1619034</v>
      </c>
      <c r="DT17" s="326">
        <v>0</v>
      </c>
      <c r="DU17" s="327">
        <v>33801</v>
      </c>
      <c r="DV17" s="328">
        <v>33801</v>
      </c>
      <c r="DW17" s="326">
        <v>0</v>
      </c>
      <c r="DX17" s="327">
        <v>211628</v>
      </c>
      <c r="DY17" s="327">
        <v>373871</v>
      </c>
      <c r="DZ17" s="327">
        <v>303906</v>
      </c>
      <c r="EA17" s="327">
        <v>323391</v>
      </c>
      <c r="EB17" s="327">
        <v>164569</v>
      </c>
      <c r="EC17" s="328">
        <v>1377365</v>
      </c>
      <c r="ED17" s="330">
        <v>1411166</v>
      </c>
      <c r="EE17" s="326">
        <v>0</v>
      </c>
      <c r="EF17" s="331">
        <v>0</v>
      </c>
      <c r="EG17" s="328">
        <v>0</v>
      </c>
      <c r="EH17" s="326">
        <v>0</v>
      </c>
      <c r="EI17" s="327">
        <v>115124</v>
      </c>
      <c r="EJ17" s="327">
        <v>0</v>
      </c>
      <c r="EK17" s="327">
        <v>0</v>
      </c>
      <c r="EL17" s="327">
        <v>92744</v>
      </c>
      <c r="EM17" s="327">
        <v>0</v>
      </c>
      <c r="EN17" s="331">
        <v>207868</v>
      </c>
      <c r="EO17" s="330">
        <v>207868</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160864</v>
      </c>
      <c r="FM17" s="327">
        <v>165152</v>
      </c>
      <c r="FN17" s="328">
        <v>326016</v>
      </c>
      <c r="FO17" s="326">
        <v>0</v>
      </c>
      <c r="FP17" s="327">
        <v>530240</v>
      </c>
      <c r="FQ17" s="327">
        <v>770304</v>
      </c>
      <c r="FR17" s="327">
        <v>450280</v>
      </c>
      <c r="FS17" s="327">
        <v>634280</v>
      </c>
      <c r="FT17" s="327">
        <v>230712</v>
      </c>
      <c r="FU17" s="328">
        <v>2615816</v>
      </c>
      <c r="FV17" s="330">
        <v>2941832</v>
      </c>
      <c r="FW17" s="333">
        <v>63120</v>
      </c>
      <c r="FX17" s="327">
        <v>147200</v>
      </c>
      <c r="FY17" s="331">
        <v>210320</v>
      </c>
      <c r="FZ17" s="332">
        <v>0</v>
      </c>
      <c r="GA17" s="327">
        <v>272640</v>
      </c>
      <c r="GB17" s="327">
        <v>721384</v>
      </c>
      <c r="GC17" s="327">
        <v>450280</v>
      </c>
      <c r="GD17" s="327">
        <v>634280</v>
      </c>
      <c r="GE17" s="327">
        <v>230712</v>
      </c>
      <c r="GF17" s="328">
        <v>2309296</v>
      </c>
      <c r="GG17" s="334">
        <v>2519616</v>
      </c>
      <c r="GH17" s="333">
        <v>39744</v>
      </c>
      <c r="GI17" s="327">
        <v>17952</v>
      </c>
      <c r="GJ17" s="331">
        <v>57696</v>
      </c>
      <c r="GK17" s="332">
        <v>0</v>
      </c>
      <c r="GL17" s="327">
        <v>48000</v>
      </c>
      <c r="GM17" s="327">
        <v>27720</v>
      </c>
      <c r="GN17" s="327">
        <v>0</v>
      </c>
      <c r="GO17" s="327">
        <v>0</v>
      </c>
      <c r="GP17" s="327">
        <v>0</v>
      </c>
      <c r="GQ17" s="328">
        <v>75720</v>
      </c>
      <c r="GR17" s="330">
        <v>133416</v>
      </c>
      <c r="GS17" s="326">
        <v>58000</v>
      </c>
      <c r="GT17" s="327">
        <v>0</v>
      </c>
      <c r="GU17" s="328">
        <v>58000</v>
      </c>
      <c r="GV17" s="326">
        <v>0</v>
      </c>
      <c r="GW17" s="327">
        <v>209600</v>
      </c>
      <c r="GX17" s="327">
        <v>21200</v>
      </c>
      <c r="GY17" s="327">
        <v>0</v>
      </c>
      <c r="GZ17" s="327">
        <v>0</v>
      </c>
      <c r="HA17" s="327">
        <v>0</v>
      </c>
      <c r="HB17" s="331">
        <v>230800</v>
      </c>
      <c r="HC17" s="330">
        <v>288800</v>
      </c>
      <c r="HD17" s="326">
        <v>337605</v>
      </c>
      <c r="HE17" s="327">
        <v>0</v>
      </c>
      <c r="HF17" s="331">
        <v>337605</v>
      </c>
      <c r="HG17" s="332">
        <v>0</v>
      </c>
      <c r="HH17" s="327">
        <v>2536417</v>
      </c>
      <c r="HI17" s="327">
        <v>2180962</v>
      </c>
      <c r="HJ17" s="327">
        <v>1201534</v>
      </c>
      <c r="HK17" s="327">
        <v>4030614</v>
      </c>
      <c r="HL17" s="327">
        <v>463744</v>
      </c>
      <c r="HM17" s="328">
        <v>10413271</v>
      </c>
      <c r="HN17" s="329">
        <v>10750876</v>
      </c>
      <c r="HO17" s="333">
        <v>0</v>
      </c>
      <c r="HP17" s="327">
        <v>0</v>
      </c>
      <c r="HQ17" s="328">
        <v>0</v>
      </c>
      <c r="HR17" s="326">
        <v>0</v>
      </c>
      <c r="HS17" s="327">
        <v>0</v>
      </c>
      <c r="HT17" s="327">
        <v>0</v>
      </c>
      <c r="HU17" s="327">
        <v>0</v>
      </c>
      <c r="HV17" s="327">
        <v>0</v>
      </c>
      <c r="HW17" s="327">
        <v>0</v>
      </c>
      <c r="HX17" s="331">
        <v>0</v>
      </c>
      <c r="HY17" s="330">
        <v>0</v>
      </c>
      <c r="HZ17" s="335">
        <v>0</v>
      </c>
      <c r="IA17" s="336">
        <v>0</v>
      </c>
      <c r="IB17" s="337">
        <v>0</v>
      </c>
      <c r="IC17" s="338">
        <v>0</v>
      </c>
      <c r="ID17" s="336">
        <v>1826825</v>
      </c>
      <c r="IE17" s="339">
        <v>1402129</v>
      </c>
      <c r="IF17" s="337">
        <v>1403647</v>
      </c>
      <c r="IG17" s="336">
        <v>1471401</v>
      </c>
      <c r="IH17" s="337">
        <v>455002</v>
      </c>
      <c r="II17" s="340">
        <v>6559004</v>
      </c>
      <c r="IJ17" s="341">
        <v>6559004</v>
      </c>
      <c r="IK17" s="342">
        <v>0</v>
      </c>
      <c r="IL17" s="343">
        <v>0</v>
      </c>
      <c r="IM17" s="344">
        <v>0</v>
      </c>
      <c r="IN17" s="404">
        <v>0</v>
      </c>
      <c r="IO17" s="345">
        <v>152007</v>
      </c>
      <c r="IP17" s="345">
        <v>0</v>
      </c>
      <c r="IQ17" s="345">
        <v>42688</v>
      </c>
      <c r="IR17" s="345">
        <v>0</v>
      </c>
      <c r="IS17" s="345">
        <v>0</v>
      </c>
      <c r="IT17" s="346">
        <v>194695</v>
      </c>
      <c r="IU17" s="347">
        <v>194695</v>
      </c>
      <c r="IV17" s="348">
        <v>0</v>
      </c>
      <c r="IW17" s="345">
        <v>0</v>
      </c>
      <c r="IX17" s="349">
        <v>0</v>
      </c>
      <c r="IY17" s="404">
        <v>0</v>
      </c>
      <c r="IZ17" s="345">
        <v>0</v>
      </c>
      <c r="JA17" s="345">
        <v>16460</v>
      </c>
      <c r="JB17" s="345">
        <v>0</v>
      </c>
      <c r="JC17" s="345">
        <v>0</v>
      </c>
      <c r="JD17" s="345">
        <v>0</v>
      </c>
      <c r="JE17" s="349">
        <v>16460</v>
      </c>
      <c r="JF17" s="350">
        <v>16460</v>
      </c>
      <c r="JG17" s="348">
        <v>0</v>
      </c>
      <c r="JH17" s="345">
        <v>0</v>
      </c>
      <c r="JI17" s="346">
        <v>0</v>
      </c>
      <c r="JJ17" s="351">
        <v>0</v>
      </c>
      <c r="JK17" s="345">
        <v>763959</v>
      </c>
      <c r="JL17" s="345">
        <v>311643</v>
      </c>
      <c r="JM17" s="345">
        <v>197426</v>
      </c>
      <c r="JN17" s="345">
        <v>418540</v>
      </c>
      <c r="JO17" s="345">
        <v>131134</v>
      </c>
      <c r="JP17" s="349">
        <v>1822702</v>
      </c>
      <c r="JQ17" s="347">
        <v>1822702</v>
      </c>
      <c r="JR17" s="348">
        <v>0</v>
      </c>
      <c r="JS17" s="345">
        <v>0</v>
      </c>
      <c r="JT17" s="346">
        <v>0</v>
      </c>
      <c r="JU17" s="351">
        <v>0</v>
      </c>
      <c r="JV17" s="345">
        <v>81352</v>
      </c>
      <c r="JW17" s="345">
        <v>56767</v>
      </c>
      <c r="JX17" s="345">
        <v>429559</v>
      </c>
      <c r="JY17" s="345">
        <v>0</v>
      </c>
      <c r="JZ17" s="345">
        <v>0</v>
      </c>
      <c r="KA17" s="349">
        <v>567678</v>
      </c>
      <c r="KB17" s="347">
        <v>567678</v>
      </c>
      <c r="KC17" s="352">
        <v>0</v>
      </c>
      <c r="KD17" s="353">
        <v>0</v>
      </c>
      <c r="KE17" s="349">
        <v>0</v>
      </c>
      <c r="KF17" s="351">
        <v>0</v>
      </c>
      <c r="KG17" s="345">
        <v>111280</v>
      </c>
      <c r="KH17" s="345">
        <v>343337</v>
      </c>
      <c r="KI17" s="345">
        <v>733974</v>
      </c>
      <c r="KJ17" s="345">
        <v>0</v>
      </c>
      <c r="KK17" s="345">
        <v>0</v>
      </c>
      <c r="KL17" s="349">
        <v>1188591</v>
      </c>
      <c r="KM17" s="354">
        <v>1188591</v>
      </c>
      <c r="KN17" s="342">
        <v>0</v>
      </c>
      <c r="KO17" s="343">
        <v>0</v>
      </c>
      <c r="KP17" s="344">
        <v>0</v>
      </c>
      <c r="KQ17" s="404">
        <v>0</v>
      </c>
      <c r="KR17" s="345">
        <v>439810</v>
      </c>
      <c r="KS17" s="345">
        <v>482554</v>
      </c>
      <c r="KT17" s="345">
        <v>0</v>
      </c>
      <c r="KU17" s="345">
        <v>769117</v>
      </c>
      <c r="KV17" s="345">
        <v>0</v>
      </c>
      <c r="KW17" s="349">
        <v>1691481</v>
      </c>
      <c r="KX17" s="347">
        <v>1691481</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278417</v>
      </c>
      <c r="LZ17" s="345">
        <v>191368</v>
      </c>
      <c r="MA17" s="345">
        <v>0</v>
      </c>
      <c r="MB17" s="345">
        <v>283744</v>
      </c>
      <c r="MC17" s="345">
        <v>323868</v>
      </c>
      <c r="MD17" s="349">
        <v>1077397</v>
      </c>
      <c r="ME17" s="350">
        <v>1077397</v>
      </c>
      <c r="MF17" s="348">
        <v>0</v>
      </c>
      <c r="MG17" s="345">
        <v>0</v>
      </c>
      <c r="MH17" s="349">
        <v>0</v>
      </c>
      <c r="MI17" s="404">
        <v>0</v>
      </c>
      <c r="MJ17" s="345">
        <v>240567</v>
      </c>
      <c r="MK17" s="345">
        <v>573670</v>
      </c>
      <c r="ML17" s="345">
        <v>2045153</v>
      </c>
      <c r="MM17" s="345">
        <v>6620070</v>
      </c>
      <c r="MN17" s="345">
        <v>2285176</v>
      </c>
      <c r="MO17" s="349">
        <v>11764636</v>
      </c>
      <c r="MP17" s="354">
        <v>11764636</v>
      </c>
      <c r="MQ17" s="348">
        <v>0</v>
      </c>
      <c r="MR17" s="345">
        <v>0</v>
      </c>
      <c r="MS17" s="349">
        <v>0</v>
      </c>
      <c r="MT17" s="404">
        <v>0</v>
      </c>
      <c r="MU17" s="345">
        <v>0</v>
      </c>
      <c r="MV17" s="345">
        <v>0</v>
      </c>
      <c r="MW17" s="345">
        <v>953346</v>
      </c>
      <c r="MX17" s="345">
        <v>4293741</v>
      </c>
      <c r="MY17" s="345">
        <v>816619</v>
      </c>
      <c r="MZ17" s="349">
        <v>6063706</v>
      </c>
      <c r="NA17" s="354">
        <v>6063706</v>
      </c>
      <c r="NB17" s="348">
        <v>0</v>
      </c>
      <c r="NC17" s="345">
        <v>0</v>
      </c>
      <c r="ND17" s="349">
        <v>0</v>
      </c>
      <c r="NE17" s="404">
        <v>0</v>
      </c>
      <c r="NF17" s="345">
        <v>240567</v>
      </c>
      <c r="NG17" s="345">
        <v>573670</v>
      </c>
      <c r="NH17" s="345">
        <v>1091807</v>
      </c>
      <c r="NI17" s="345">
        <v>2003153</v>
      </c>
      <c r="NJ17" s="345">
        <v>1468557</v>
      </c>
      <c r="NK17" s="349">
        <v>5377754</v>
      </c>
      <c r="NL17" s="347">
        <v>5377754</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323176</v>
      </c>
      <c r="OF17" s="345">
        <v>0</v>
      </c>
      <c r="OG17" s="349">
        <v>323176</v>
      </c>
      <c r="OH17" s="350">
        <v>323176</v>
      </c>
      <c r="OI17" s="348">
        <v>819830</v>
      </c>
      <c r="OJ17" s="345">
        <v>571188</v>
      </c>
      <c r="OK17" s="346">
        <v>1391018</v>
      </c>
      <c r="OL17" s="351">
        <v>0</v>
      </c>
      <c r="OM17" s="345">
        <v>9813557</v>
      </c>
      <c r="ON17" s="345">
        <v>8577385</v>
      </c>
      <c r="OO17" s="345">
        <v>8569843</v>
      </c>
      <c r="OP17" s="345">
        <v>18055793</v>
      </c>
      <c r="OQ17" s="345">
        <v>6125914</v>
      </c>
      <c r="OR17" s="349">
        <v>51142492</v>
      </c>
      <c r="OS17" s="354">
        <v>52533510</v>
      </c>
    </row>
    <row r="18" spans="2:409" s="70" customFormat="1" ht="21" customHeight="1" x14ac:dyDescent="0.2">
      <c r="B18" s="410" t="s">
        <v>12</v>
      </c>
      <c r="C18" s="326">
        <v>778927</v>
      </c>
      <c r="D18" s="327">
        <v>2536392</v>
      </c>
      <c r="E18" s="328">
        <v>3315319</v>
      </c>
      <c r="F18" s="329">
        <v>0</v>
      </c>
      <c r="G18" s="327">
        <v>7100066</v>
      </c>
      <c r="H18" s="366">
        <v>10817917</v>
      </c>
      <c r="I18" s="366">
        <v>8522662</v>
      </c>
      <c r="J18" s="366">
        <v>10923642</v>
      </c>
      <c r="K18" s="366">
        <v>3586980</v>
      </c>
      <c r="L18" s="331">
        <v>40951267</v>
      </c>
      <c r="M18" s="330">
        <v>44266586</v>
      </c>
      <c r="N18" s="326">
        <v>306985</v>
      </c>
      <c r="O18" s="327">
        <v>693722</v>
      </c>
      <c r="P18" s="328">
        <v>1000707</v>
      </c>
      <c r="Q18" s="326">
        <v>0</v>
      </c>
      <c r="R18" s="327">
        <v>1721025</v>
      </c>
      <c r="S18" s="327">
        <v>3817952</v>
      </c>
      <c r="T18" s="327">
        <v>2462812</v>
      </c>
      <c r="U18" s="327">
        <v>4454224</v>
      </c>
      <c r="V18" s="327">
        <v>1854239</v>
      </c>
      <c r="W18" s="328">
        <v>14310252</v>
      </c>
      <c r="X18" s="330">
        <v>15310959</v>
      </c>
      <c r="Y18" s="326">
        <v>0</v>
      </c>
      <c r="Z18" s="327">
        <v>0</v>
      </c>
      <c r="AA18" s="328">
        <v>0</v>
      </c>
      <c r="AB18" s="326">
        <v>0</v>
      </c>
      <c r="AC18" s="327">
        <v>859815</v>
      </c>
      <c r="AD18" s="327">
        <v>1949177</v>
      </c>
      <c r="AE18" s="327">
        <v>1461128</v>
      </c>
      <c r="AF18" s="327">
        <v>2763200</v>
      </c>
      <c r="AG18" s="327">
        <v>1164227</v>
      </c>
      <c r="AH18" s="328">
        <v>8197547</v>
      </c>
      <c r="AI18" s="330">
        <v>8197547</v>
      </c>
      <c r="AJ18" s="326">
        <v>0</v>
      </c>
      <c r="AK18" s="327">
        <v>0</v>
      </c>
      <c r="AL18" s="328">
        <v>0</v>
      </c>
      <c r="AM18" s="326">
        <v>0</v>
      </c>
      <c r="AN18" s="327">
        <v>0</v>
      </c>
      <c r="AO18" s="327">
        <v>0</v>
      </c>
      <c r="AP18" s="327">
        <v>46994</v>
      </c>
      <c r="AQ18" s="327">
        <v>303290</v>
      </c>
      <c r="AR18" s="327">
        <v>92798</v>
      </c>
      <c r="AS18" s="328">
        <v>443082</v>
      </c>
      <c r="AT18" s="330">
        <v>443082</v>
      </c>
      <c r="AU18" s="326">
        <v>255809</v>
      </c>
      <c r="AV18" s="327">
        <v>552274</v>
      </c>
      <c r="AW18" s="328">
        <v>808083</v>
      </c>
      <c r="AX18" s="326">
        <v>0</v>
      </c>
      <c r="AY18" s="327">
        <v>635983</v>
      </c>
      <c r="AZ18" s="327">
        <v>1237518</v>
      </c>
      <c r="BA18" s="327">
        <v>617714</v>
      </c>
      <c r="BB18" s="327">
        <v>691223</v>
      </c>
      <c r="BC18" s="327">
        <v>359421</v>
      </c>
      <c r="BD18" s="328">
        <v>3541859</v>
      </c>
      <c r="BE18" s="330">
        <v>4349942</v>
      </c>
      <c r="BF18" s="326">
        <v>0</v>
      </c>
      <c r="BG18" s="327">
        <v>13456</v>
      </c>
      <c r="BH18" s="331">
        <v>13456</v>
      </c>
      <c r="BI18" s="332">
        <v>0</v>
      </c>
      <c r="BJ18" s="327">
        <v>51331</v>
      </c>
      <c r="BK18" s="327">
        <v>89817</v>
      </c>
      <c r="BL18" s="327">
        <v>0</v>
      </c>
      <c r="BM18" s="327">
        <v>166415</v>
      </c>
      <c r="BN18" s="327">
        <v>14313</v>
      </c>
      <c r="BO18" s="328">
        <v>321876</v>
      </c>
      <c r="BP18" s="330">
        <v>335332</v>
      </c>
      <c r="BQ18" s="326">
        <v>51176</v>
      </c>
      <c r="BR18" s="327">
        <v>127992</v>
      </c>
      <c r="BS18" s="328">
        <v>179168</v>
      </c>
      <c r="BT18" s="326">
        <v>0</v>
      </c>
      <c r="BU18" s="327">
        <v>173896</v>
      </c>
      <c r="BV18" s="327">
        <v>541440</v>
      </c>
      <c r="BW18" s="327">
        <v>336976</v>
      </c>
      <c r="BX18" s="327">
        <v>530096</v>
      </c>
      <c r="BY18" s="327">
        <v>223480</v>
      </c>
      <c r="BZ18" s="328">
        <v>1805888</v>
      </c>
      <c r="CA18" s="330">
        <v>1985056</v>
      </c>
      <c r="CB18" s="326">
        <v>149958</v>
      </c>
      <c r="CC18" s="327">
        <v>610327</v>
      </c>
      <c r="CD18" s="328">
        <v>760285</v>
      </c>
      <c r="CE18" s="326">
        <v>0</v>
      </c>
      <c r="CF18" s="327">
        <v>2960556</v>
      </c>
      <c r="CG18" s="327">
        <v>2828516</v>
      </c>
      <c r="CH18" s="327">
        <v>2652801</v>
      </c>
      <c r="CI18" s="327">
        <v>1671477</v>
      </c>
      <c r="CJ18" s="327">
        <v>288105</v>
      </c>
      <c r="CK18" s="328">
        <v>10401455</v>
      </c>
      <c r="CL18" s="330">
        <v>11161740</v>
      </c>
      <c r="CM18" s="326">
        <v>0</v>
      </c>
      <c r="CN18" s="327">
        <v>0</v>
      </c>
      <c r="CO18" s="328">
        <v>0</v>
      </c>
      <c r="CP18" s="332">
        <v>0</v>
      </c>
      <c r="CQ18" s="327">
        <v>2574822</v>
      </c>
      <c r="CR18" s="327">
        <v>1857737</v>
      </c>
      <c r="CS18" s="327">
        <v>1767190</v>
      </c>
      <c r="CT18" s="327">
        <v>1172322</v>
      </c>
      <c r="CU18" s="327">
        <v>102676</v>
      </c>
      <c r="CV18" s="328">
        <v>7474747</v>
      </c>
      <c r="CW18" s="330">
        <v>7474747</v>
      </c>
      <c r="CX18" s="326">
        <v>149958</v>
      </c>
      <c r="CY18" s="327">
        <v>610327</v>
      </c>
      <c r="CZ18" s="328">
        <v>760285</v>
      </c>
      <c r="DA18" s="326">
        <v>0</v>
      </c>
      <c r="DB18" s="327">
        <v>385734</v>
      </c>
      <c r="DC18" s="327">
        <v>970779</v>
      </c>
      <c r="DD18" s="327">
        <v>885611</v>
      </c>
      <c r="DE18" s="327">
        <v>499155</v>
      </c>
      <c r="DF18" s="327">
        <v>185429</v>
      </c>
      <c r="DG18" s="328">
        <v>2926708</v>
      </c>
      <c r="DH18" s="330">
        <v>3686993</v>
      </c>
      <c r="DI18" s="326">
        <v>0</v>
      </c>
      <c r="DJ18" s="327">
        <v>22712</v>
      </c>
      <c r="DK18" s="331">
        <v>22712</v>
      </c>
      <c r="DL18" s="332">
        <v>0</v>
      </c>
      <c r="DM18" s="327">
        <v>346837</v>
      </c>
      <c r="DN18" s="327">
        <v>541967</v>
      </c>
      <c r="DO18" s="327">
        <v>360531</v>
      </c>
      <c r="DP18" s="327">
        <v>1167826</v>
      </c>
      <c r="DQ18" s="327">
        <v>416554</v>
      </c>
      <c r="DR18" s="328">
        <v>2833715</v>
      </c>
      <c r="DS18" s="330">
        <v>2856427</v>
      </c>
      <c r="DT18" s="326">
        <v>0</v>
      </c>
      <c r="DU18" s="327">
        <v>22712</v>
      </c>
      <c r="DV18" s="328">
        <v>22712</v>
      </c>
      <c r="DW18" s="326">
        <v>0</v>
      </c>
      <c r="DX18" s="327">
        <v>346837</v>
      </c>
      <c r="DY18" s="327">
        <v>541967</v>
      </c>
      <c r="DZ18" s="327">
        <v>329976</v>
      </c>
      <c r="EA18" s="327">
        <v>1107361</v>
      </c>
      <c r="EB18" s="327">
        <v>416554</v>
      </c>
      <c r="EC18" s="328">
        <v>2742695</v>
      </c>
      <c r="ED18" s="330">
        <v>2765407</v>
      </c>
      <c r="EE18" s="326">
        <v>0</v>
      </c>
      <c r="EF18" s="331">
        <v>0</v>
      </c>
      <c r="EG18" s="328">
        <v>0</v>
      </c>
      <c r="EH18" s="326">
        <v>0</v>
      </c>
      <c r="EI18" s="327">
        <v>0</v>
      </c>
      <c r="EJ18" s="327">
        <v>0</v>
      </c>
      <c r="EK18" s="327">
        <v>30555</v>
      </c>
      <c r="EL18" s="327">
        <v>60465</v>
      </c>
      <c r="EM18" s="327">
        <v>0</v>
      </c>
      <c r="EN18" s="331">
        <v>91020</v>
      </c>
      <c r="EO18" s="330">
        <v>91020</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167240</v>
      </c>
      <c r="FM18" s="327">
        <v>649948</v>
      </c>
      <c r="FN18" s="328">
        <v>817188</v>
      </c>
      <c r="FO18" s="326">
        <v>0</v>
      </c>
      <c r="FP18" s="327">
        <v>499528</v>
      </c>
      <c r="FQ18" s="327">
        <v>1185394</v>
      </c>
      <c r="FR18" s="327">
        <v>723400</v>
      </c>
      <c r="FS18" s="327">
        <v>866968</v>
      </c>
      <c r="FT18" s="327">
        <v>225944</v>
      </c>
      <c r="FU18" s="328">
        <v>3501234</v>
      </c>
      <c r="FV18" s="330">
        <v>4318422</v>
      </c>
      <c r="FW18" s="333">
        <v>127240</v>
      </c>
      <c r="FX18" s="327">
        <v>336512</v>
      </c>
      <c r="FY18" s="331">
        <v>463752</v>
      </c>
      <c r="FZ18" s="332">
        <v>0</v>
      </c>
      <c r="GA18" s="327">
        <v>214728</v>
      </c>
      <c r="GB18" s="327">
        <v>1006314</v>
      </c>
      <c r="GC18" s="327">
        <v>695240</v>
      </c>
      <c r="GD18" s="327">
        <v>839248</v>
      </c>
      <c r="GE18" s="327">
        <v>225944</v>
      </c>
      <c r="GF18" s="328">
        <v>2981474</v>
      </c>
      <c r="GG18" s="334">
        <v>3445226</v>
      </c>
      <c r="GH18" s="333">
        <v>0</v>
      </c>
      <c r="GI18" s="327">
        <v>91996</v>
      </c>
      <c r="GJ18" s="331">
        <v>91996</v>
      </c>
      <c r="GK18" s="332">
        <v>0</v>
      </c>
      <c r="GL18" s="327">
        <v>0</v>
      </c>
      <c r="GM18" s="327">
        <v>131080</v>
      </c>
      <c r="GN18" s="327">
        <v>28160</v>
      </c>
      <c r="GO18" s="327">
        <v>27720</v>
      </c>
      <c r="GP18" s="327">
        <v>0</v>
      </c>
      <c r="GQ18" s="328">
        <v>186960</v>
      </c>
      <c r="GR18" s="330">
        <v>278956</v>
      </c>
      <c r="GS18" s="326">
        <v>40000</v>
      </c>
      <c r="GT18" s="327">
        <v>221440</v>
      </c>
      <c r="GU18" s="328">
        <v>261440</v>
      </c>
      <c r="GV18" s="326">
        <v>0</v>
      </c>
      <c r="GW18" s="327">
        <v>284800</v>
      </c>
      <c r="GX18" s="327">
        <v>48000</v>
      </c>
      <c r="GY18" s="327">
        <v>0</v>
      </c>
      <c r="GZ18" s="327">
        <v>0</v>
      </c>
      <c r="HA18" s="327">
        <v>0</v>
      </c>
      <c r="HB18" s="331">
        <v>332800</v>
      </c>
      <c r="HC18" s="330">
        <v>594240</v>
      </c>
      <c r="HD18" s="326">
        <v>154744</v>
      </c>
      <c r="HE18" s="327">
        <v>559683</v>
      </c>
      <c r="HF18" s="331">
        <v>714427</v>
      </c>
      <c r="HG18" s="332">
        <v>0</v>
      </c>
      <c r="HH18" s="327">
        <v>1572120</v>
      </c>
      <c r="HI18" s="327">
        <v>2444088</v>
      </c>
      <c r="HJ18" s="327">
        <v>2323118</v>
      </c>
      <c r="HK18" s="327">
        <v>2763147</v>
      </c>
      <c r="HL18" s="327">
        <v>802138</v>
      </c>
      <c r="HM18" s="328">
        <v>9904611</v>
      </c>
      <c r="HN18" s="329">
        <v>10619038</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1552866</v>
      </c>
      <c r="IE18" s="357">
        <v>2482991</v>
      </c>
      <c r="IF18" s="358">
        <v>2114234</v>
      </c>
      <c r="IG18" s="356">
        <v>2828924</v>
      </c>
      <c r="IH18" s="358">
        <v>2045933</v>
      </c>
      <c r="II18" s="359">
        <v>11024948</v>
      </c>
      <c r="IJ18" s="358">
        <v>11024948</v>
      </c>
      <c r="IK18" s="342">
        <v>0</v>
      </c>
      <c r="IL18" s="343">
        <v>0</v>
      </c>
      <c r="IM18" s="344">
        <v>0</v>
      </c>
      <c r="IN18" s="404">
        <v>0</v>
      </c>
      <c r="IO18" s="345">
        <v>0</v>
      </c>
      <c r="IP18" s="345">
        <v>21630</v>
      </c>
      <c r="IQ18" s="345">
        <v>0</v>
      </c>
      <c r="IR18" s="345">
        <v>0</v>
      </c>
      <c r="IS18" s="345">
        <v>0</v>
      </c>
      <c r="IT18" s="346">
        <v>21630</v>
      </c>
      <c r="IU18" s="347">
        <v>2163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942315</v>
      </c>
      <c r="JL18" s="345">
        <v>921072</v>
      </c>
      <c r="JM18" s="345">
        <v>393932</v>
      </c>
      <c r="JN18" s="345">
        <v>190288</v>
      </c>
      <c r="JO18" s="345">
        <v>316810</v>
      </c>
      <c r="JP18" s="349">
        <v>2764417</v>
      </c>
      <c r="JQ18" s="347">
        <v>2764417</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378227</v>
      </c>
      <c r="KH18" s="345">
        <v>545846</v>
      </c>
      <c r="KI18" s="345">
        <v>733610</v>
      </c>
      <c r="KJ18" s="345">
        <v>824561</v>
      </c>
      <c r="KK18" s="345">
        <v>601796</v>
      </c>
      <c r="KL18" s="349">
        <v>3084040</v>
      </c>
      <c r="KM18" s="354">
        <v>3084040</v>
      </c>
      <c r="KN18" s="342">
        <v>0</v>
      </c>
      <c r="KO18" s="343">
        <v>0</v>
      </c>
      <c r="KP18" s="344">
        <v>0</v>
      </c>
      <c r="KQ18" s="404">
        <v>0</v>
      </c>
      <c r="KR18" s="345">
        <v>232324</v>
      </c>
      <c r="KS18" s="345">
        <v>245106</v>
      </c>
      <c r="KT18" s="345">
        <v>247623</v>
      </c>
      <c r="KU18" s="345">
        <v>747674</v>
      </c>
      <c r="KV18" s="345">
        <v>516229</v>
      </c>
      <c r="KW18" s="349">
        <v>1988956</v>
      </c>
      <c r="KX18" s="347">
        <v>1988956</v>
      </c>
      <c r="KY18" s="348">
        <v>0</v>
      </c>
      <c r="KZ18" s="345">
        <v>0</v>
      </c>
      <c r="LA18" s="349">
        <v>0</v>
      </c>
      <c r="LB18" s="404">
        <v>0</v>
      </c>
      <c r="LC18" s="345">
        <v>0</v>
      </c>
      <c r="LD18" s="345">
        <v>550905</v>
      </c>
      <c r="LE18" s="345">
        <v>207963</v>
      </c>
      <c r="LF18" s="345">
        <v>443328</v>
      </c>
      <c r="LG18" s="345">
        <v>0</v>
      </c>
      <c r="LH18" s="349">
        <v>1202196</v>
      </c>
      <c r="LI18" s="350">
        <v>1202196</v>
      </c>
      <c r="LJ18" s="348">
        <v>0</v>
      </c>
      <c r="LK18" s="345">
        <v>0</v>
      </c>
      <c r="LL18" s="349">
        <v>0</v>
      </c>
      <c r="LM18" s="404">
        <v>0</v>
      </c>
      <c r="LN18" s="345">
        <v>0</v>
      </c>
      <c r="LO18" s="345">
        <v>0</v>
      </c>
      <c r="LP18" s="345">
        <v>265179</v>
      </c>
      <c r="LQ18" s="345">
        <v>0</v>
      </c>
      <c r="LR18" s="345">
        <v>611098</v>
      </c>
      <c r="LS18" s="349">
        <v>876277</v>
      </c>
      <c r="LT18" s="347">
        <v>876277</v>
      </c>
      <c r="LU18" s="348">
        <v>0</v>
      </c>
      <c r="LV18" s="345">
        <v>0</v>
      </c>
      <c r="LW18" s="349">
        <v>0</v>
      </c>
      <c r="LX18" s="404">
        <v>0</v>
      </c>
      <c r="LY18" s="345">
        <v>0</v>
      </c>
      <c r="LZ18" s="345">
        <v>198432</v>
      </c>
      <c r="MA18" s="345">
        <v>265927</v>
      </c>
      <c r="MB18" s="345">
        <v>623073</v>
      </c>
      <c r="MC18" s="345">
        <v>0</v>
      </c>
      <c r="MD18" s="349">
        <v>1087432</v>
      </c>
      <c r="ME18" s="350">
        <v>1087432</v>
      </c>
      <c r="MF18" s="348">
        <v>0</v>
      </c>
      <c r="MG18" s="345">
        <v>0</v>
      </c>
      <c r="MH18" s="349">
        <v>0</v>
      </c>
      <c r="MI18" s="404">
        <v>0</v>
      </c>
      <c r="MJ18" s="345">
        <v>280335</v>
      </c>
      <c r="MK18" s="345">
        <v>849541</v>
      </c>
      <c r="ML18" s="345">
        <v>5235857</v>
      </c>
      <c r="MM18" s="345">
        <v>5609527</v>
      </c>
      <c r="MN18" s="345">
        <v>3057475</v>
      </c>
      <c r="MO18" s="349">
        <v>15032735</v>
      </c>
      <c r="MP18" s="354">
        <v>15032735</v>
      </c>
      <c r="MQ18" s="348">
        <v>0</v>
      </c>
      <c r="MR18" s="345">
        <v>0</v>
      </c>
      <c r="MS18" s="349">
        <v>0</v>
      </c>
      <c r="MT18" s="404">
        <v>0</v>
      </c>
      <c r="MU18" s="345">
        <v>0</v>
      </c>
      <c r="MV18" s="345">
        <v>0</v>
      </c>
      <c r="MW18" s="345">
        <v>2336964</v>
      </c>
      <c r="MX18" s="345">
        <v>2445346</v>
      </c>
      <c r="MY18" s="345">
        <v>1460223</v>
      </c>
      <c r="MZ18" s="349">
        <v>6242533</v>
      </c>
      <c r="NA18" s="354">
        <v>6242533</v>
      </c>
      <c r="NB18" s="348">
        <v>0</v>
      </c>
      <c r="NC18" s="345">
        <v>0</v>
      </c>
      <c r="ND18" s="349">
        <v>0</v>
      </c>
      <c r="NE18" s="404">
        <v>0</v>
      </c>
      <c r="NF18" s="345">
        <v>280335</v>
      </c>
      <c r="NG18" s="345">
        <v>849541</v>
      </c>
      <c r="NH18" s="345">
        <v>2898893</v>
      </c>
      <c r="NI18" s="345">
        <v>3164181</v>
      </c>
      <c r="NJ18" s="345">
        <v>1597252</v>
      </c>
      <c r="NK18" s="349">
        <v>8790202</v>
      </c>
      <c r="NL18" s="347">
        <v>8790202</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0</v>
      </c>
      <c r="OF18" s="345">
        <v>0</v>
      </c>
      <c r="OG18" s="349">
        <v>0</v>
      </c>
      <c r="OH18" s="350">
        <v>0</v>
      </c>
      <c r="OI18" s="348">
        <v>778927</v>
      </c>
      <c r="OJ18" s="345">
        <v>2536392</v>
      </c>
      <c r="OK18" s="346">
        <v>3315319</v>
      </c>
      <c r="OL18" s="351">
        <v>0</v>
      </c>
      <c r="OM18" s="345">
        <v>8933267</v>
      </c>
      <c r="ON18" s="345">
        <v>14150449</v>
      </c>
      <c r="OO18" s="345">
        <v>15872753</v>
      </c>
      <c r="OP18" s="345">
        <v>19362093</v>
      </c>
      <c r="OQ18" s="345">
        <v>8690388</v>
      </c>
      <c r="OR18" s="349">
        <v>67008950</v>
      </c>
      <c r="OS18" s="354">
        <v>70324269</v>
      </c>
    </row>
    <row r="19" spans="2:409" s="70" customFormat="1" ht="21" customHeight="1" x14ac:dyDescent="0.2">
      <c r="B19" s="410" t="s">
        <v>13</v>
      </c>
      <c r="C19" s="326">
        <v>43432</v>
      </c>
      <c r="D19" s="327">
        <v>140905</v>
      </c>
      <c r="E19" s="328">
        <v>184337</v>
      </c>
      <c r="F19" s="326">
        <v>0</v>
      </c>
      <c r="G19" s="366">
        <v>3306807</v>
      </c>
      <c r="H19" s="327">
        <v>4939466</v>
      </c>
      <c r="I19" s="327">
        <v>5003400</v>
      </c>
      <c r="J19" s="327">
        <v>4799201</v>
      </c>
      <c r="K19" s="327">
        <v>3657827</v>
      </c>
      <c r="L19" s="331">
        <v>21706701</v>
      </c>
      <c r="M19" s="330">
        <v>21891038</v>
      </c>
      <c r="N19" s="326">
        <v>35064</v>
      </c>
      <c r="O19" s="327">
        <v>75214</v>
      </c>
      <c r="P19" s="328">
        <v>110278</v>
      </c>
      <c r="Q19" s="326">
        <v>0</v>
      </c>
      <c r="R19" s="327">
        <v>871182</v>
      </c>
      <c r="S19" s="327">
        <v>2073206</v>
      </c>
      <c r="T19" s="327">
        <v>1626473</v>
      </c>
      <c r="U19" s="327">
        <v>2523916</v>
      </c>
      <c r="V19" s="327">
        <v>2173313</v>
      </c>
      <c r="W19" s="328">
        <v>9268090</v>
      </c>
      <c r="X19" s="330">
        <v>9378368</v>
      </c>
      <c r="Y19" s="326">
        <v>0</v>
      </c>
      <c r="Z19" s="327">
        <v>0</v>
      </c>
      <c r="AA19" s="328">
        <v>0</v>
      </c>
      <c r="AB19" s="326">
        <v>0</v>
      </c>
      <c r="AC19" s="327">
        <v>361911</v>
      </c>
      <c r="AD19" s="327">
        <v>655566</v>
      </c>
      <c r="AE19" s="327">
        <v>693748</v>
      </c>
      <c r="AF19" s="327">
        <v>1791016</v>
      </c>
      <c r="AG19" s="327">
        <v>1208922</v>
      </c>
      <c r="AH19" s="328">
        <v>4711163</v>
      </c>
      <c r="AI19" s="330">
        <v>4711163</v>
      </c>
      <c r="AJ19" s="326">
        <v>0</v>
      </c>
      <c r="AK19" s="327">
        <v>0</v>
      </c>
      <c r="AL19" s="328">
        <v>0</v>
      </c>
      <c r="AM19" s="326">
        <v>0</v>
      </c>
      <c r="AN19" s="327">
        <v>0</v>
      </c>
      <c r="AO19" s="327">
        <v>0</v>
      </c>
      <c r="AP19" s="327">
        <v>72851</v>
      </c>
      <c r="AQ19" s="327">
        <v>130226</v>
      </c>
      <c r="AR19" s="327">
        <v>253184</v>
      </c>
      <c r="AS19" s="328">
        <v>456261</v>
      </c>
      <c r="AT19" s="330">
        <v>456261</v>
      </c>
      <c r="AU19" s="326">
        <v>0</v>
      </c>
      <c r="AV19" s="327">
        <v>75214</v>
      </c>
      <c r="AW19" s="328">
        <v>75214</v>
      </c>
      <c r="AX19" s="326">
        <v>0</v>
      </c>
      <c r="AY19" s="327">
        <v>226965</v>
      </c>
      <c r="AZ19" s="327">
        <v>1049816</v>
      </c>
      <c r="BA19" s="327">
        <v>562165</v>
      </c>
      <c r="BB19" s="327">
        <v>332398</v>
      </c>
      <c r="BC19" s="327">
        <v>502381</v>
      </c>
      <c r="BD19" s="328">
        <v>2673725</v>
      </c>
      <c r="BE19" s="330">
        <v>2748939</v>
      </c>
      <c r="BF19" s="326">
        <v>26808</v>
      </c>
      <c r="BG19" s="327">
        <v>0</v>
      </c>
      <c r="BH19" s="331">
        <v>26808</v>
      </c>
      <c r="BI19" s="332">
        <v>0</v>
      </c>
      <c r="BJ19" s="327">
        <v>60922</v>
      </c>
      <c r="BK19" s="327">
        <v>31416</v>
      </c>
      <c r="BL19" s="327">
        <v>21933</v>
      </c>
      <c r="BM19" s="327">
        <v>34716</v>
      </c>
      <c r="BN19" s="327">
        <v>16450</v>
      </c>
      <c r="BO19" s="328">
        <v>165437</v>
      </c>
      <c r="BP19" s="330">
        <v>192245</v>
      </c>
      <c r="BQ19" s="326">
        <v>8256</v>
      </c>
      <c r="BR19" s="327">
        <v>0</v>
      </c>
      <c r="BS19" s="328">
        <v>8256</v>
      </c>
      <c r="BT19" s="326">
        <v>0</v>
      </c>
      <c r="BU19" s="327">
        <v>221384</v>
      </c>
      <c r="BV19" s="327">
        <v>336408</v>
      </c>
      <c r="BW19" s="327">
        <v>275776</v>
      </c>
      <c r="BX19" s="327">
        <v>235560</v>
      </c>
      <c r="BY19" s="327">
        <v>192376</v>
      </c>
      <c r="BZ19" s="328">
        <v>1261504</v>
      </c>
      <c r="CA19" s="330">
        <v>1269760</v>
      </c>
      <c r="CB19" s="326">
        <v>0</v>
      </c>
      <c r="CC19" s="327">
        <v>40115</v>
      </c>
      <c r="CD19" s="328">
        <v>40115</v>
      </c>
      <c r="CE19" s="326">
        <v>0</v>
      </c>
      <c r="CF19" s="327">
        <v>866076</v>
      </c>
      <c r="CG19" s="327">
        <v>754502</v>
      </c>
      <c r="CH19" s="327">
        <v>848887</v>
      </c>
      <c r="CI19" s="327">
        <v>497055</v>
      </c>
      <c r="CJ19" s="327">
        <v>264946</v>
      </c>
      <c r="CK19" s="328">
        <v>3231466</v>
      </c>
      <c r="CL19" s="330">
        <v>3271581</v>
      </c>
      <c r="CM19" s="326">
        <v>0</v>
      </c>
      <c r="CN19" s="327">
        <v>0</v>
      </c>
      <c r="CO19" s="328">
        <v>0</v>
      </c>
      <c r="CP19" s="332">
        <v>0</v>
      </c>
      <c r="CQ19" s="327">
        <v>649653</v>
      </c>
      <c r="CR19" s="327">
        <v>645446</v>
      </c>
      <c r="CS19" s="327">
        <v>783129</v>
      </c>
      <c r="CT19" s="327">
        <v>497055</v>
      </c>
      <c r="CU19" s="327">
        <v>36746</v>
      </c>
      <c r="CV19" s="328">
        <v>2612029</v>
      </c>
      <c r="CW19" s="330">
        <v>2612029</v>
      </c>
      <c r="CX19" s="326">
        <v>0</v>
      </c>
      <c r="CY19" s="327">
        <v>40115</v>
      </c>
      <c r="CZ19" s="328">
        <v>40115</v>
      </c>
      <c r="DA19" s="326">
        <v>0</v>
      </c>
      <c r="DB19" s="327">
        <v>216423</v>
      </c>
      <c r="DC19" s="327">
        <v>109056</v>
      </c>
      <c r="DD19" s="327">
        <v>65758</v>
      </c>
      <c r="DE19" s="327">
        <v>0</v>
      </c>
      <c r="DF19" s="327">
        <v>228200</v>
      </c>
      <c r="DG19" s="328">
        <v>619437</v>
      </c>
      <c r="DH19" s="330">
        <v>659552</v>
      </c>
      <c r="DI19" s="326">
        <v>0</v>
      </c>
      <c r="DJ19" s="327">
        <v>0</v>
      </c>
      <c r="DK19" s="331">
        <v>0</v>
      </c>
      <c r="DL19" s="332">
        <v>0</v>
      </c>
      <c r="DM19" s="327">
        <v>197343</v>
      </c>
      <c r="DN19" s="327">
        <v>17947</v>
      </c>
      <c r="DO19" s="327">
        <v>115563</v>
      </c>
      <c r="DP19" s="327">
        <v>0</v>
      </c>
      <c r="DQ19" s="327">
        <v>64793</v>
      </c>
      <c r="DR19" s="328">
        <v>395646</v>
      </c>
      <c r="DS19" s="330">
        <v>395646</v>
      </c>
      <c r="DT19" s="326">
        <v>0</v>
      </c>
      <c r="DU19" s="327">
        <v>0</v>
      </c>
      <c r="DV19" s="328">
        <v>0</v>
      </c>
      <c r="DW19" s="326">
        <v>0</v>
      </c>
      <c r="DX19" s="327">
        <v>197343</v>
      </c>
      <c r="DY19" s="327">
        <v>17947</v>
      </c>
      <c r="DZ19" s="327">
        <v>115563</v>
      </c>
      <c r="EA19" s="327">
        <v>0</v>
      </c>
      <c r="EB19" s="327">
        <v>64793</v>
      </c>
      <c r="EC19" s="328">
        <v>395646</v>
      </c>
      <c r="ED19" s="330">
        <v>395646</v>
      </c>
      <c r="EE19" s="326">
        <v>0</v>
      </c>
      <c r="EF19" s="331">
        <v>0</v>
      </c>
      <c r="EG19" s="328">
        <v>0</v>
      </c>
      <c r="EH19" s="326">
        <v>0</v>
      </c>
      <c r="EI19" s="327">
        <v>0</v>
      </c>
      <c r="EJ19" s="327">
        <v>0</v>
      </c>
      <c r="EK19" s="327">
        <v>0</v>
      </c>
      <c r="EL19" s="327">
        <v>0</v>
      </c>
      <c r="EM19" s="327">
        <v>0</v>
      </c>
      <c r="EN19" s="331">
        <v>0</v>
      </c>
      <c r="EO19" s="330">
        <v>0</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8368</v>
      </c>
      <c r="FM19" s="327">
        <v>25576</v>
      </c>
      <c r="FN19" s="328">
        <v>33944</v>
      </c>
      <c r="FO19" s="326">
        <v>0</v>
      </c>
      <c r="FP19" s="327">
        <v>142360</v>
      </c>
      <c r="FQ19" s="327">
        <v>686248</v>
      </c>
      <c r="FR19" s="327">
        <v>510008</v>
      </c>
      <c r="FS19" s="327">
        <v>304136</v>
      </c>
      <c r="FT19" s="327">
        <v>233424</v>
      </c>
      <c r="FU19" s="328">
        <v>1876176</v>
      </c>
      <c r="FV19" s="330">
        <v>1910120</v>
      </c>
      <c r="FW19" s="333">
        <v>8368</v>
      </c>
      <c r="FX19" s="327">
        <v>25576</v>
      </c>
      <c r="FY19" s="331">
        <v>33944</v>
      </c>
      <c r="FZ19" s="332">
        <v>0</v>
      </c>
      <c r="GA19" s="327">
        <v>127840</v>
      </c>
      <c r="GB19" s="327">
        <v>456360</v>
      </c>
      <c r="GC19" s="327">
        <v>275608</v>
      </c>
      <c r="GD19" s="327">
        <v>302968</v>
      </c>
      <c r="GE19" s="327">
        <v>233424</v>
      </c>
      <c r="GF19" s="328">
        <v>1396200</v>
      </c>
      <c r="GG19" s="334">
        <v>1430144</v>
      </c>
      <c r="GH19" s="333">
        <v>0</v>
      </c>
      <c r="GI19" s="327">
        <v>0</v>
      </c>
      <c r="GJ19" s="331">
        <v>0</v>
      </c>
      <c r="GK19" s="332">
        <v>0</v>
      </c>
      <c r="GL19" s="327">
        <v>14520</v>
      </c>
      <c r="GM19" s="327">
        <v>24288</v>
      </c>
      <c r="GN19" s="327">
        <v>0</v>
      </c>
      <c r="GO19" s="327">
        <v>1168</v>
      </c>
      <c r="GP19" s="327">
        <v>0</v>
      </c>
      <c r="GQ19" s="328">
        <v>39976</v>
      </c>
      <c r="GR19" s="330">
        <v>39976</v>
      </c>
      <c r="GS19" s="326">
        <v>0</v>
      </c>
      <c r="GT19" s="327">
        <v>0</v>
      </c>
      <c r="GU19" s="328">
        <v>0</v>
      </c>
      <c r="GV19" s="326">
        <v>0</v>
      </c>
      <c r="GW19" s="327">
        <v>0</v>
      </c>
      <c r="GX19" s="327">
        <v>205600</v>
      </c>
      <c r="GY19" s="327">
        <v>234400</v>
      </c>
      <c r="GZ19" s="327">
        <v>0</v>
      </c>
      <c r="HA19" s="327">
        <v>0</v>
      </c>
      <c r="HB19" s="331">
        <v>440000</v>
      </c>
      <c r="HC19" s="330">
        <v>440000</v>
      </c>
      <c r="HD19" s="326">
        <v>0</v>
      </c>
      <c r="HE19" s="327">
        <v>0</v>
      </c>
      <c r="HF19" s="331">
        <v>0</v>
      </c>
      <c r="HG19" s="332">
        <v>0</v>
      </c>
      <c r="HH19" s="327">
        <v>1229846</v>
      </c>
      <c r="HI19" s="327">
        <v>1407563</v>
      </c>
      <c r="HJ19" s="327">
        <v>1902469</v>
      </c>
      <c r="HK19" s="327">
        <v>1474094</v>
      </c>
      <c r="HL19" s="327">
        <v>921351</v>
      </c>
      <c r="HM19" s="328">
        <v>6935323</v>
      </c>
      <c r="HN19" s="329">
        <v>6935323</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1042683</v>
      </c>
      <c r="IE19" s="339">
        <v>1282242</v>
      </c>
      <c r="IF19" s="337">
        <v>807001</v>
      </c>
      <c r="IG19" s="336">
        <v>794598</v>
      </c>
      <c r="IH19" s="337">
        <v>665436</v>
      </c>
      <c r="II19" s="340">
        <v>4591960</v>
      </c>
      <c r="IJ19" s="341">
        <v>4591960</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672376</v>
      </c>
      <c r="JL19" s="345">
        <v>715338</v>
      </c>
      <c r="JM19" s="345">
        <v>207768</v>
      </c>
      <c r="JN19" s="345">
        <v>299628</v>
      </c>
      <c r="JO19" s="345">
        <v>0</v>
      </c>
      <c r="JP19" s="349">
        <v>1895110</v>
      </c>
      <c r="JQ19" s="347">
        <v>1895110</v>
      </c>
      <c r="JR19" s="348">
        <v>0</v>
      </c>
      <c r="JS19" s="345">
        <v>0</v>
      </c>
      <c r="JT19" s="346">
        <v>0</v>
      </c>
      <c r="JU19" s="351">
        <v>0</v>
      </c>
      <c r="JV19" s="345">
        <v>0</v>
      </c>
      <c r="JW19" s="345">
        <v>67260</v>
      </c>
      <c r="JX19" s="345">
        <v>314587</v>
      </c>
      <c r="JY19" s="345">
        <v>0</v>
      </c>
      <c r="JZ19" s="345">
        <v>99631</v>
      </c>
      <c r="KA19" s="349">
        <v>481478</v>
      </c>
      <c r="KB19" s="347">
        <v>481478</v>
      </c>
      <c r="KC19" s="352">
        <v>0</v>
      </c>
      <c r="KD19" s="353">
        <v>0</v>
      </c>
      <c r="KE19" s="349">
        <v>0</v>
      </c>
      <c r="KF19" s="351">
        <v>0</v>
      </c>
      <c r="KG19" s="345">
        <v>133335</v>
      </c>
      <c r="KH19" s="345">
        <v>499644</v>
      </c>
      <c r="KI19" s="345">
        <v>0</v>
      </c>
      <c r="KJ19" s="345">
        <v>7180</v>
      </c>
      <c r="KK19" s="345">
        <v>565805</v>
      </c>
      <c r="KL19" s="349">
        <v>1205964</v>
      </c>
      <c r="KM19" s="354">
        <v>1205964</v>
      </c>
      <c r="KN19" s="342">
        <v>0</v>
      </c>
      <c r="KO19" s="343">
        <v>0</v>
      </c>
      <c r="KP19" s="344">
        <v>0</v>
      </c>
      <c r="KQ19" s="404">
        <v>0</v>
      </c>
      <c r="KR19" s="345">
        <v>236972</v>
      </c>
      <c r="KS19" s="345">
        <v>0</v>
      </c>
      <c r="KT19" s="345">
        <v>284646</v>
      </c>
      <c r="KU19" s="345">
        <v>487790</v>
      </c>
      <c r="KV19" s="345">
        <v>0</v>
      </c>
      <c r="KW19" s="349">
        <v>1009408</v>
      </c>
      <c r="KX19" s="347">
        <v>1009408</v>
      </c>
      <c r="KY19" s="348">
        <v>0</v>
      </c>
      <c r="KZ19" s="345">
        <v>0</v>
      </c>
      <c r="LA19" s="349">
        <v>0</v>
      </c>
      <c r="LB19" s="404">
        <v>0</v>
      </c>
      <c r="LC19" s="345">
        <v>0</v>
      </c>
      <c r="LD19" s="345">
        <v>0</v>
      </c>
      <c r="LE19" s="345">
        <v>0</v>
      </c>
      <c r="LF19" s="345">
        <v>0</v>
      </c>
      <c r="LG19" s="345">
        <v>0</v>
      </c>
      <c r="LH19" s="349">
        <v>0</v>
      </c>
      <c r="LI19" s="350">
        <v>0</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0</v>
      </c>
      <c r="MK19" s="345">
        <v>236078</v>
      </c>
      <c r="ML19" s="345">
        <v>2844783</v>
      </c>
      <c r="MM19" s="345">
        <v>3211619</v>
      </c>
      <c r="MN19" s="345">
        <v>1730219</v>
      </c>
      <c r="MO19" s="349">
        <v>8022699</v>
      </c>
      <c r="MP19" s="354">
        <v>8022699</v>
      </c>
      <c r="MQ19" s="348">
        <v>0</v>
      </c>
      <c r="MR19" s="345">
        <v>0</v>
      </c>
      <c r="MS19" s="349">
        <v>0</v>
      </c>
      <c r="MT19" s="404">
        <v>0</v>
      </c>
      <c r="MU19" s="345">
        <v>0</v>
      </c>
      <c r="MV19" s="345">
        <v>0</v>
      </c>
      <c r="MW19" s="345">
        <v>1428983</v>
      </c>
      <c r="MX19" s="345">
        <v>2905431</v>
      </c>
      <c r="MY19" s="345">
        <v>1121993</v>
      </c>
      <c r="MZ19" s="349">
        <v>5456407</v>
      </c>
      <c r="NA19" s="354">
        <v>5456407</v>
      </c>
      <c r="NB19" s="348">
        <v>0</v>
      </c>
      <c r="NC19" s="345">
        <v>0</v>
      </c>
      <c r="ND19" s="349">
        <v>0</v>
      </c>
      <c r="NE19" s="404">
        <v>0</v>
      </c>
      <c r="NF19" s="345">
        <v>0</v>
      </c>
      <c r="NG19" s="345">
        <v>236078</v>
      </c>
      <c r="NH19" s="345">
        <v>1415800</v>
      </c>
      <c r="NI19" s="345">
        <v>306188</v>
      </c>
      <c r="NJ19" s="345">
        <v>608226</v>
      </c>
      <c r="NK19" s="349">
        <v>2566292</v>
      </c>
      <c r="NL19" s="347">
        <v>2566292</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43432</v>
      </c>
      <c r="OJ19" s="345">
        <v>140905</v>
      </c>
      <c r="OK19" s="346">
        <v>184337</v>
      </c>
      <c r="OL19" s="351">
        <v>0</v>
      </c>
      <c r="OM19" s="345">
        <v>4349490</v>
      </c>
      <c r="ON19" s="345">
        <v>6457786</v>
      </c>
      <c r="OO19" s="345">
        <v>8655184</v>
      </c>
      <c r="OP19" s="345">
        <v>8805418</v>
      </c>
      <c r="OQ19" s="345">
        <v>6053482</v>
      </c>
      <c r="OR19" s="349">
        <v>34321360</v>
      </c>
      <c r="OS19" s="354">
        <v>34505697</v>
      </c>
    </row>
    <row r="20" spans="2:409" s="70" customFormat="1" ht="21" customHeight="1" x14ac:dyDescent="0.2">
      <c r="B20" s="410" t="s">
        <v>15</v>
      </c>
      <c r="C20" s="326">
        <v>352656</v>
      </c>
      <c r="D20" s="327">
        <v>264431</v>
      </c>
      <c r="E20" s="328">
        <v>617087</v>
      </c>
      <c r="F20" s="329">
        <v>0</v>
      </c>
      <c r="G20" s="327">
        <v>1864533</v>
      </c>
      <c r="H20" s="327">
        <v>981815</v>
      </c>
      <c r="I20" s="327">
        <v>2297879</v>
      </c>
      <c r="J20" s="327">
        <v>2199187</v>
      </c>
      <c r="K20" s="327">
        <v>175396</v>
      </c>
      <c r="L20" s="329">
        <v>7518810</v>
      </c>
      <c r="M20" s="330">
        <v>8135897</v>
      </c>
      <c r="N20" s="326">
        <v>0</v>
      </c>
      <c r="O20" s="327">
        <v>35623</v>
      </c>
      <c r="P20" s="328">
        <v>35623</v>
      </c>
      <c r="Q20" s="326">
        <v>0</v>
      </c>
      <c r="R20" s="327">
        <v>482261</v>
      </c>
      <c r="S20" s="327">
        <v>403474</v>
      </c>
      <c r="T20" s="327">
        <v>281421</v>
      </c>
      <c r="U20" s="327">
        <v>1498293</v>
      </c>
      <c r="V20" s="327">
        <v>6960</v>
      </c>
      <c r="W20" s="328">
        <v>2672409</v>
      </c>
      <c r="X20" s="330">
        <v>2708032</v>
      </c>
      <c r="Y20" s="326">
        <v>0</v>
      </c>
      <c r="Z20" s="327">
        <v>0</v>
      </c>
      <c r="AA20" s="328">
        <v>0</v>
      </c>
      <c r="AB20" s="326">
        <v>0</v>
      </c>
      <c r="AC20" s="327">
        <v>175084</v>
      </c>
      <c r="AD20" s="327">
        <v>100392</v>
      </c>
      <c r="AE20" s="327">
        <v>47479</v>
      </c>
      <c r="AF20" s="327">
        <v>1124565</v>
      </c>
      <c r="AG20" s="327">
        <v>0</v>
      </c>
      <c r="AH20" s="328">
        <v>1447520</v>
      </c>
      <c r="AI20" s="330">
        <v>1447520</v>
      </c>
      <c r="AJ20" s="326">
        <v>0</v>
      </c>
      <c r="AK20" s="327">
        <v>0</v>
      </c>
      <c r="AL20" s="328">
        <v>0</v>
      </c>
      <c r="AM20" s="326">
        <v>0</v>
      </c>
      <c r="AN20" s="327">
        <v>0</v>
      </c>
      <c r="AO20" s="327">
        <v>47608</v>
      </c>
      <c r="AP20" s="327">
        <v>0</v>
      </c>
      <c r="AQ20" s="327">
        <v>107107</v>
      </c>
      <c r="AR20" s="327">
        <v>0</v>
      </c>
      <c r="AS20" s="328">
        <v>154715</v>
      </c>
      <c r="AT20" s="330">
        <v>154715</v>
      </c>
      <c r="AU20" s="326">
        <v>0</v>
      </c>
      <c r="AV20" s="327">
        <v>35623</v>
      </c>
      <c r="AW20" s="328">
        <v>35623</v>
      </c>
      <c r="AX20" s="326">
        <v>0</v>
      </c>
      <c r="AY20" s="327">
        <v>158772</v>
      </c>
      <c r="AZ20" s="327">
        <v>162693</v>
      </c>
      <c r="BA20" s="327">
        <v>126902</v>
      </c>
      <c r="BB20" s="327">
        <v>191629</v>
      </c>
      <c r="BC20" s="327">
        <v>0</v>
      </c>
      <c r="BD20" s="328">
        <v>639996</v>
      </c>
      <c r="BE20" s="330">
        <v>675619</v>
      </c>
      <c r="BF20" s="326">
        <v>0</v>
      </c>
      <c r="BG20" s="327">
        <v>0</v>
      </c>
      <c r="BH20" s="331">
        <v>0</v>
      </c>
      <c r="BI20" s="332">
        <v>0</v>
      </c>
      <c r="BJ20" s="327">
        <v>21933</v>
      </c>
      <c r="BK20" s="327">
        <v>56053</v>
      </c>
      <c r="BL20" s="327">
        <v>0</v>
      </c>
      <c r="BM20" s="327">
        <v>0</v>
      </c>
      <c r="BN20" s="327">
        <v>0</v>
      </c>
      <c r="BO20" s="328">
        <v>77986</v>
      </c>
      <c r="BP20" s="330">
        <v>77986</v>
      </c>
      <c r="BQ20" s="326">
        <v>0</v>
      </c>
      <c r="BR20" s="327">
        <v>0</v>
      </c>
      <c r="BS20" s="328">
        <v>0</v>
      </c>
      <c r="BT20" s="326">
        <v>0</v>
      </c>
      <c r="BU20" s="327">
        <v>126472</v>
      </c>
      <c r="BV20" s="327">
        <v>36728</v>
      </c>
      <c r="BW20" s="327">
        <v>107040</v>
      </c>
      <c r="BX20" s="327">
        <v>74992</v>
      </c>
      <c r="BY20" s="327">
        <v>6960</v>
      </c>
      <c r="BZ20" s="328">
        <v>352192</v>
      </c>
      <c r="CA20" s="330">
        <v>352192</v>
      </c>
      <c r="CB20" s="326">
        <v>19426</v>
      </c>
      <c r="CC20" s="327">
        <v>0</v>
      </c>
      <c r="CD20" s="328">
        <v>19426</v>
      </c>
      <c r="CE20" s="326">
        <v>0</v>
      </c>
      <c r="CF20" s="327">
        <v>190739</v>
      </c>
      <c r="CG20" s="327">
        <v>249105</v>
      </c>
      <c r="CH20" s="327">
        <v>771291</v>
      </c>
      <c r="CI20" s="327">
        <v>86081</v>
      </c>
      <c r="CJ20" s="327">
        <v>0</v>
      </c>
      <c r="CK20" s="328">
        <v>1297216</v>
      </c>
      <c r="CL20" s="330">
        <v>1316642</v>
      </c>
      <c r="CM20" s="326">
        <v>0</v>
      </c>
      <c r="CN20" s="327">
        <v>0</v>
      </c>
      <c r="CO20" s="328">
        <v>0</v>
      </c>
      <c r="CP20" s="332">
        <v>0</v>
      </c>
      <c r="CQ20" s="327">
        <v>160508</v>
      </c>
      <c r="CR20" s="327">
        <v>249105</v>
      </c>
      <c r="CS20" s="327">
        <v>235326</v>
      </c>
      <c r="CT20" s="327">
        <v>86081</v>
      </c>
      <c r="CU20" s="327">
        <v>0</v>
      </c>
      <c r="CV20" s="328">
        <v>731020</v>
      </c>
      <c r="CW20" s="330">
        <v>731020</v>
      </c>
      <c r="CX20" s="326">
        <v>19426</v>
      </c>
      <c r="CY20" s="327">
        <v>0</v>
      </c>
      <c r="CZ20" s="328">
        <v>19426</v>
      </c>
      <c r="DA20" s="326">
        <v>0</v>
      </c>
      <c r="DB20" s="327">
        <v>30231</v>
      </c>
      <c r="DC20" s="327">
        <v>0</v>
      </c>
      <c r="DD20" s="327">
        <v>535965</v>
      </c>
      <c r="DE20" s="327">
        <v>0</v>
      </c>
      <c r="DF20" s="327">
        <v>0</v>
      </c>
      <c r="DG20" s="328">
        <v>566196</v>
      </c>
      <c r="DH20" s="330">
        <v>585622</v>
      </c>
      <c r="DI20" s="326">
        <v>0</v>
      </c>
      <c r="DJ20" s="327">
        <v>0</v>
      </c>
      <c r="DK20" s="331">
        <v>0</v>
      </c>
      <c r="DL20" s="332">
        <v>0</v>
      </c>
      <c r="DM20" s="327">
        <v>110408</v>
      </c>
      <c r="DN20" s="327">
        <v>27912</v>
      </c>
      <c r="DO20" s="327">
        <v>327821</v>
      </c>
      <c r="DP20" s="327">
        <v>490461</v>
      </c>
      <c r="DQ20" s="327">
        <v>124116</v>
      </c>
      <c r="DR20" s="328">
        <v>1080718</v>
      </c>
      <c r="DS20" s="330">
        <v>1080718</v>
      </c>
      <c r="DT20" s="326">
        <v>0</v>
      </c>
      <c r="DU20" s="327">
        <v>0</v>
      </c>
      <c r="DV20" s="328">
        <v>0</v>
      </c>
      <c r="DW20" s="326">
        <v>0</v>
      </c>
      <c r="DX20" s="327">
        <v>0</v>
      </c>
      <c r="DY20" s="327">
        <v>27912</v>
      </c>
      <c r="DZ20" s="327">
        <v>255728</v>
      </c>
      <c r="EA20" s="327">
        <v>490461</v>
      </c>
      <c r="EB20" s="327">
        <v>124116</v>
      </c>
      <c r="EC20" s="328">
        <v>898217</v>
      </c>
      <c r="ED20" s="330">
        <v>898217</v>
      </c>
      <c r="EE20" s="326">
        <v>0</v>
      </c>
      <c r="EF20" s="331">
        <v>0</v>
      </c>
      <c r="EG20" s="328">
        <v>0</v>
      </c>
      <c r="EH20" s="326">
        <v>0</v>
      </c>
      <c r="EI20" s="327">
        <v>110408</v>
      </c>
      <c r="EJ20" s="327">
        <v>0</v>
      </c>
      <c r="EK20" s="327">
        <v>72093</v>
      </c>
      <c r="EL20" s="327">
        <v>0</v>
      </c>
      <c r="EM20" s="327">
        <v>0</v>
      </c>
      <c r="EN20" s="331">
        <v>182501</v>
      </c>
      <c r="EO20" s="330">
        <v>182501</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157360</v>
      </c>
      <c r="FM20" s="327">
        <v>37200</v>
      </c>
      <c r="FN20" s="328">
        <v>194560</v>
      </c>
      <c r="FO20" s="326">
        <v>0</v>
      </c>
      <c r="FP20" s="327">
        <v>37088</v>
      </c>
      <c r="FQ20" s="327">
        <v>116672</v>
      </c>
      <c r="FR20" s="327">
        <v>254272</v>
      </c>
      <c r="FS20" s="327">
        <v>124352</v>
      </c>
      <c r="FT20" s="327">
        <v>44320</v>
      </c>
      <c r="FU20" s="328">
        <v>576704</v>
      </c>
      <c r="FV20" s="330">
        <v>771264</v>
      </c>
      <c r="FW20" s="333">
        <v>6400</v>
      </c>
      <c r="FX20" s="327">
        <v>37200</v>
      </c>
      <c r="FY20" s="331">
        <v>43600</v>
      </c>
      <c r="FZ20" s="332">
        <v>0</v>
      </c>
      <c r="GA20" s="327">
        <v>37088</v>
      </c>
      <c r="GB20" s="327">
        <v>116672</v>
      </c>
      <c r="GC20" s="327">
        <v>191232</v>
      </c>
      <c r="GD20" s="327">
        <v>124352</v>
      </c>
      <c r="GE20" s="327">
        <v>44320</v>
      </c>
      <c r="GF20" s="328">
        <v>513664</v>
      </c>
      <c r="GG20" s="334">
        <v>557264</v>
      </c>
      <c r="GH20" s="333">
        <v>0</v>
      </c>
      <c r="GI20" s="327">
        <v>0</v>
      </c>
      <c r="GJ20" s="331">
        <v>0</v>
      </c>
      <c r="GK20" s="332">
        <v>0</v>
      </c>
      <c r="GL20" s="327">
        <v>0</v>
      </c>
      <c r="GM20" s="327">
        <v>0</v>
      </c>
      <c r="GN20" s="327">
        <v>0</v>
      </c>
      <c r="GO20" s="327">
        <v>0</v>
      </c>
      <c r="GP20" s="327">
        <v>0</v>
      </c>
      <c r="GQ20" s="328">
        <v>0</v>
      </c>
      <c r="GR20" s="330">
        <v>0</v>
      </c>
      <c r="GS20" s="326">
        <v>150960</v>
      </c>
      <c r="GT20" s="327">
        <v>0</v>
      </c>
      <c r="GU20" s="328">
        <v>150960</v>
      </c>
      <c r="GV20" s="326">
        <v>0</v>
      </c>
      <c r="GW20" s="327">
        <v>0</v>
      </c>
      <c r="GX20" s="327">
        <v>0</v>
      </c>
      <c r="GY20" s="327">
        <v>63040</v>
      </c>
      <c r="GZ20" s="327">
        <v>0</v>
      </c>
      <c r="HA20" s="327">
        <v>0</v>
      </c>
      <c r="HB20" s="331">
        <v>63040</v>
      </c>
      <c r="HC20" s="330">
        <v>214000</v>
      </c>
      <c r="HD20" s="326">
        <v>175870</v>
      </c>
      <c r="HE20" s="327">
        <v>191608</v>
      </c>
      <c r="HF20" s="331">
        <v>367478</v>
      </c>
      <c r="HG20" s="332">
        <v>0</v>
      </c>
      <c r="HH20" s="327">
        <v>1044037</v>
      </c>
      <c r="HI20" s="327">
        <v>184652</v>
      </c>
      <c r="HJ20" s="327">
        <v>663074</v>
      </c>
      <c r="HK20" s="327">
        <v>0</v>
      </c>
      <c r="HL20" s="327">
        <v>0</v>
      </c>
      <c r="HM20" s="328">
        <v>1891763</v>
      </c>
      <c r="HN20" s="329">
        <v>2259241</v>
      </c>
      <c r="HO20" s="333">
        <v>0</v>
      </c>
      <c r="HP20" s="327">
        <v>0</v>
      </c>
      <c r="HQ20" s="328">
        <v>0</v>
      </c>
      <c r="HR20" s="326">
        <v>0</v>
      </c>
      <c r="HS20" s="327">
        <v>0</v>
      </c>
      <c r="HT20" s="327">
        <v>0</v>
      </c>
      <c r="HU20" s="327">
        <v>0</v>
      </c>
      <c r="HV20" s="327">
        <v>0</v>
      </c>
      <c r="HW20" s="327">
        <v>0</v>
      </c>
      <c r="HX20" s="331">
        <v>0</v>
      </c>
      <c r="HY20" s="330">
        <v>0</v>
      </c>
      <c r="HZ20" s="358">
        <v>0</v>
      </c>
      <c r="IA20" s="356">
        <v>85364</v>
      </c>
      <c r="IB20" s="358">
        <v>85364</v>
      </c>
      <c r="IC20" s="355">
        <v>0</v>
      </c>
      <c r="ID20" s="356">
        <v>1050769</v>
      </c>
      <c r="IE20" s="357">
        <v>762916</v>
      </c>
      <c r="IF20" s="358">
        <v>789166</v>
      </c>
      <c r="IG20" s="356">
        <v>423126</v>
      </c>
      <c r="IH20" s="358">
        <v>281338</v>
      </c>
      <c r="II20" s="359">
        <v>3307315</v>
      </c>
      <c r="IJ20" s="358">
        <v>3392679</v>
      </c>
      <c r="IK20" s="342">
        <v>0</v>
      </c>
      <c r="IL20" s="343">
        <v>0</v>
      </c>
      <c r="IM20" s="344">
        <v>0</v>
      </c>
      <c r="IN20" s="404">
        <v>0</v>
      </c>
      <c r="IO20" s="345">
        <v>102346</v>
      </c>
      <c r="IP20" s="345">
        <v>0</v>
      </c>
      <c r="IQ20" s="345">
        <v>0</v>
      </c>
      <c r="IR20" s="345">
        <v>252528</v>
      </c>
      <c r="IS20" s="345">
        <v>0</v>
      </c>
      <c r="IT20" s="346">
        <v>354874</v>
      </c>
      <c r="IU20" s="347">
        <v>354874</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366688</v>
      </c>
      <c r="JL20" s="345">
        <v>335368</v>
      </c>
      <c r="JM20" s="345">
        <v>33660</v>
      </c>
      <c r="JN20" s="345">
        <v>121674</v>
      </c>
      <c r="JO20" s="345">
        <v>0</v>
      </c>
      <c r="JP20" s="349">
        <v>857390</v>
      </c>
      <c r="JQ20" s="347">
        <v>857390</v>
      </c>
      <c r="JR20" s="348">
        <v>0</v>
      </c>
      <c r="JS20" s="345">
        <v>85364</v>
      </c>
      <c r="JT20" s="346">
        <v>85364</v>
      </c>
      <c r="JU20" s="351">
        <v>0</v>
      </c>
      <c r="JV20" s="345">
        <v>0</v>
      </c>
      <c r="JW20" s="345">
        <v>0</v>
      </c>
      <c r="JX20" s="345">
        <v>0</v>
      </c>
      <c r="JY20" s="345">
        <v>48924</v>
      </c>
      <c r="JZ20" s="345">
        <v>0</v>
      </c>
      <c r="KA20" s="349">
        <v>48924</v>
      </c>
      <c r="KB20" s="347">
        <v>134288</v>
      </c>
      <c r="KC20" s="352">
        <v>0</v>
      </c>
      <c r="KD20" s="353">
        <v>0</v>
      </c>
      <c r="KE20" s="349">
        <v>0</v>
      </c>
      <c r="KF20" s="351">
        <v>0</v>
      </c>
      <c r="KG20" s="345">
        <v>117268</v>
      </c>
      <c r="KH20" s="345">
        <v>0</v>
      </c>
      <c r="KI20" s="345">
        <v>0</v>
      </c>
      <c r="KJ20" s="345">
        <v>0</v>
      </c>
      <c r="KK20" s="345">
        <v>281338</v>
      </c>
      <c r="KL20" s="349">
        <v>398606</v>
      </c>
      <c r="KM20" s="354">
        <v>398606</v>
      </c>
      <c r="KN20" s="342">
        <v>0</v>
      </c>
      <c r="KO20" s="343">
        <v>0</v>
      </c>
      <c r="KP20" s="344">
        <v>0</v>
      </c>
      <c r="KQ20" s="404">
        <v>0</v>
      </c>
      <c r="KR20" s="345">
        <v>464467</v>
      </c>
      <c r="KS20" s="345">
        <v>242141</v>
      </c>
      <c r="KT20" s="345">
        <v>249848</v>
      </c>
      <c r="KU20" s="345">
        <v>0</v>
      </c>
      <c r="KV20" s="345">
        <v>0</v>
      </c>
      <c r="KW20" s="349">
        <v>956456</v>
      </c>
      <c r="KX20" s="347">
        <v>956456</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0</v>
      </c>
      <c r="LR20" s="345">
        <v>0</v>
      </c>
      <c r="LS20" s="349">
        <v>0</v>
      </c>
      <c r="LT20" s="347">
        <v>0</v>
      </c>
      <c r="LU20" s="348">
        <v>0</v>
      </c>
      <c r="LV20" s="345">
        <v>0</v>
      </c>
      <c r="LW20" s="349">
        <v>0</v>
      </c>
      <c r="LX20" s="404">
        <v>0</v>
      </c>
      <c r="LY20" s="345">
        <v>0</v>
      </c>
      <c r="LZ20" s="345">
        <v>185407</v>
      </c>
      <c r="MA20" s="345">
        <v>505658</v>
      </c>
      <c r="MB20" s="345">
        <v>0</v>
      </c>
      <c r="MC20" s="345">
        <v>0</v>
      </c>
      <c r="MD20" s="349">
        <v>691065</v>
      </c>
      <c r="ME20" s="350">
        <v>691065</v>
      </c>
      <c r="MF20" s="348">
        <v>0</v>
      </c>
      <c r="MG20" s="345">
        <v>0</v>
      </c>
      <c r="MH20" s="349">
        <v>0</v>
      </c>
      <c r="MI20" s="404">
        <v>0</v>
      </c>
      <c r="MJ20" s="345">
        <v>240446</v>
      </c>
      <c r="MK20" s="345">
        <v>528811</v>
      </c>
      <c r="ML20" s="345">
        <v>1045791</v>
      </c>
      <c r="MM20" s="345">
        <v>4185512</v>
      </c>
      <c r="MN20" s="345">
        <v>303349</v>
      </c>
      <c r="MO20" s="349">
        <v>6303909</v>
      </c>
      <c r="MP20" s="354">
        <v>6303909</v>
      </c>
      <c r="MQ20" s="348">
        <v>0</v>
      </c>
      <c r="MR20" s="345">
        <v>0</v>
      </c>
      <c r="MS20" s="349">
        <v>0</v>
      </c>
      <c r="MT20" s="404">
        <v>0</v>
      </c>
      <c r="MU20" s="345">
        <v>0</v>
      </c>
      <c r="MV20" s="345">
        <v>0</v>
      </c>
      <c r="MW20" s="345">
        <v>768902</v>
      </c>
      <c r="MX20" s="345">
        <v>3017272</v>
      </c>
      <c r="MY20" s="345">
        <v>0</v>
      </c>
      <c r="MZ20" s="349">
        <v>3786174</v>
      </c>
      <c r="NA20" s="354">
        <v>3786174</v>
      </c>
      <c r="NB20" s="348">
        <v>0</v>
      </c>
      <c r="NC20" s="345">
        <v>0</v>
      </c>
      <c r="ND20" s="349">
        <v>0</v>
      </c>
      <c r="NE20" s="404">
        <v>0</v>
      </c>
      <c r="NF20" s="345">
        <v>240446</v>
      </c>
      <c r="NG20" s="345">
        <v>528811</v>
      </c>
      <c r="NH20" s="345">
        <v>276889</v>
      </c>
      <c r="NI20" s="345">
        <v>1168240</v>
      </c>
      <c r="NJ20" s="345">
        <v>303349</v>
      </c>
      <c r="NK20" s="349">
        <v>2517735</v>
      </c>
      <c r="NL20" s="347">
        <v>2517735</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352656</v>
      </c>
      <c r="OJ20" s="345">
        <v>349795</v>
      </c>
      <c r="OK20" s="346">
        <v>702451</v>
      </c>
      <c r="OL20" s="351">
        <v>0</v>
      </c>
      <c r="OM20" s="345">
        <v>3155748</v>
      </c>
      <c r="ON20" s="345">
        <v>2273542</v>
      </c>
      <c r="OO20" s="345">
        <v>4132836</v>
      </c>
      <c r="OP20" s="345">
        <v>6807825</v>
      </c>
      <c r="OQ20" s="345">
        <v>760083</v>
      </c>
      <c r="OR20" s="349">
        <v>17130034</v>
      </c>
      <c r="OS20" s="354">
        <v>17832485</v>
      </c>
    </row>
    <row r="21" spans="2:409" s="70" customFormat="1" ht="21" customHeight="1" x14ac:dyDescent="0.2">
      <c r="B21" s="410" t="s">
        <v>16</v>
      </c>
      <c r="C21" s="326">
        <v>528647</v>
      </c>
      <c r="D21" s="327">
        <v>611452</v>
      </c>
      <c r="E21" s="328">
        <v>1140099</v>
      </c>
      <c r="F21" s="329">
        <v>0</v>
      </c>
      <c r="G21" s="327">
        <v>3722681</v>
      </c>
      <c r="H21" s="327">
        <v>7383315</v>
      </c>
      <c r="I21" s="327">
        <v>3641743</v>
      </c>
      <c r="J21" s="327">
        <v>3490262</v>
      </c>
      <c r="K21" s="327">
        <v>2656414</v>
      </c>
      <c r="L21" s="329">
        <v>20894415</v>
      </c>
      <c r="M21" s="330">
        <v>22034514</v>
      </c>
      <c r="N21" s="326">
        <v>188946</v>
      </c>
      <c r="O21" s="327">
        <v>215066</v>
      </c>
      <c r="P21" s="328">
        <v>404012</v>
      </c>
      <c r="Q21" s="326">
        <v>0</v>
      </c>
      <c r="R21" s="327">
        <v>764995</v>
      </c>
      <c r="S21" s="327">
        <v>1440603</v>
      </c>
      <c r="T21" s="327">
        <v>840823</v>
      </c>
      <c r="U21" s="327">
        <v>776024</v>
      </c>
      <c r="V21" s="327">
        <v>1020534</v>
      </c>
      <c r="W21" s="328">
        <v>4842979</v>
      </c>
      <c r="X21" s="330">
        <v>5246991</v>
      </c>
      <c r="Y21" s="326">
        <v>0</v>
      </c>
      <c r="Z21" s="327">
        <v>0</v>
      </c>
      <c r="AA21" s="328">
        <v>0</v>
      </c>
      <c r="AB21" s="326">
        <v>0</v>
      </c>
      <c r="AC21" s="327">
        <v>233294</v>
      </c>
      <c r="AD21" s="327">
        <v>252859</v>
      </c>
      <c r="AE21" s="327">
        <v>488261</v>
      </c>
      <c r="AF21" s="327">
        <v>193250</v>
      </c>
      <c r="AG21" s="327">
        <v>310937</v>
      </c>
      <c r="AH21" s="328">
        <v>1478601</v>
      </c>
      <c r="AI21" s="330">
        <v>1478601</v>
      </c>
      <c r="AJ21" s="326">
        <v>0</v>
      </c>
      <c r="AK21" s="327">
        <v>0</v>
      </c>
      <c r="AL21" s="328">
        <v>0</v>
      </c>
      <c r="AM21" s="326">
        <v>0</v>
      </c>
      <c r="AN21" s="327">
        <v>0</v>
      </c>
      <c r="AO21" s="327">
        <v>0</v>
      </c>
      <c r="AP21" s="327">
        <v>45764</v>
      </c>
      <c r="AQ21" s="327">
        <v>68243</v>
      </c>
      <c r="AR21" s="327">
        <v>191852</v>
      </c>
      <c r="AS21" s="328">
        <v>305859</v>
      </c>
      <c r="AT21" s="330">
        <v>305859</v>
      </c>
      <c r="AU21" s="326">
        <v>124699</v>
      </c>
      <c r="AV21" s="327">
        <v>181226</v>
      </c>
      <c r="AW21" s="328">
        <v>305925</v>
      </c>
      <c r="AX21" s="326">
        <v>0</v>
      </c>
      <c r="AY21" s="327">
        <v>332139</v>
      </c>
      <c r="AZ21" s="327">
        <v>757335</v>
      </c>
      <c r="BA21" s="327">
        <v>142446</v>
      </c>
      <c r="BB21" s="327">
        <v>281875</v>
      </c>
      <c r="BC21" s="327">
        <v>298849</v>
      </c>
      <c r="BD21" s="328">
        <v>1812644</v>
      </c>
      <c r="BE21" s="330">
        <v>2118569</v>
      </c>
      <c r="BF21" s="326">
        <v>32031</v>
      </c>
      <c r="BG21" s="327">
        <v>0</v>
      </c>
      <c r="BH21" s="331">
        <v>32031</v>
      </c>
      <c r="BI21" s="332">
        <v>0</v>
      </c>
      <c r="BJ21" s="327">
        <v>27130</v>
      </c>
      <c r="BK21" s="327">
        <v>129785</v>
      </c>
      <c r="BL21" s="327">
        <v>0</v>
      </c>
      <c r="BM21" s="327">
        <v>32600</v>
      </c>
      <c r="BN21" s="327">
        <v>0</v>
      </c>
      <c r="BO21" s="328">
        <v>189515</v>
      </c>
      <c r="BP21" s="330">
        <v>221546</v>
      </c>
      <c r="BQ21" s="326">
        <v>32216</v>
      </c>
      <c r="BR21" s="327">
        <v>33840</v>
      </c>
      <c r="BS21" s="328">
        <v>66056</v>
      </c>
      <c r="BT21" s="326">
        <v>0</v>
      </c>
      <c r="BU21" s="327">
        <v>172432</v>
      </c>
      <c r="BV21" s="327">
        <v>300624</v>
      </c>
      <c r="BW21" s="327">
        <v>164352</v>
      </c>
      <c r="BX21" s="327">
        <v>200056</v>
      </c>
      <c r="BY21" s="327">
        <v>218896</v>
      </c>
      <c r="BZ21" s="328">
        <v>1056360</v>
      </c>
      <c r="CA21" s="330">
        <v>1122416</v>
      </c>
      <c r="CB21" s="326">
        <v>41963</v>
      </c>
      <c r="CC21" s="327">
        <v>271698</v>
      </c>
      <c r="CD21" s="328">
        <v>313661</v>
      </c>
      <c r="CE21" s="326">
        <v>0</v>
      </c>
      <c r="CF21" s="327">
        <v>1313009</v>
      </c>
      <c r="CG21" s="327">
        <v>3053333</v>
      </c>
      <c r="CH21" s="327">
        <v>1053662</v>
      </c>
      <c r="CI21" s="327">
        <v>418549</v>
      </c>
      <c r="CJ21" s="327">
        <v>116041</v>
      </c>
      <c r="CK21" s="328">
        <v>5954594</v>
      </c>
      <c r="CL21" s="330">
        <v>6268255</v>
      </c>
      <c r="CM21" s="326">
        <v>0</v>
      </c>
      <c r="CN21" s="327">
        <v>0</v>
      </c>
      <c r="CO21" s="328">
        <v>0</v>
      </c>
      <c r="CP21" s="332">
        <v>0</v>
      </c>
      <c r="CQ21" s="327">
        <v>854723</v>
      </c>
      <c r="CR21" s="327">
        <v>1467658</v>
      </c>
      <c r="CS21" s="327">
        <v>577128</v>
      </c>
      <c r="CT21" s="327">
        <v>387791</v>
      </c>
      <c r="CU21" s="327">
        <v>0</v>
      </c>
      <c r="CV21" s="328">
        <v>3287300</v>
      </c>
      <c r="CW21" s="330">
        <v>3287300</v>
      </c>
      <c r="CX21" s="326">
        <v>41963</v>
      </c>
      <c r="CY21" s="327">
        <v>271698</v>
      </c>
      <c r="CZ21" s="328">
        <v>313661</v>
      </c>
      <c r="DA21" s="326">
        <v>0</v>
      </c>
      <c r="DB21" s="327">
        <v>458286</v>
      </c>
      <c r="DC21" s="327">
        <v>1585675</v>
      </c>
      <c r="DD21" s="327">
        <v>476534</v>
      </c>
      <c r="DE21" s="327">
        <v>30758</v>
      </c>
      <c r="DF21" s="327">
        <v>116041</v>
      </c>
      <c r="DG21" s="328">
        <v>2667294</v>
      </c>
      <c r="DH21" s="330">
        <v>2980955</v>
      </c>
      <c r="DI21" s="326">
        <v>0</v>
      </c>
      <c r="DJ21" s="327">
        <v>0</v>
      </c>
      <c r="DK21" s="331">
        <v>0</v>
      </c>
      <c r="DL21" s="332">
        <v>0</v>
      </c>
      <c r="DM21" s="327">
        <v>0</v>
      </c>
      <c r="DN21" s="327">
        <v>126486</v>
      </c>
      <c r="DO21" s="327">
        <v>150201</v>
      </c>
      <c r="DP21" s="327">
        <v>0</v>
      </c>
      <c r="DQ21" s="327">
        <v>75855</v>
      </c>
      <c r="DR21" s="328">
        <v>352542</v>
      </c>
      <c r="DS21" s="330">
        <v>352542</v>
      </c>
      <c r="DT21" s="326">
        <v>0</v>
      </c>
      <c r="DU21" s="327">
        <v>0</v>
      </c>
      <c r="DV21" s="328">
        <v>0</v>
      </c>
      <c r="DW21" s="326">
        <v>0</v>
      </c>
      <c r="DX21" s="327">
        <v>0</v>
      </c>
      <c r="DY21" s="327">
        <v>48912</v>
      </c>
      <c r="DZ21" s="327">
        <v>67309</v>
      </c>
      <c r="EA21" s="327">
        <v>0</v>
      </c>
      <c r="EB21" s="327">
        <v>75855</v>
      </c>
      <c r="EC21" s="328">
        <v>192076</v>
      </c>
      <c r="ED21" s="330">
        <v>192076</v>
      </c>
      <c r="EE21" s="326">
        <v>0</v>
      </c>
      <c r="EF21" s="331">
        <v>0</v>
      </c>
      <c r="EG21" s="328">
        <v>0</v>
      </c>
      <c r="EH21" s="326">
        <v>0</v>
      </c>
      <c r="EI21" s="327">
        <v>0</v>
      </c>
      <c r="EJ21" s="327">
        <v>77574</v>
      </c>
      <c r="EK21" s="327">
        <v>82892</v>
      </c>
      <c r="EL21" s="327">
        <v>0</v>
      </c>
      <c r="EM21" s="327">
        <v>0</v>
      </c>
      <c r="EN21" s="331">
        <v>160466</v>
      </c>
      <c r="EO21" s="330">
        <v>160466</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135376</v>
      </c>
      <c r="FM21" s="327">
        <v>124688</v>
      </c>
      <c r="FN21" s="328">
        <v>260064</v>
      </c>
      <c r="FO21" s="326">
        <v>0</v>
      </c>
      <c r="FP21" s="327">
        <v>235568</v>
      </c>
      <c r="FQ21" s="327">
        <v>545232</v>
      </c>
      <c r="FR21" s="327">
        <v>463135</v>
      </c>
      <c r="FS21" s="327">
        <v>218808</v>
      </c>
      <c r="FT21" s="327">
        <v>145224</v>
      </c>
      <c r="FU21" s="328">
        <v>1607967</v>
      </c>
      <c r="FV21" s="330">
        <v>1868031</v>
      </c>
      <c r="FW21" s="333">
        <v>35376</v>
      </c>
      <c r="FX21" s="327">
        <v>124688</v>
      </c>
      <c r="FY21" s="331">
        <v>160064</v>
      </c>
      <c r="FZ21" s="332">
        <v>0</v>
      </c>
      <c r="GA21" s="327">
        <v>101248</v>
      </c>
      <c r="GB21" s="327">
        <v>542504</v>
      </c>
      <c r="GC21" s="327">
        <v>402400</v>
      </c>
      <c r="GD21" s="327">
        <v>218808</v>
      </c>
      <c r="GE21" s="327">
        <v>145224</v>
      </c>
      <c r="GF21" s="328">
        <v>1410184</v>
      </c>
      <c r="GG21" s="334">
        <v>1570248</v>
      </c>
      <c r="GH21" s="333">
        <v>0</v>
      </c>
      <c r="GI21" s="327">
        <v>0</v>
      </c>
      <c r="GJ21" s="331">
        <v>0</v>
      </c>
      <c r="GK21" s="332">
        <v>0</v>
      </c>
      <c r="GL21" s="327">
        <v>29040</v>
      </c>
      <c r="GM21" s="327">
        <v>2728</v>
      </c>
      <c r="GN21" s="327">
        <v>0</v>
      </c>
      <c r="GO21" s="327">
        <v>0</v>
      </c>
      <c r="GP21" s="327">
        <v>0</v>
      </c>
      <c r="GQ21" s="328">
        <v>31768</v>
      </c>
      <c r="GR21" s="330">
        <v>31768</v>
      </c>
      <c r="GS21" s="326">
        <v>100000</v>
      </c>
      <c r="GT21" s="327">
        <v>0</v>
      </c>
      <c r="GU21" s="328">
        <v>100000</v>
      </c>
      <c r="GV21" s="326">
        <v>0</v>
      </c>
      <c r="GW21" s="327">
        <v>105280</v>
      </c>
      <c r="GX21" s="327">
        <v>0</v>
      </c>
      <c r="GY21" s="327">
        <v>60735</v>
      </c>
      <c r="GZ21" s="327">
        <v>0</v>
      </c>
      <c r="HA21" s="327">
        <v>0</v>
      </c>
      <c r="HB21" s="331">
        <v>166015</v>
      </c>
      <c r="HC21" s="330">
        <v>266015</v>
      </c>
      <c r="HD21" s="326">
        <v>162362</v>
      </c>
      <c r="HE21" s="327">
        <v>0</v>
      </c>
      <c r="HF21" s="331">
        <v>162362</v>
      </c>
      <c r="HG21" s="332">
        <v>0</v>
      </c>
      <c r="HH21" s="327">
        <v>1409109</v>
      </c>
      <c r="HI21" s="327">
        <v>2217661</v>
      </c>
      <c r="HJ21" s="327">
        <v>1133922</v>
      </c>
      <c r="HK21" s="327">
        <v>2076881</v>
      </c>
      <c r="HL21" s="327">
        <v>1298760</v>
      </c>
      <c r="HM21" s="328">
        <v>8136333</v>
      </c>
      <c r="HN21" s="329">
        <v>8298695</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242276</v>
      </c>
      <c r="IE21" s="339">
        <v>1163247</v>
      </c>
      <c r="IF21" s="337">
        <v>1534689</v>
      </c>
      <c r="IG21" s="336">
        <v>1025526</v>
      </c>
      <c r="IH21" s="337">
        <v>265992</v>
      </c>
      <c r="II21" s="340">
        <v>4231730</v>
      </c>
      <c r="IJ21" s="341">
        <v>4231730</v>
      </c>
      <c r="IK21" s="342">
        <v>0</v>
      </c>
      <c r="IL21" s="343">
        <v>0</v>
      </c>
      <c r="IM21" s="344">
        <v>0</v>
      </c>
      <c r="IN21" s="404">
        <v>0</v>
      </c>
      <c r="IO21" s="345">
        <v>0</v>
      </c>
      <c r="IP21" s="345">
        <v>0</v>
      </c>
      <c r="IQ21" s="345">
        <v>146760</v>
      </c>
      <c r="IR21" s="345">
        <v>76190</v>
      </c>
      <c r="IS21" s="345">
        <v>0</v>
      </c>
      <c r="IT21" s="346">
        <v>222950</v>
      </c>
      <c r="IU21" s="347">
        <v>222950</v>
      </c>
      <c r="IV21" s="348">
        <v>0</v>
      </c>
      <c r="IW21" s="345">
        <v>0</v>
      </c>
      <c r="IX21" s="349">
        <v>0</v>
      </c>
      <c r="IY21" s="404">
        <v>0</v>
      </c>
      <c r="IZ21" s="345">
        <v>0</v>
      </c>
      <c r="JA21" s="345">
        <v>0</v>
      </c>
      <c r="JB21" s="345">
        <v>0</v>
      </c>
      <c r="JC21" s="345">
        <v>0</v>
      </c>
      <c r="JD21" s="345">
        <v>0</v>
      </c>
      <c r="JE21" s="349">
        <v>0</v>
      </c>
      <c r="JF21" s="350">
        <v>0</v>
      </c>
      <c r="JG21" s="348">
        <v>0</v>
      </c>
      <c r="JH21" s="345">
        <v>0</v>
      </c>
      <c r="JI21" s="346">
        <v>0</v>
      </c>
      <c r="JJ21" s="351">
        <v>0</v>
      </c>
      <c r="JK21" s="345">
        <v>242276</v>
      </c>
      <c r="JL21" s="345">
        <v>519794</v>
      </c>
      <c r="JM21" s="345">
        <v>463360</v>
      </c>
      <c r="JN21" s="345">
        <v>82784</v>
      </c>
      <c r="JO21" s="345">
        <v>0</v>
      </c>
      <c r="JP21" s="349">
        <v>1308214</v>
      </c>
      <c r="JQ21" s="347">
        <v>1308214</v>
      </c>
      <c r="JR21" s="348">
        <v>0</v>
      </c>
      <c r="JS21" s="345">
        <v>0</v>
      </c>
      <c r="JT21" s="346">
        <v>0</v>
      </c>
      <c r="JU21" s="351">
        <v>0</v>
      </c>
      <c r="JV21" s="345">
        <v>0</v>
      </c>
      <c r="JW21" s="345">
        <v>0</v>
      </c>
      <c r="JX21" s="345">
        <v>193566</v>
      </c>
      <c r="JY21" s="345">
        <v>234524</v>
      </c>
      <c r="JZ21" s="345">
        <v>0</v>
      </c>
      <c r="KA21" s="349">
        <v>428090</v>
      </c>
      <c r="KB21" s="347">
        <v>428090</v>
      </c>
      <c r="KC21" s="352">
        <v>0</v>
      </c>
      <c r="KD21" s="353">
        <v>0</v>
      </c>
      <c r="KE21" s="349">
        <v>0</v>
      </c>
      <c r="KF21" s="351">
        <v>0</v>
      </c>
      <c r="KG21" s="345">
        <v>0</v>
      </c>
      <c r="KH21" s="345">
        <v>0</v>
      </c>
      <c r="KI21" s="345">
        <v>485847</v>
      </c>
      <c r="KJ21" s="345">
        <v>632028</v>
      </c>
      <c r="KK21" s="345">
        <v>0</v>
      </c>
      <c r="KL21" s="349">
        <v>1117875</v>
      </c>
      <c r="KM21" s="354">
        <v>1117875</v>
      </c>
      <c r="KN21" s="342">
        <v>0</v>
      </c>
      <c r="KO21" s="343">
        <v>0</v>
      </c>
      <c r="KP21" s="344">
        <v>0</v>
      </c>
      <c r="KQ21" s="404">
        <v>0</v>
      </c>
      <c r="KR21" s="345">
        <v>0</v>
      </c>
      <c r="KS21" s="345">
        <v>474546</v>
      </c>
      <c r="KT21" s="345">
        <v>245156</v>
      </c>
      <c r="KU21" s="345">
        <v>0</v>
      </c>
      <c r="KV21" s="345">
        <v>265992</v>
      </c>
      <c r="KW21" s="349">
        <v>985694</v>
      </c>
      <c r="KX21" s="347">
        <v>985694</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0</v>
      </c>
      <c r="LR21" s="345">
        <v>0</v>
      </c>
      <c r="LS21" s="349">
        <v>0</v>
      </c>
      <c r="LT21" s="347">
        <v>0</v>
      </c>
      <c r="LU21" s="348">
        <v>0</v>
      </c>
      <c r="LV21" s="345">
        <v>0</v>
      </c>
      <c r="LW21" s="349">
        <v>0</v>
      </c>
      <c r="LX21" s="404">
        <v>0</v>
      </c>
      <c r="LY21" s="345">
        <v>0</v>
      </c>
      <c r="LZ21" s="345">
        <v>168907</v>
      </c>
      <c r="MA21" s="345">
        <v>0</v>
      </c>
      <c r="MB21" s="345">
        <v>0</v>
      </c>
      <c r="MC21" s="345">
        <v>0</v>
      </c>
      <c r="MD21" s="349">
        <v>168907</v>
      </c>
      <c r="ME21" s="350">
        <v>168907</v>
      </c>
      <c r="MF21" s="348">
        <v>0</v>
      </c>
      <c r="MG21" s="345">
        <v>0</v>
      </c>
      <c r="MH21" s="349">
        <v>0</v>
      </c>
      <c r="MI21" s="404">
        <v>0</v>
      </c>
      <c r="MJ21" s="345">
        <v>498580</v>
      </c>
      <c r="MK21" s="345">
        <v>999293</v>
      </c>
      <c r="ML21" s="345">
        <v>2298542</v>
      </c>
      <c r="MM21" s="345">
        <v>3694957</v>
      </c>
      <c r="MN21" s="345">
        <v>1978265</v>
      </c>
      <c r="MO21" s="349">
        <v>9469637</v>
      </c>
      <c r="MP21" s="354">
        <v>9469637</v>
      </c>
      <c r="MQ21" s="348">
        <v>0</v>
      </c>
      <c r="MR21" s="345">
        <v>0</v>
      </c>
      <c r="MS21" s="349">
        <v>0</v>
      </c>
      <c r="MT21" s="404">
        <v>0</v>
      </c>
      <c r="MU21" s="345">
        <v>0</v>
      </c>
      <c r="MV21" s="345">
        <v>210189</v>
      </c>
      <c r="MW21" s="345">
        <v>1464150</v>
      </c>
      <c r="MX21" s="345">
        <v>1787514</v>
      </c>
      <c r="MY21" s="345">
        <v>1588852</v>
      </c>
      <c r="MZ21" s="349">
        <v>5050705</v>
      </c>
      <c r="NA21" s="354">
        <v>5050705</v>
      </c>
      <c r="NB21" s="348">
        <v>0</v>
      </c>
      <c r="NC21" s="345">
        <v>0</v>
      </c>
      <c r="ND21" s="349">
        <v>0</v>
      </c>
      <c r="NE21" s="404">
        <v>0</v>
      </c>
      <c r="NF21" s="345">
        <v>498580</v>
      </c>
      <c r="NG21" s="345">
        <v>789104</v>
      </c>
      <c r="NH21" s="345">
        <v>834392</v>
      </c>
      <c r="NI21" s="345">
        <v>1907443</v>
      </c>
      <c r="NJ21" s="345">
        <v>0</v>
      </c>
      <c r="NK21" s="349">
        <v>4029519</v>
      </c>
      <c r="NL21" s="347">
        <v>4029519</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389413</v>
      </c>
      <c r="OG21" s="349">
        <v>389413</v>
      </c>
      <c r="OH21" s="350">
        <v>389413</v>
      </c>
      <c r="OI21" s="348">
        <v>528647</v>
      </c>
      <c r="OJ21" s="345">
        <v>611452</v>
      </c>
      <c r="OK21" s="346">
        <v>1140099</v>
      </c>
      <c r="OL21" s="351">
        <v>0</v>
      </c>
      <c r="OM21" s="345">
        <v>4463537</v>
      </c>
      <c r="ON21" s="345">
        <v>9545855</v>
      </c>
      <c r="OO21" s="345">
        <v>7474974</v>
      </c>
      <c r="OP21" s="345">
        <v>8210745</v>
      </c>
      <c r="OQ21" s="345">
        <v>4900671</v>
      </c>
      <c r="OR21" s="349">
        <v>34595782</v>
      </c>
      <c r="OS21" s="354">
        <v>35735881</v>
      </c>
    </row>
    <row r="22" spans="2:409" s="70" customFormat="1" ht="21" customHeight="1" x14ac:dyDescent="0.2">
      <c r="B22" s="410" t="s">
        <v>17</v>
      </c>
      <c r="C22" s="326">
        <v>627341</v>
      </c>
      <c r="D22" s="327">
        <v>557331</v>
      </c>
      <c r="E22" s="328">
        <v>1184672</v>
      </c>
      <c r="F22" s="329">
        <v>0</v>
      </c>
      <c r="G22" s="327">
        <v>4567970</v>
      </c>
      <c r="H22" s="327">
        <v>8789958</v>
      </c>
      <c r="I22" s="327">
        <v>6206211</v>
      </c>
      <c r="J22" s="327">
        <v>2157655</v>
      </c>
      <c r="K22" s="327">
        <v>1454835</v>
      </c>
      <c r="L22" s="329">
        <v>23176629</v>
      </c>
      <c r="M22" s="330">
        <v>24361301</v>
      </c>
      <c r="N22" s="326">
        <v>113032</v>
      </c>
      <c r="O22" s="327">
        <v>157609</v>
      </c>
      <c r="P22" s="328">
        <v>270641</v>
      </c>
      <c r="Q22" s="326">
        <v>0</v>
      </c>
      <c r="R22" s="327">
        <v>1145692</v>
      </c>
      <c r="S22" s="327">
        <v>1905106</v>
      </c>
      <c r="T22" s="327">
        <v>2293729</v>
      </c>
      <c r="U22" s="327">
        <v>497294</v>
      </c>
      <c r="V22" s="327">
        <v>1109659</v>
      </c>
      <c r="W22" s="328">
        <v>6951480</v>
      </c>
      <c r="X22" s="330">
        <v>7222121</v>
      </c>
      <c r="Y22" s="326">
        <v>0</v>
      </c>
      <c r="Z22" s="327">
        <v>0</v>
      </c>
      <c r="AA22" s="328">
        <v>0</v>
      </c>
      <c r="AB22" s="326">
        <v>0</v>
      </c>
      <c r="AC22" s="327">
        <v>386005</v>
      </c>
      <c r="AD22" s="327">
        <v>802635</v>
      </c>
      <c r="AE22" s="327">
        <v>998188</v>
      </c>
      <c r="AF22" s="327">
        <v>340304</v>
      </c>
      <c r="AG22" s="327">
        <v>656757</v>
      </c>
      <c r="AH22" s="328">
        <v>3183889</v>
      </c>
      <c r="AI22" s="330">
        <v>3183889</v>
      </c>
      <c r="AJ22" s="326">
        <v>0</v>
      </c>
      <c r="AK22" s="327">
        <v>0</v>
      </c>
      <c r="AL22" s="328">
        <v>0</v>
      </c>
      <c r="AM22" s="326">
        <v>0</v>
      </c>
      <c r="AN22" s="327">
        <v>0</v>
      </c>
      <c r="AO22" s="327">
        <v>0</v>
      </c>
      <c r="AP22" s="327">
        <v>36393</v>
      </c>
      <c r="AQ22" s="327">
        <v>0</v>
      </c>
      <c r="AR22" s="327">
        <v>73926</v>
      </c>
      <c r="AS22" s="328">
        <v>110319</v>
      </c>
      <c r="AT22" s="330">
        <v>110319</v>
      </c>
      <c r="AU22" s="326">
        <v>0</v>
      </c>
      <c r="AV22" s="327">
        <v>90050</v>
      </c>
      <c r="AW22" s="328">
        <v>90050</v>
      </c>
      <c r="AX22" s="326">
        <v>0</v>
      </c>
      <c r="AY22" s="327">
        <v>506047</v>
      </c>
      <c r="AZ22" s="327">
        <v>672422</v>
      </c>
      <c r="BA22" s="327">
        <v>801818</v>
      </c>
      <c r="BB22" s="327">
        <v>40854</v>
      </c>
      <c r="BC22" s="327">
        <v>192228</v>
      </c>
      <c r="BD22" s="328">
        <v>2213369</v>
      </c>
      <c r="BE22" s="330">
        <v>2303419</v>
      </c>
      <c r="BF22" s="326">
        <v>0</v>
      </c>
      <c r="BG22" s="327">
        <v>39247</v>
      </c>
      <c r="BH22" s="331">
        <v>39247</v>
      </c>
      <c r="BI22" s="332">
        <v>0</v>
      </c>
      <c r="BJ22" s="327">
        <v>25176</v>
      </c>
      <c r="BK22" s="327">
        <v>19857</v>
      </c>
      <c r="BL22" s="327">
        <v>125202</v>
      </c>
      <c r="BM22" s="327">
        <v>0</v>
      </c>
      <c r="BN22" s="327">
        <v>27836</v>
      </c>
      <c r="BO22" s="328">
        <v>198071</v>
      </c>
      <c r="BP22" s="330">
        <v>237318</v>
      </c>
      <c r="BQ22" s="326">
        <v>113032</v>
      </c>
      <c r="BR22" s="327">
        <v>28312</v>
      </c>
      <c r="BS22" s="328">
        <v>141344</v>
      </c>
      <c r="BT22" s="326">
        <v>0</v>
      </c>
      <c r="BU22" s="327">
        <v>228464</v>
      </c>
      <c r="BV22" s="327">
        <v>410192</v>
      </c>
      <c r="BW22" s="327">
        <v>332128</v>
      </c>
      <c r="BX22" s="327">
        <v>116136</v>
      </c>
      <c r="BY22" s="327">
        <v>158912</v>
      </c>
      <c r="BZ22" s="328">
        <v>1245832</v>
      </c>
      <c r="CA22" s="330">
        <v>1387176</v>
      </c>
      <c r="CB22" s="326">
        <v>111753</v>
      </c>
      <c r="CC22" s="327">
        <v>80816</v>
      </c>
      <c r="CD22" s="328">
        <v>192569</v>
      </c>
      <c r="CE22" s="326">
        <v>0</v>
      </c>
      <c r="CF22" s="327">
        <v>1340593</v>
      </c>
      <c r="CG22" s="327">
        <v>2579395</v>
      </c>
      <c r="CH22" s="327">
        <v>1558594</v>
      </c>
      <c r="CI22" s="327">
        <v>139139</v>
      </c>
      <c r="CJ22" s="327">
        <v>31372</v>
      </c>
      <c r="CK22" s="328">
        <v>5649093</v>
      </c>
      <c r="CL22" s="330">
        <v>5841662</v>
      </c>
      <c r="CM22" s="326">
        <v>0</v>
      </c>
      <c r="CN22" s="327">
        <v>0</v>
      </c>
      <c r="CO22" s="328">
        <v>0</v>
      </c>
      <c r="CP22" s="332">
        <v>0</v>
      </c>
      <c r="CQ22" s="327">
        <v>1098854</v>
      </c>
      <c r="CR22" s="327">
        <v>1867878</v>
      </c>
      <c r="CS22" s="327">
        <v>1144226</v>
      </c>
      <c r="CT22" s="327">
        <v>66718</v>
      </c>
      <c r="CU22" s="327">
        <v>31372</v>
      </c>
      <c r="CV22" s="328">
        <v>4209048</v>
      </c>
      <c r="CW22" s="330">
        <v>4209048</v>
      </c>
      <c r="CX22" s="326">
        <v>111753</v>
      </c>
      <c r="CY22" s="327">
        <v>80816</v>
      </c>
      <c r="CZ22" s="328">
        <v>192569</v>
      </c>
      <c r="DA22" s="326">
        <v>0</v>
      </c>
      <c r="DB22" s="327">
        <v>241739</v>
      </c>
      <c r="DC22" s="327">
        <v>711517</v>
      </c>
      <c r="DD22" s="327">
        <v>414368</v>
      </c>
      <c r="DE22" s="327">
        <v>72421</v>
      </c>
      <c r="DF22" s="327">
        <v>0</v>
      </c>
      <c r="DG22" s="328">
        <v>1440045</v>
      </c>
      <c r="DH22" s="330">
        <v>1632614</v>
      </c>
      <c r="DI22" s="326">
        <v>0</v>
      </c>
      <c r="DJ22" s="327">
        <v>0</v>
      </c>
      <c r="DK22" s="331">
        <v>0</v>
      </c>
      <c r="DL22" s="332">
        <v>0</v>
      </c>
      <c r="DM22" s="327">
        <v>158807</v>
      </c>
      <c r="DN22" s="327">
        <v>798030</v>
      </c>
      <c r="DO22" s="327">
        <v>420399</v>
      </c>
      <c r="DP22" s="327">
        <v>715524</v>
      </c>
      <c r="DQ22" s="327">
        <v>209287</v>
      </c>
      <c r="DR22" s="328">
        <v>2302047</v>
      </c>
      <c r="DS22" s="330">
        <v>2302047</v>
      </c>
      <c r="DT22" s="326">
        <v>0</v>
      </c>
      <c r="DU22" s="327">
        <v>0</v>
      </c>
      <c r="DV22" s="328">
        <v>0</v>
      </c>
      <c r="DW22" s="326">
        <v>0</v>
      </c>
      <c r="DX22" s="327">
        <v>158807</v>
      </c>
      <c r="DY22" s="327">
        <v>763036</v>
      </c>
      <c r="DZ22" s="327">
        <v>278777</v>
      </c>
      <c r="EA22" s="327">
        <v>715524</v>
      </c>
      <c r="EB22" s="327">
        <v>209287</v>
      </c>
      <c r="EC22" s="328">
        <v>2125431</v>
      </c>
      <c r="ED22" s="330">
        <v>2125431</v>
      </c>
      <c r="EE22" s="326">
        <v>0</v>
      </c>
      <c r="EF22" s="331">
        <v>0</v>
      </c>
      <c r="EG22" s="328">
        <v>0</v>
      </c>
      <c r="EH22" s="326">
        <v>0</v>
      </c>
      <c r="EI22" s="327">
        <v>0</v>
      </c>
      <c r="EJ22" s="327">
        <v>34994</v>
      </c>
      <c r="EK22" s="327">
        <v>141622</v>
      </c>
      <c r="EL22" s="327">
        <v>0</v>
      </c>
      <c r="EM22" s="327">
        <v>0</v>
      </c>
      <c r="EN22" s="331">
        <v>176616</v>
      </c>
      <c r="EO22" s="330">
        <v>176616</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129176</v>
      </c>
      <c r="FM22" s="327">
        <v>135168</v>
      </c>
      <c r="FN22" s="328">
        <v>264344</v>
      </c>
      <c r="FO22" s="326">
        <v>0</v>
      </c>
      <c r="FP22" s="327">
        <v>155480</v>
      </c>
      <c r="FQ22" s="327">
        <v>875144</v>
      </c>
      <c r="FR22" s="327">
        <v>679336</v>
      </c>
      <c r="FS22" s="327">
        <v>137512</v>
      </c>
      <c r="FT22" s="327">
        <v>126536</v>
      </c>
      <c r="FU22" s="328">
        <v>1974008</v>
      </c>
      <c r="FV22" s="330">
        <v>2238352</v>
      </c>
      <c r="FW22" s="333">
        <v>38976</v>
      </c>
      <c r="FX22" s="327">
        <v>135168</v>
      </c>
      <c r="FY22" s="331">
        <v>174144</v>
      </c>
      <c r="FZ22" s="332">
        <v>0</v>
      </c>
      <c r="GA22" s="327">
        <v>108520</v>
      </c>
      <c r="GB22" s="327">
        <v>817944</v>
      </c>
      <c r="GC22" s="327">
        <v>591176</v>
      </c>
      <c r="GD22" s="327">
        <v>137512</v>
      </c>
      <c r="GE22" s="327">
        <v>126536</v>
      </c>
      <c r="GF22" s="328">
        <v>1781688</v>
      </c>
      <c r="GG22" s="334">
        <v>1955832</v>
      </c>
      <c r="GH22" s="333">
        <v>0</v>
      </c>
      <c r="GI22" s="327">
        <v>0</v>
      </c>
      <c r="GJ22" s="331">
        <v>0</v>
      </c>
      <c r="GK22" s="332">
        <v>0</v>
      </c>
      <c r="GL22" s="327">
        <v>0</v>
      </c>
      <c r="GM22" s="327">
        <v>0</v>
      </c>
      <c r="GN22" s="327">
        <v>24400</v>
      </c>
      <c r="GO22" s="327">
        <v>0</v>
      </c>
      <c r="GP22" s="327">
        <v>0</v>
      </c>
      <c r="GQ22" s="328">
        <v>24400</v>
      </c>
      <c r="GR22" s="330">
        <v>24400</v>
      </c>
      <c r="GS22" s="326">
        <v>90200</v>
      </c>
      <c r="GT22" s="327">
        <v>0</v>
      </c>
      <c r="GU22" s="328">
        <v>90200</v>
      </c>
      <c r="GV22" s="326">
        <v>0</v>
      </c>
      <c r="GW22" s="327">
        <v>46960</v>
      </c>
      <c r="GX22" s="327">
        <v>57200</v>
      </c>
      <c r="GY22" s="327">
        <v>63760</v>
      </c>
      <c r="GZ22" s="327">
        <v>0</v>
      </c>
      <c r="HA22" s="327">
        <v>0</v>
      </c>
      <c r="HB22" s="331">
        <v>167920</v>
      </c>
      <c r="HC22" s="330">
        <v>258120</v>
      </c>
      <c r="HD22" s="326">
        <v>273380</v>
      </c>
      <c r="HE22" s="327">
        <v>183738</v>
      </c>
      <c r="HF22" s="331">
        <v>457118</v>
      </c>
      <c r="HG22" s="332">
        <v>0</v>
      </c>
      <c r="HH22" s="327">
        <v>1767398</v>
      </c>
      <c r="HI22" s="327">
        <v>2632283</v>
      </c>
      <c r="HJ22" s="327">
        <v>1254153</v>
      </c>
      <c r="HK22" s="327">
        <v>668186</v>
      </c>
      <c r="HL22" s="327">
        <v>-22019</v>
      </c>
      <c r="HM22" s="328">
        <v>6300001</v>
      </c>
      <c r="HN22" s="329">
        <v>6757119</v>
      </c>
      <c r="HO22" s="333">
        <v>0</v>
      </c>
      <c r="HP22" s="327">
        <v>0</v>
      </c>
      <c r="HQ22" s="328">
        <v>0</v>
      </c>
      <c r="HR22" s="326">
        <v>0</v>
      </c>
      <c r="HS22" s="327">
        <v>0</v>
      </c>
      <c r="HT22" s="327">
        <v>0</v>
      </c>
      <c r="HU22" s="327">
        <v>0</v>
      </c>
      <c r="HV22" s="327">
        <v>0</v>
      </c>
      <c r="HW22" s="327">
        <v>0</v>
      </c>
      <c r="HX22" s="331">
        <v>0</v>
      </c>
      <c r="HY22" s="330">
        <v>0</v>
      </c>
      <c r="HZ22" s="358">
        <v>30315</v>
      </c>
      <c r="IA22" s="356">
        <v>5066</v>
      </c>
      <c r="IB22" s="358">
        <v>35381</v>
      </c>
      <c r="IC22" s="355">
        <v>0</v>
      </c>
      <c r="ID22" s="356">
        <v>1273416</v>
      </c>
      <c r="IE22" s="357">
        <v>2513530</v>
      </c>
      <c r="IF22" s="358">
        <v>1766906</v>
      </c>
      <c r="IG22" s="356">
        <v>1074662</v>
      </c>
      <c r="IH22" s="358">
        <v>724136</v>
      </c>
      <c r="II22" s="359">
        <v>7352650</v>
      </c>
      <c r="IJ22" s="358">
        <v>7388031</v>
      </c>
      <c r="IK22" s="342">
        <v>0</v>
      </c>
      <c r="IL22" s="343">
        <v>0</v>
      </c>
      <c r="IM22" s="344">
        <v>0</v>
      </c>
      <c r="IN22" s="404">
        <v>0</v>
      </c>
      <c r="IO22" s="345">
        <v>0</v>
      </c>
      <c r="IP22" s="345">
        <v>0</v>
      </c>
      <c r="IQ22" s="345">
        <v>0</v>
      </c>
      <c r="IR22" s="345">
        <v>0</v>
      </c>
      <c r="IS22" s="345">
        <v>214196</v>
      </c>
      <c r="IT22" s="346">
        <v>214196</v>
      </c>
      <c r="IU22" s="347">
        <v>214196</v>
      </c>
      <c r="IV22" s="348">
        <v>0</v>
      </c>
      <c r="IW22" s="345">
        <v>0</v>
      </c>
      <c r="IX22" s="349">
        <v>0</v>
      </c>
      <c r="IY22" s="404">
        <v>0</v>
      </c>
      <c r="IZ22" s="345">
        <v>0</v>
      </c>
      <c r="JA22" s="345">
        <v>0</v>
      </c>
      <c r="JB22" s="345">
        <v>0</v>
      </c>
      <c r="JC22" s="345">
        <v>0</v>
      </c>
      <c r="JD22" s="345">
        <v>0</v>
      </c>
      <c r="JE22" s="349">
        <v>0</v>
      </c>
      <c r="JF22" s="350">
        <v>0</v>
      </c>
      <c r="JG22" s="348">
        <v>0</v>
      </c>
      <c r="JH22" s="345">
        <v>5066</v>
      </c>
      <c r="JI22" s="346">
        <v>5066</v>
      </c>
      <c r="JJ22" s="351">
        <v>0</v>
      </c>
      <c r="JK22" s="345">
        <v>1033988</v>
      </c>
      <c r="JL22" s="345">
        <v>1231375</v>
      </c>
      <c r="JM22" s="345">
        <v>712966</v>
      </c>
      <c r="JN22" s="345">
        <v>270952</v>
      </c>
      <c r="JO22" s="345">
        <v>0</v>
      </c>
      <c r="JP22" s="349">
        <v>3249281</v>
      </c>
      <c r="JQ22" s="347">
        <v>3254347</v>
      </c>
      <c r="JR22" s="348">
        <v>30315</v>
      </c>
      <c r="JS22" s="345">
        <v>0</v>
      </c>
      <c r="JT22" s="346">
        <v>30315</v>
      </c>
      <c r="JU22" s="351">
        <v>0</v>
      </c>
      <c r="JV22" s="345">
        <v>130065</v>
      </c>
      <c r="JW22" s="345">
        <v>246449</v>
      </c>
      <c r="JX22" s="345">
        <v>42513</v>
      </c>
      <c r="JY22" s="345">
        <v>0</v>
      </c>
      <c r="JZ22" s="345">
        <v>0</v>
      </c>
      <c r="KA22" s="349">
        <v>419027</v>
      </c>
      <c r="KB22" s="347">
        <v>449342</v>
      </c>
      <c r="KC22" s="352">
        <v>0</v>
      </c>
      <c r="KD22" s="353">
        <v>0</v>
      </c>
      <c r="KE22" s="349">
        <v>0</v>
      </c>
      <c r="KF22" s="351">
        <v>0</v>
      </c>
      <c r="KG22" s="345">
        <v>0</v>
      </c>
      <c r="KH22" s="345">
        <v>542344</v>
      </c>
      <c r="KI22" s="345">
        <v>249271</v>
      </c>
      <c r="KJ22" s="345">
        <v>275240</v>
      </c>
      <c r="KK22" s="345">
        <v>298180</v>
      </c>
      <c r="KL22" s="349">
        <v>1365035</v>
      </c>
      <c r="KM22" s="354">
        <v>1365035</v>
      </c>
      <c r="KN22" s="342">
        <v>0</v>
      </c>
      <c r="KO22" s="343">
        <v>0</v>
      </c>
      <c r="KP22" s="344">
        <v>0</v>
      </c>
      <c r="KQ22" s="404">
        <v>0</v>
      </c>
      <c r="KR22" s="345">
        <v>109363</v>
      </c>
      <c r="KS22" s="345">
        <v>493362</v>
      </c>
      <c r="KT22" s="345">
        <v>762156</v>
      </c>
      <c r="KU22" s="345">
        <v>259190</v>
      </c>
      <c r="KV22" s="345">
        <v>211760</v>
      </c>
      <c r="KW22" s="349">
        <v>1835831</v>
      </c>
      <c r="KX22" s="347">
        <v>1835831</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0</v>
      </c>
      <c r="LQ22" s="345">
        <v>269280</v>
      </c>
      <c r="LR22" s="345">
        <v>0</v>
      </c>
      <c r="LS22" s="349">
        <v>269280</v>
      </c>
      <c r="LT22" s="347">
        <v>269280</v>
      </c>
      <c r="LU22" s="348">
        <v>0</v>
      </c>
      <c r="LV22" s="345">
        <v>0</v>
      </c>
      <c r="LW22" s="349">
        <v>0</v>
      </c>
      <c r="LX22" s="404">
        <v>0</v>
      </c>
      <c r="LY22" s="345">
        <v>0</v>
      </c>
      <c r="LZ22" s="345">
        <v>0</v>
      </c>
      <c r="MA22" s="345">
        <v>0</v>
      </c>
      <c r="MB22" s="345">
        <v>0</v>
      </c>
      <c r="MC22" s="345">
        <v>0</v>
      </c>
      <c r="MD22" s="349">
        <v>0</v>
      </c>
      <c r="ME22" s="350">
        <v>0</v>
      </c>
      <c r="MF22" s="348">
        <v>0</v>
      </c>
      <c r="MG22" s="345">
        <v>0</v>
      </c>
      <c r="MH22" s="349">
        <v>0</v>
      </c>
      <c r="MI22" s="404">
        <v>0</v>
      </c>
      <c r="MJ22" s="345">
        <v>229252</v>
      </c>
      <c r="MK22" s="345">
        <v>587468</v>
      </c>
      <c r="ML22" s="345">
        <v>3575082</v>
      </c>
      <c r="MM22" s="345">
        <v>4015188</v>
      </c>
      <c r="MN22" s="345">
        <v>3593801</v>
      </c>
      <c r="MO22" s="349">
        <v>12000791</v>
      </c>
      <c r="MP22" s="354">
        <v>12000791</v>
      </c>
      <c r="MQ22" s="348">
        <v>0</v>
      </c>
      <c r="MR22" s="345">
        <v>0</v>
      </c>
      <c r="MS22" s="349">
        <v>0</v>
      </c>
      <c r="MT22" s="404">
        <v>0</v>
      </c>
      <c r="MU22" s="345">
        <v>0</v>
      </c>
      <c r="MV22" s="345">
        <v>0</v>
      </c>
      <c r="MW22" s="345">
        <v>2397132</v>
      </c>
      <c r="MX22" s="345">
        <v>2619104</v>
      </c>
      <c r="MY22" s="345">
        <v>2009722</v>
      </c>
      <c r="MZ22" s="349">
        <v>7025958</v>
      </c>
      <c r="NA22" s="354">
        <v>7025958</v>
      </c>
      <c r="NB22" s="348">
        <v>0</v>
      </c>
      <c r="NC22" s="345">
        <v>0</v>
      </c>
      <c r="ND22" s="349">
        <v>0</v>
      </c>
      <c r="NE22" s="404">
        <v>0</v>
      </c>
      <c r="NF22" s="345">
        <v>229252</v>
      </c>
      <c r="NG22" s="345">
        <v>587468</v>
      </c>
      <c r="NH22" s="345">
        <v>1177950</v>
      </c>
      <c r="NI22" s="345">
        <v>1071633</v>
      </c>
      <c r="NJ22" s="345">
        <v>1584079</v>
      </c>
      <c r="NK22" s="349">
        <v>4650382</v>
      </c>
      <c r="NL22" s="347">
        <v>4650382</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324451</v>
      </c>
      <c r="OF22" s="345">
        <v>0</v>
      </c>
      <c r="OG22" s="349">
        <v>324451</v>
      </c>
      <c r="OH22" s="350">
        <v>324451</v>
      </c>
      <c r="OI22" s="348">
        <v>657656</v>
      </c>
      <c r="OJ22" s="345">
        <v>562397</v>
      </c>
      <c r="OK22" s="346">
        <v>1220053</v>
      </c>
      <c r="OL22" s="351">
        <v>0</v>
      </c>
      <c r="OM22" s="345">
        <v>6070638</v>
      </c>
      <c r="ON22" s="345">
        <v>11890956</v>
      </c>
      <c r="OO22" s="345">
        <v>11548199</v>
      </c>
      <c r="OP22" s="345">
        <v>7247505</v>
      </c>
      <c r="OQ22" s="345">
        <v>5772772</v>
      </c>
      <c r="OR22" s="349">
        <v>42530070</v>
      </c>
      <c r="OS22" s="354">
        <v>43750123</v>
      </c>
    </row>
    <row r="23" spans="2:409" s="70" customFormat="1" ht="21" customHeight="1" x14ac:dyDescent="0.2">
      <c r="B23" s="410" t="s">
        <v>18</v>
      </c>
      <c r="C23" s="326">
        <v>361663</v>
      </c>
      <c r="D23" s="327">
        <v>752018</v>
      </c>
      <c r="E23" s="328">
        <v>1113681</v>
      </c>
      <c r="F23" s="329">
        <v>0</v>
      </c>
      <c r="G23" s="327">
        <v>8488667</v>
      </c>
      <c r="H23" s="327">
        <v>8406800</v>
      </c>
      <c r="I23" s="327">
        <v>9497996</v>
      </c>
      <c r="J23" s="327">
        <v>5855251</v>
      </c>
      <c r="K23" s="327">
        <v>3314852</v>
      </c>
      <c r="L23" s="329">
        <v>35563566</v>
      </c>
      <c r="M23" s="330">
        <v>36677247</v>
      </c>
      <c r="N23" s="326">
        <v>128483</v>
      </c>
      <c r="O23" s="327">
        <v>369295</v>
      </c>
      <c r="P23" s="328">
        <v>497778</v>
      </c>
      <c r="Q23" s="326">
        <v>0</v>
      </c>
      <c r="R23" s="327">
        <v>2165155</v>
      </c>
      <c r="S23" s="327">
        <v>2257140</v>
      </c>
      <c r="T23" s="327">
        <v>3358021</v>
      </c>
      <c r="U23" s="327">
        <v>2441650</v>
      </c>
      <c r="V23" s="327">
        <v>1798633</v>
      </c>
      <c r="W23" s="328">
        <v>12020599</v>
      </c>
      <c r="X23" s="330">
        <v>12518377</v>
      </c>
      <c r="Y23" s="326">
        <v>0</v>
      </c>
      <c r="Z23" s="327">
        <v>0</v>
      </c>
      <c r="AA23" s="328">
        <v>0</v>
      </c>
      <c r="AB23" s="326">
        <v>0</v>
      </c>
      <c r="AC23" s="327">
        <v>958748</v>
      </c>
      <c r="AD23" s="327">
        <v>717847</v>
      </c>
      <c r="AE23" s="327">
        <v>2220210</v>
      </c>
      <c r="AF23" s="327">
        <v>1280904</v>
      </c>
      <c r="AG23" s="327">
        <v>967795</v>
      </c>
      <c r="AH23" s="328">
        <v>6145504</v>
      </c>
      <c r="AI23" s="330">
        <v>6145504</v>
      </c>
      <c r="AJ23" s="326">
        <v>0</v>
      </c>
      <c r="AK23" s="327">
        <v>0</v>
      </c>
      <c r="AL23" s="328">
        <v>0</v>
      </c>
      <c r="AM23" s="326">
        <v>0</v>
      </c>
      <c r="AN23" s="327">
        <v>0</v>
      </c>
      <c r="AO23" s="327">
        <v>48325</v>
      </c>
      <c r="AP23" s="327">
        <v>0</v>
      </c>
      <c r="AQ23" s="327">
        <v>373597</v>
      </c>
      <c r="AR23" s="327">
        <v>218473</v>
      </c>
      <c r="AS23" s="328">
        <v>640395</v>
      </c>
      <c r="AT23" s="330">
        <v>640395</v>
      </c>
      <c r="AU23" s="326">
        <v>49251</v>
      </c>
      <c r="AV23" s="327">
        <v>288699</v>
      </c>
      <c r="AW23" s="328">
        <v>337950</v>
      </c>
      <c r="AX23" s="326">
        <v>0</v>
      </c>
      <c r="AY23" s="327">
        <v>532460</v>
      </c>
      <c r="AZ23" s="327">
        <v>964280</v>
      </c>
      <c r="BA23" s="327">
        <v>543140</v>
      </c>
      <c r="BB23" s="327">
        <v>314173</v>
      </c>
      <c r="BC23" s="327">
        <v>389397</v>
      </c>
      <c r="BD23" s="328">
        <v>2743450</v>
      </c>
      <c r="BE23" s="330">
        <v>3081400</v>
      </c>
      <c r="BF23" s="326">
        <v>0</v>
      </c>
      <c r="BG23" s="327">
        <v>31700</v>
      </c>
      <c r="BH23" s="331">
        <v>31700</v>
      </c>
      <c r="BI23" s="332">
        <v>0</v>
      </c>
      <c r="BJ23" s="327">
        <v>130691</v>
      </c>
      <c r="BK23" s="327">
        <v>129552</v>
      </c>
      <c r="BL23" s="327">
        <v>241895</v>
      </c>
      <c r="BM23" s="327">
        <v>111904</v>
      </c>
      <c r="BN23" s="327">
        <v>0</v>
      </c>
      <c r="BO23" s="328">
        <v>614042</v>
      </c>
      <c r="BP23" s="330">
        <v>645742</v>
      </c>
      <c r="BQ23" s="326">
        <v>79232</v>
      </c>
      <c r="BR23" s="327">
        <v>48896</v>
      </c>
      <c r="BS23" s="328">
        <v>128128</v>
      </c>
      <c r="BT23" s="326">
        <v>0</v>
      </c>
      <c r="BU23" s="327">
        <v>543256</v>
      </c>
      <c r="BV23" s="327">
        <v>397136</v>
      </c>
      <c r="BW23" s="327">
        <v>352776</v>
      </c>
      <c r="BX23" s="327">
        <v>361072</v>
      </c>
      <c r="BY23" s="327">
        <v>222968</v>
      </c>
      <c r="BZ23" s="328">
        <v>1877208</v>
      </c>
      <c r="CA23" s="330">
        <v>2005336</v>
      </c>
      <c r="CB23" s="326">
        <v>41490</v>
      </c>
      <c r="CC23" s="327">
        <v>232431</v>
      </c>
      <c r="CD23" s="328">
        <v>273921</v>
      </c>
      <c r="CE23" s="326">
        <v>0</v>
      </c>
      <c r="CF23" s="327">
        <v>3200981</v>
      </c>
      <c r="CG23" s="327">
        <v>2374846</v>
      </c>
      <c r="CH23" s="327">
        <v>3033066</v>
      </c>
      <c r="CI23" s="327">
        <v>730229</v>
      </c>
      <c r="CJ23" s="327">
        <v>449469</v>
      </c>
      <c r="CK23" s="328">
        <v>9788591</v>
      </c>
      <c r="CL23" s="330">
        <v>10062512</v>
      </c>
      <c r="CM23" s="326">
        <v>0</v>
      </c>
      <c r="CN23" s="327">
        <v>0</v>
      </c>
      <c r="CO23" s="328">
        <v>0</v>
      </c>
      <c r="CP23" s="332">
        <v>0</v>
      </c>
      <c r="CQ23" s="327">
        <v>2576038</v>
      </c>
      <c r="CR23" s="327">
        <v>1765047</v>
      </c>
      <c r="CS23" s="327">
        <v>1855994</v>
      </c>
      <c r="CT23" s="327">
        <v>693373</v>
      </c>
      <c r="CU23" s="327">
        <v>274079</v>
      </c>
      <c r="CV23" s="328">
        <v>7164531</v>
      </c>
      <c r="CW23" s="330">
        <v>7164531</v>
      </c>
      <c r="CX23" s="326">
        <v>41490</v>
      </c>
      <c r="CY23" s="327">
        <v>232431</v>
      </c>
      <c r="CZ23" s="328">
        <v>273921</v>
      </c>
      <c r="DA23" s="326">
        <v>0</v>
      </c>
      <c r="DB23" s="327">
        <v>624943</v>
      </c>
      <c r="DC23" s="327">
        <v>609799</v>
      </c>
      <c r="DD23" s="327">
        <v>1177072</v>
      </c>
      <c r="DE23" s="327">
        <v>36856</v>
      </c>
      <c r="DF23" s="327">
        <v>175390</v>
      </c>
      <c r="DG23" s="328">
        <v>2624060</v>
      </c>
      <c r="DH23" s="330">
        <v>2897981</v>
      </c>
      <c r="DI23" s="326">
        <v>0</v>
      </c>
      <c r="DJ23" s="327">
        <v>17436</v>
      </c>
      <c r="DK23" s="331">
        <v>17436</v>
      </c>
      <c r="DL23" s="332">
        <v>0</v>
      </c>
      <c r="DM23" s="327">
        <v>182833</v>
      </c>
      <c r="DN23" s="327">
        <v>762433</v>
      </c>
      <c r="DO23" s="327">
        <v>1279244</v>
      </c>
      <c r="DP23" s="327">
        <v>355613</v>
      </c>
      <c r="DQ23" s="327">
        <v>114302</v>
      </c>
      <c r="DR23" s="328">
        <v>2694425</v>
      </c>
      <c r="DS23" s="330">
        <v>2711861</v>
      </c>
      <c r="DT23" s="326">
        <v>0</v>
      </c>
      <c r="DU23" s="327">
        <v>17436</v>
      </c>
      <c r="DV23" s="328">
        <v>17436</v>
      </c>
      <c r="DW23" s="326">
        <v>0</v>
      </c>
      <c r="DX23" s="327">
        <v>182833</v>
      </c>
      <c r="DY23" s="327">
        <v>762433</v>
      </c>
      <c r="DZ23" s="327">
        <v>1279244</v>
      </c>
      <c r="EA23" s="327">
        <v>355613</v>
      </c>
      <c r="EB23" s="327">
        <v>114302</v>
      </c>
      <c r="EC23" s="328">
        <v>2694425</v>
      </c>
      <c r="ED23" s="330">
        <v>2711861</v>
      </c>
      <c r="EE23" s="326">
        <v>0</v>
      </c>
      <c r="EF23" s="331">
        <v>0</v>
      </c>
      <c r="EG23" s="328">
        <v>0</v>
      </c>
      <c r="EH23" s="326">
        <v>0</v>
      </c>
      <c r="EI23" s="327">
        <v>0</v>
      </c>
      <c r="EJ23" s="327">
        <v>0</v>
      </c>
      <c r="EK23" s="327">
        <v>0</v>
      </c>
      <c r="EL23" s="327">
        <v>0</v>
      </c>
      <c r="EM23" s="327">
        <v>0</v>
      </c>
      <c r="EN23" s="331">
        <v>0</v>
      </c>
      <c r="EO23" s="330">
        <v>0</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33944</v>
      </c>
      <c r="FM23" s="327">
        <v>132856</v>
      </c>
      <c r="FN23" s="328">
        <v>166800</v>
      </c>
      <c r="FO23" s="326">
        <v>0</v>
      </c>
      <c r="FP23" s="327">
        <v>297520</v>
      </c>
      <c r="FQ23" s="327">
        <v>751240</v>
      </c>
      <c r="FR23" s="327">
        <v>668864</v>
      </c>
      <c r="FS23" s="327">
        <v>411368</v>
      </c>
      <c r="FT23" s="327">
        <v>333224</v>
      </c>
      <c r="FU23" s="328">
        <v>2462216</v>
      </c>
      <c r="FV23" s="330">
        <v>2629016</v>
      </c>
      <c r="FW23" s="333">
        <v>33944</v>
      </c>
      <c r="FX23" s="327">
        <v>132856</v>
      </c>
      <c r="FY23" s="331">
        <v>166800</v>
      </c>
      <c r="FZ23" s="332">
        <v>0</v>
      </c>
      <c r="GA23" s="327">
        <v>297520</v>
      </c>
      <c r="GB23" s="327">
        <v>650200</v>
      </c>
      <c r="GC23" s="327">
        <v>668864</v>
      </c>
      <c r="GD23" s="327">
        <v>389192</v>
      </c>
      <c r="GE23" s="327">
        <v>333224</v>
      </c>
      <c r="GF23" s="328">
        <v>2339000</v>
      </c>
      <c r="GG23" s="334">
        <v>2505800</v>
      </c>
      <c r="GH23" s="333">
        <v>0</v>
      </c>
      <c r="GI23" s="327">
        <v>0</v>
      </c>
      <c r="GJ23" s="331">
        <v>0</v>
      </c>
      <c r="GK23" s="332">
        <v>0</v>
      </c>
      <c r="GL23" s="327">
        <v>0</v>
      </c>
      <c r="GM23" s="327">
        <v>29040</v>
      </c>
      <c r="GN23" s="327">
        <v>0</v>
      </c>
      <c r="GO23" s="327">
        <v>22176</v>
      </c>
      <c r="GP23" s="327">
        <v>0</v>
      </c>
      <c r="GQ23" s="328">
        <v>51216</v>
      </c>
      <c r="GR23" s="330">
        <v>51216</v>
      </c>
      <c r="GS23" s="326">
        <v>0</v>
      </c>
      <c r="GT23" s="327">
        <v>0</v>
      </c>
      <c r="GU23" s="328">
        <v>0</v>
      </c>
      <c r="GV23" s="326">
        <v>0</v>
      </c>
      <c r="GW23" s="327">
        <v>0</v>
      </c>
      <c r="GX23" s="327">
        <v>72000</v>
      </c>
      <c r="GY23" s="327">
        <v>0</v>
      </c>
      <c r="GZ23" s="327">
        <v>0</v>
      </c>
      <c r="HA23" s="327">
        <v>0</v>
      </c>
      <c r="HB23" s="331">
        <v>72000</v>
      </c>
      <c r="HC23" s="330">
        <v>72000</v>
      </c>
      <c r="HD23" s="326">
        <v>157746</v>
      </c>
      <c r="HE23" s="327">
        <v>0</v>
      </c>
      <c r="HF23" s="331">
        <v>157746</v>
      </c>
      <c r="HG23" s="332">
        <v>0</v>
      </c>
      <c r="HH23" s="327">
        <v>2642178</v>
      </c>
      <c r="HI23" s="327">
        <v>2261141</v>
      </c>
      <c r="HJ23" s="327">
        <v>1158801</v>
      </c>
      <c r="HK23" s="327">
        <v>1916391</v>
      </c>
      <c r="HL23" s="327">
        <v>619224</v>
      </c>
      <c r="HM23" s="328">
        <v>8597735</v>
      </c>
      <c r="HN23" s="329">
        <v>8755481</v>
      </c>
      <c r="HO23" s="333">
        <v>0</v>
      </c>
      <c r="HP23" s="327">
        <v>0</v>
      </c>
      <c r="HQ23" s="328">
        <v>0</v>
      </c>
      <c r="HR23" s="326">
        <v>0</v>
      </c>
      <c r="HS23" s="327">
        <v>0</v>
      </c>
      <c r="HT23" s="327">
        <v>0</v>
      </c>
      <c r="HU23" s="327">
        <v>0</v>
      </c>
      <c r="HV23" s="327">
        <v>0</v>
      </c>
      <c r="HW23" s="327">
        <v>0</v>
      </c>
      <c r="HX23" s="331">
        <v>0</v>
      </c>
      <c r="HY23" s="330">
        <v>0</v>
      </c>
      <c r="HZ23" s="335">
        <v>51019</v>
      </c>
      <c r="IA23" s="336">
        <v>0</v>
      </c>
      <c r="IB23" s="337">
        <v>51019</v>
      </c>
      <c r="IC23" s="338">
        <v>0</v>
      </c>
      <c r="ID23" s="336">
        <v>1424278</v>
      </c>
      <c r="IE23" s="339">
        <v>1076564</v>
      </c>
      <c r="IF23" s="337">
        <v>4097561</v>
      </c>
      <c r="IG23" s="336">
        <v>2434478</v>
      </c>
      <c r="IH23" s="337">
        <v>890996</v>
      </c>
      <c r="II23" s="340">
        <v>9923877</v>
      </c>
      <c r="IJ23" s="341">
        <v>9974896</v>
      </c>
      <c r="IK23" s="342">
        <v>0</v>
      </c>
      <c r="IL23" s="343">
        <v>0</v>
      </c>
      <c r="IM23" s="344">
        <v>0</v>
      </c>
      <c r="IN23" s="404">
        <v>0</v>
      </c>
      <c r="IO23" s="345">
        <v>0</v>
      </c>
      <c r="IP23" s="345">
        <v>0</v>
      </c>
      <c r="IQ23" s="345">
        <v>0</v>
      </c>
      <c r="IR23" s="345">
        <v>0</v>
      </c>
      <c r="IS23" s="345">
        <v>279983</v>
      </c>
      <c r="IT23" s="346">
        <v>279983</v>
      </c>
      <c r="IU23" s="347">
        <v>279983</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806757</v>
      </c>
      <c r="JL23" s="345">
        <v>621711</v>
      </c>
      <c r="JM23" s="345">
        <v>245313</v>
      </c>
      <c r="JN23" s="345">
        <v>0</v>
      </c>
      <c r="JO23" s="345">
        <v>88832</v>
      </c>
      <c r="JP23" s="349">
        <v>1762613</v>
      </c>
      <c r="JQ23" s="347">
        <v>1762613</v>
      </c>
      <c r="JR23" s="348">
        <v>0</v>
      </c>
      <c r="JS23" s="345">
        <v>0</v>
      </c>
      <c r="JT23" s="346">
        <v>0</v>
      </c>
      <c r="JU23" s="351">
        <v>0</v>
      </c>
      <c r="JV23" s="345">
        <v>0</v>
      </c>
      <c r="JW23" s="345">
        <v>30898</v>
      </c>
      <c r="JX23" s="345">
        <v>555246</v>
      </c>
      <c r="JY23" s="345">
        <v>288377</v>
      </c>
      <c r="JZ23" s="345">
        <v>0</v>
      </c>
      <c r="KA23" s="349">
        <v>874521</v>
      </c>
      <c r="KB23" s="347">
        <v>874521</v>
      </c>
      <c r="KC23" s="352">
        <v>51019</v>
      </c>
      <c r="KD23" s="353">
        <v>0</v>
      </c>
      <c r="KE23" s="349">
        <v>51019</v>
      </c>
      <c r="KF23" s="351">
        <v>0</v>
      </c>
      <c r="KG23" s="345">
        <v>387605</v>
      </c>
      <c r="KH23" s="345">
        <v>181273</v>
      </c>
      <c r="KI23" s="345">
        <v>987072</v>
      </c>
      <c r="KJ23" s="345">
        <v>537365</v>
      </c>
      <c r="KK23" s="345">
        <v>0</v>
      </c>
      <c r="KL23" s="349">
        <v>2093315</v>
      </c>
      <c r="KM23" s="354">
        <v>2144334</v>
      </c>
      <c r="KN23" s="342">
        <v>0</v>
      </c>
      <c r="KO23" s="343">
        <v>0</v>
      </c>
      <c r="KP23" s="344">
        <v>0</v>
      </c>
      <c r="KQ23" s="404">
        <v>0</v>
      </c>
      <c r="KR23" s="345">
        <v>229916</v>
      </c>
      <c r="KS23" s="345">
        <v>242682</v>
      </c>
      <c r="KT23" s="345">
        <v>1468521</v>
      </c>
      <c r="KU23" s="345">
        <v>1022884</v>
      </c>
      <c r="KV23" s="345">
        <v>522181</v>
      </c>
      <c r="KW23" s="349">
        <v>3486184</v>
      </c>
      <c r="KX23" s="347">
        <v>3486184</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267837</v>
      </c>
      <c r="LQ23" s="345">
        <v>288444</v>
      </c>
      <c r="LR23" s="345">
        <v>0</v>
      </c>
      <c r="LS23" s="349">
        <v>556281</v>
      </c>
      <c r="LT23" s="347">
        <v>556281</v>
      </c>
      <c r="LU23" s="348">
        <v>0</v>
      </c>
      <c r="LV23" s="345">
        <v>0</v>
      </c>
      <c r="LW23" s="349">
        <v>0</v>
      </c>
      <c r="LX23" s="404">
        <v>0</v>
      </c>
      <c r="LY23" s="345">
        <v>0</v>
      </c>
      <c r="LZ23" s="345">
        <v>0</v>
      </c>
      <c r="MA23" s="345">
        <v>573572</v>
      </c>
      <c r="MB23" s="345">
        <v>297408</v>
      </c>
      <c r="MC23" s="345">
        <v>0</v>
      </c>
      <c r="MD23" s="349">
        <v>870980</v>
      </c>
      <c r="ME23" s="350">
        <v>870980</v>
      </c>
      <c r="MF23" s="348">
        <v>0</v>
      </c>
      <c r="MG23" s="345">
        <v>0</v>
      </c>
      <c r="MH23" s="349">
        <v>0</v>
      </c>
      <c r="MI23" s="404">
        <v>0</v>
      </c>
      <c r="MJ23" s="345">
        <v>190465</v>
      </c>
      <c r="MK23" s="345">
        <v>1487640</v>
      </c>
      <c r="ML23" s="345">
        <v>4185433</v>
      </c>
      <c r="MM23" s="345">
        <v>7112180</v>
      </c>
      <c r="MN23" s="345">
        <v>1962565</v>
      </c>
      <c r="MO23" s="349">
        <v>14938283</v>
      </c>
      <c r="MP23" s="354">
        <v>14938283</v>
      </c>
      <c r="MQ23" s="348">
        <v>0</v>
      </c>
      <c r="MR23" s="345">
        <v>0</v>
      </c>
      <c r="MS23" s="349">
        <v>0</v>
      </c>
      <c r="MT23" s="404">
        <v>0</v>
      </c>
      <c r="MU23" s="345">
        <v>0</v>
      </c>
      <c r="MV23" s="345">
        <v>0</v>
      </c>
      <c r="MW23" s="345">
        <v>1746658</v>
      </c>
      <c r="MX23" s="345">
        <v>4590164</v>
      </c>
      <c r="MY23" s="345">
        <v>1243513</v>
      </c>
      <c r="MZ23" s="349">
        <v>7580335</v>
      </c>
      <c r="NA23" s="354">
        <v>7580335</v>
      </c>
      <c r="NB23" s="348">
        <v>0</v>
      </c>
      <c r="NC23" s="345">
        <v>0</v>
      </c>
      <c r="ND23" s="349">
        <v>0</v>
      </c>
      <c r="NE23" s="404">
        <v>0</v>
      </c>
      <c r="NF23" s="345">
        <v>190465</v>
      </c>
      <c r="NG23" s="345">
        <v>1487640</v>
      </c>
      <c r="NH23" s="345">
        <v>2438775</v>
      </c>
      <c r="NI23" s="345">
        <v>1952974</v>
      </c>
      <c r="NJ23" s="345">
        <v>326072</v>
      </c>
      <c r="NK23" s="349">
        <v>6395926</v>
      </c>
      <c r="NL23" s="347">
        <v>6395926</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569042</v>
      </c>
      <c r="OF23" s="345">
        <v>392980</v>
      </c>
      <c r="OG23" s="349">
        <v>962022</v>
      </c>
      <c r="OH23" s="350">
        <v>962022</v>
      </c>
      <c r="OI23" s="348">
        <v>412682</v>
      </c>
      <c r="OJ23" s="345">
        <v>752018</v>
      </c>
      <c r="OK23" s="346">
        <v>1164700</v>
      </c>
      <c r="OL23" s="351">
        <v>0</v>
      </c>
      <c r="OM23" s="345">
        <v>10103410</v>
      </c>
      <c r="ON23" s="345">
        <v>10971004</v>
      </c>
      <c r="OO23" s="345">
        <v>17780990</v>
      </c>
      <c r="OP23" s="345">
        <v>15401909</v>
      </c>
      <c r="OQ23" s="345">
        <v>6168413</v>
      </c>
      <c r="OR23" s="349">
        <v>60425726</v>
      </c>
      <c r="OS23" s="354">
        <v>61590426</v>
      </c>
    </row>
    <row r="24" spans="2:409" s="70" customFormat="1" ht="21" customHeight="1" x14ac:dyDescent="0.2">
      <c r="B24" s="410" t="s">
        <v>19</v>
      </c>
      <c r="C24" s="326">
        <v>215509</v>
      </c>
      <c r="D24" s="327">
        <v>491899</v>
      </c>
      <c r="E24" s="328">
        <v>707408</v>
      </c>
      <c r="F24" s="329">
        <v>0</v>
      </c>
      <c r="G24" s="327">
        <v>3316126</v>
      </c>
      <c r="H24" s="327">
        <v>4005265</v>
      </c>
      <c r="I24" s="327">
        <v>3639824</v>
      </c>
      <c r="J24" s="327">
        <v>2241701</v>
      </c>
      <c r="K24" s="327">
        <v>1704329</v>
      </c>
      <c r="L24" s="329">
        <v>14907245</v>
      </c>
      <c r="M24" s="330">
        <v>15614653</v>
      </c>
      <c r="N24" s="326">
        <v>27112</v>
      </c>
      <c r="O24" s="327">
        <v>141205</v>
      </c>
      <c r="P24" s="328">
        <v>168317</v>
      </c>
      <c r="Q24" s="326">
        <v>0</v>
      </c>
      <c r="R24" s="327">
        <v>1002026</v>
      </c>
      <c r="S24" s="327">
        <v>946977</v>
      </c>
      <c r="T24" s="327">
        <v>1173192</v>
      </c>
      <c r="U24" s="327">
        <v>1042763</v>
      </c>
      <c r="V24" s="327">
        <v>920053</v>
      </c>
      <c r="W24" s="328">
        <v>5085011</v>
      </c>
      <c r="X24" s="330">
        <v>5253328</v>
      </c>
      <c r="Y24" s="326">
        <v>0</v>
      </c>
      <c r="Z24" s="327">
        <v>0</v>
      </c>
      <c r="AA24" s="328">
        <v>0</v>
      </c>
      <c r="AB24" s="326">
        <v>0</v>
      </c>
      <c r="AC24" s="327">
        <v>255119</v>
      </c>
      <c r="AD24" s="327">
        <v>303720</v>
      </c>
      <c r="AE24" s="327">
        <v>601734</v>
      </c>
      <c r="AF24" s="327">
        <v>695349</v>
      </c>
      <c r="AG24" s="327">
        <v>317769</v>
      </c>
      <c r="AH24" s="328">
        <v>2173691</v>
      </c>
      <c r="AI24" s="330">
        <v>2173691</v>
      </c>
      <c r="AJ24" s="326">
        <v>0</v>
      </c>
      <c r="AK24" s="327">
        <v>0</v>
      </c>
      <c r="AL24" s="328">
        <v>0</v>
      </c>
      <c r="AM24" s="326">
        <v>0</v>
      </c>
      <c r="AN24" s="327">
        <v>0</v>
      </c>
      <c r="AO24" s="327">
        <v>0</v>
      </c>
      <c r="AP24" s="327">
        <v>72796</v>
      </c>
      <c r="AQ24" s="327">
        <v>91512</v>
      </c>
      <c r="AR24" s="327">
        <v>220024</v>
      </c>
      <c r="AS24" s="328">
        <v>384332</v>
      </c>
      <c r="AT24" s="330">
        <v>384332</v>
      </c>
      <c r="AU24" s="326">
        <v>0</v>
      </c>
      <c r="AV24" s="327">
        <v>72733</v>
      </c>
      <c r="AW24" s="328">
        <v>72733</v>
      </c>
      <c r="AX24" s="326">
        <v>0</v>
      </c>
      <c r="AY24" s="327">
        <v>460936</v>
      </c>
      <c r="AZ24" s="327">
        <v>322843</v>
      </c>
      <c r="BA24" s="327">
        <v>282934</v>
      </c>
      <c r="BB24" s="327">
        <v>163702</v>
      </c>
      <c r="BC24" s="327">
        <v>248340</v>
      </c>
      <c r="BD24" s="328">
        <v>1478755</v>
      </c>
      <c r="BE24" s="330">
        <v>1551488</v>
      </c>
      <c r="BF24" s="326">
        <v>0</v>
      </c>
      <c r="BG24" s="327">
        <v>0</v>
      </c>
      <c r="BH24" s="331">
        <v>0</v>
      </c>
      <c r="BI24" s="332">
        <v>0</v>
      </c>
      <c r="BJ24" s="327">
        <v>33219</v>
      </c>
      <c r="BK24" s="327">
        <v>66438</v>
      </c>
      <c r="BL24" s="327">
        <v>0</v>
      </c>
      <c r="BM24" s="327">
        <v>0</v>
      </c>
      <c r="BN24" s="327">
        <v>0</v>
      </c>
      <c r="BO24" s="328">
        <v>99657</v>
      </c>
      <c r="BP24" s="330">
        <v>99657</v>
      </c>
      <c r="BQ24" s="326">
        <v>27112</v>
      </c>
      <c r="BR24" s="327">
        <v>68472</v>
      </c>
      <c r="BS24" s="328">
        <v>95584</v>
      </c>
      <c r="BT24" s="326">
        <v>0</v>
      </c>
      <c r="BU24" s="327">
        <v>252752</v>
      </c>
      <c r="BV24" s="327">
        <v>253976</v>
      </c>
      <c r="BW24" s="327">
        <v>215728</v>
      </c>
      <c r="BX24" s="327">
        <v>92200</v>
      </c>
      <c r="BY24" s="327">
        <v>133920</v>
      </c>
      <c r="BZ24" s="328">
        <v>948576</v>
      </c>
      <c r="CA24" s="330">
        <v>1044160</v>
      </c>
      <c r="CB24" s="326">
        <v>42823</v>
      </c>
      <c r="CC24" s="327">
        <v>120206</v>
      </c>
      <c r="CD24" s="328">
        <v>163029</v>
      </c>
      <c r="CE24" s="326">
        <v>0</v>
      </c>
      <c r="CF24" s="327">
        <v>1077848</v>
      </c>
      <c r="CG24" s="327">
        <v>1397014</v>
      </c>
      <c r="CH24" s="327">
        <v>463909</v>
      </c>
      <c r="CI24" s="327">
        <v>123992</v>
      </c>
      <c r="CJ24" s="327">
        <v>53620</v>
      </c>
      <c r="CK24" s="328">
        <v>3116383</v>
      </c>
      <c r="CL24" s="330">
        <v>3279412</v>
      </c>
      <c r="CM24" s="326">
        <v>0</v>
      </c>
      <c r="CN24" s="327">
        <v>0</v>
      </c>
      <c r="CO24" s="328">
        <v>0</v>
      </c>
      <c r="CP24" s="332">
        <v>0</v>
      </c>
      <c r="CQ24" s="327">
        <v>766291</v>
      </c>
      <c r="CR24" s="327">
        <v>956173</v>
      </c>
      <c r="CS24" s="327">
        <v>250989</v>
      </c>
      <c r="CT24" s="327">
        <v>42184</v>
      </c>
      <c r="CU24" s="327">
        <v>53620</v>
      </c>
      <c r="CV24" s="328">
        <v>2069257</v>
      </c>
      <c r="CW24" s="330">
        <v>2069257</v>
      </c>
      <c r="CX24" s="326">
        <v>42823</v>
      </c>
      <c r="CY24" s="327">
        <v>120206</v>
      </c>
      <c r="CZ24" s="328">
        <v>163029</v>
      </c>
      <c r="DA24" s="326">
        <v>0</v>
      </c>
      <c r="DB24" s="327">
        <v>311557</v>
      </c>
      <c r="DC24" s="327">
        <v>440841</v>
      </c>
      <c r="DD24" s="327">
        <v>212920</v>
      </c>
      <c r="DE24" s="327">
        <v>81808</v>
      </c>
      <c r="DF24" s="327">
        <v>0</v>
      </c>
      <c r="DG24" s="328">
        <v>1047126</v>
      </c>
      <c r="DH24" s="330">
        <v>1210155</v>
      </c>
      <c r="DI24" s="326">
        <v>0</v>
      </c>
      <c r="DJ24" s="327">
        <v>0</v>
      </c>
      <c r="DK24" s="331">
        <v>0</v>
      </c>
      <c r="DL24" s="332">
        <v>0</v>
      </c>
      <c r="DM24" s="327">
        <v>35574</v>
      </c>
      <c r="DN24" s="327">
        <v>80755</v>
      </c>
      <c r="DO24" s="327">
        <v>207235</v>
      </c>
      <c r="DP24" s="327">
        <v>0</v>
      </c>
      <c r="DQ24" s="327">
        <v>0</v>
      </c>
      <c r="DR24" s="328">
        <v>323564</v>
      </c>
      <c r="DS24" s="330">
        <v>323564</v>
      </c>
      <c r="DT24" s="326">
        <v>0</v>
      </c>
      <c r="DU24" s="327">
        <v>0</v>
      </c>
      <c r="DV24" s="328">
        <v>0</v>
      </c>
      <c r="DW24" s="326">
        <v>0</v>
      </c>
      <c r="DX24" s="327">
        <v>35574</v>
      </c>
      <c r="DY24" s="327">
        <v>17639</v>
      </c>
      <c r="DZ24" s="327">
        <v>207235</v>
      </c>
      <c r="EA24" s="327">
        <v>0</v>
      </c>
      <c r="EB24" s="327">
        <v>0</v>
      </c>
      <c r="EC24" s="328">
        <v>260448</v>
      </c>
      <c r="ED24" s="330">
        <v>260448</v>
      </c>
      <c r="EE24" s="326">
        <v>0</v>
      </c>
      <c r="EF24" s="331">
        <v>0</v>
      </c>
      <c r="EG24" s="328">
        <v>0</v>
      </c>
      <c r="EH24" s="326">
        <v>0</v>
      </c>
      <c r="EI24" s="327">
        <v>0</v>
      </c>
      <c r="EJ24" s="327">
        <v>63116</v>
      </c>
      <c r="EK24" s="327">
        <v>0</v>
      </c>
      <c r="EL24" s="327">
        <v>0</v>
      </c>
      <c r="EM24" s="327">
        <v>0</v>
      </c>
      <c r="EN24" s="331">
        <v>63116</v>
      </c>
      <c r="EO24" s="330">
        <v>63116</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33080</v>
      </c>
      <c r="FM24" s="327">
        <v>49888</v>
      </c>
      <c r="FN24" s="328">
        <v>82968</v>
      </c>
      <c r="FO24" s="326">
        <v>0</v>
      </c>
      <c r="FP24" s="327">
        <v>250915</v>
      </c>
      <c r="FQ24" s="327">
        <v>400704</v>
      </c>
      <c r="FR24" s="327">
        <v>201240</v>
      </c>
      <c r="FS24" s="327">
        <v>170840</v>
      </c>
      <c r="FT24" s="327">
        <v>261912</v>
      </c>
      <c r="FU24" s="328">
        <v>1285611</v>
      </c>
      <c r="FV24" s="330">
        <v>1368579</v>
      </c>
      <c r="FW24" s="333">
        <v>33080</v>
      </c>
      <c r="FX24" s="327">
        <v>49888</v>
      </c>
      <c r="FY24" s="331">
        <v>82968</v>
      </c>
      <c r="FZ24" s="332">
        <v>0</v>
      </c>
      <c r="GA24" s="327">
        <v>243312</v>
      </c>
      <c r="GB24" s="327">
        <v>382648</v>
      </c>
      <c r="GC24" s="327">
        <v>201240</v>
      </c>
      <c r="GD24" s="327">
        <v>170840</v>
      </c>
      <c r="GE24" s="327">
        <v>261912</v>
      </c>
      <c r="GF24" s="328">
        <v>1259952</v>
      </c>
      <c r="GG24" s="334">
        <v>1342920</v>
      </c>
      <c r="GH24" s="333">
        <v>0</v>
      </c>
      <c r="GI24" s="327">
        <v>0</v>
      </c>
      <c r="GJ24" s="331">
        <v>0</v>
      </c>
      <c r="GK24" s="332">
        <v>0</v>
      </c>
      <c r="GL24" s="327">
        <v>7603</v>
      </c>
      <c r="GM24" s="327">
        <v>0</v>
      </c>
      <c r="GN24" s="327">
        <v>0</v>
      </c>
      <c r="GO24" s="327">
        <v>0</v>
      </c>
      <c r="GP24" s="327">
        <v>0</v>
      </c>
      <c r="GQ24" s="328">
        <v>7603</v>
      </c>
      <c r="GR24" s="330">
        <v>7603</v>
      </c>
      <c r="GS24" s="326">
        <v>0</v>
      </c>
      <c r="GT24" s="327">
        <v>0</v>
      </c>
      <c r="GU24" s="328">
        <v>0</v>
      </c>
      <c r="GV24" s="326">
        <v>0</v>
      </c>
      <c r="GW24" s="327">
        <v>0</v>
      </c>
      <c r="GX24" s="327">
        <v>18056</v>
      </c>
      <c r="GY24" s="327">
        <v>0</v>
      </c>
      <c r="GZ24" s="327">
        <v>0</v>
      </c>
      <c r="HA24" s="327">
        <v>0</v>
      </c>
      <c r="HB24" s="331">
        <v>18056</v>
      </c>
      <c r="HC24" s="330">
        <v>18056</v>
      </c>
      <c r="HD24" s="326">
        <v>112494</v>
      </c>
      <c r="HE24" s="327">
        <v>180600</v>
      </c>
      <c r="HF24" s="331">
        <v>293094</v>
      </c>
      <c r="HG24" s="332">
        <v>0</v>
      </c>
      <c r="HH24" s="327">
        <v>949763</v>
      </c>
      <c r="HI24" s="327">
        <v>1179815</v>
      </c>
      <c r="HJ24" s="327">
        <v>1594248</v>
      </c>
      <c r="HK24" s="327">
        <v>904106</v>
      </c>
      <c r="HL24" s="327">
        <v>468744</v>
      </c>
      <c r="HM24" s="328">
        <v>5096676</v>
      </c>
      <c r="HN24" s="329">
        <v>5389770</v>
      </c>
      <c r="HO24" s="333">
        <v>0</v>
      </c>
      <c r="HP24" s="327">
        <v>0</v>
      </c>
      <c r="HQ24" s="328">
        <v>0</v>
      </c>
      <c r="HR24" s="326">
        <v>0</v>
      </c>
      <c r="HS24" s="327">
        <v>0</v>
      </c>
      <c r="HT24" s="327">
        <v>0</v>
      </c>
      <c r="HU24" s="327">
        <v>0</v>
      </c>
      <c r="HV24" s="327">
        <v>0</v>
      </c>
      <c r="HW24" s="327">
        <v>0</v>
      </c>
      <c r="HX24" s="331">
        <v>0</v>
      </c>
      <c r="HY24" s="330">
        <v>0</v>
      </c>
      <c r="HZ24" s="358">
        <v>0</v>
      </c>
      <c r="IA24" s="356">
        <v>0</v>
      </c>
      <c r="IB24" s="358">
        <v>0</v>
      </c>
      <c r="IC24" s="355">
        <v>0</v>
      </c>
      <c r="ID24" s="356">
        <v>830458</v>
      </c>
      <c r="IE24" s="357">
        <v>1081865</v>
      </c>
      <c r="IF24" s="358">
        <v>1460285</v>
      </c>
      <c r="IG24" s="356">
        <v>55434</v>
      </c>
      <c r="IH24" s="358">
        <v>1332866</v>
      </c>
      <c r="II24" s="359">
        <v>4760908</v>
      </c>
      <c r="IJ24" s="358">
        <v>4760908</v>
      </c>
      <c r="IK24" s="342">
        <v>0</v>
      </c>
      <c r="IL24" s="343">
        <v>0</v>
      </c>
      <c r="IM24" s="344">
        <v>0</v>
      </c>
      <c r="IN24" s="404">
        <v>0</v>
      </c>
      <c r="IO24" s="345">
        <v>0</v>
      </c>
      <c r="IP24" s="345">
        <v>0</v>
      </c>
      <c r="IQ24" s="345">
        <v>0</v>
      </c>
      <c r="IR24" s="345">
        <v>0</v>
      </c>
      <c r="IS24" s="345">
        <v>252160</v>
      </c>
      <c r="IT24" s="346">
        <v>252160</v>
      </c>
      <c r="IU24" s="347">
        <v>252160</v>
      </c>
      <c r="IV24" s="348">
        <v>0</v>
      </c>
      <c r="IW24" s="345">
        <v>0</v>
      </c>
      <c r="IX24" s="349">
        <v>0</v>
      </c>
      <c r="IY24" s="404">
        <v>0</v>
      </c>
      <c r="IZ24" s="345">
        <v>0</v>
      </c>
      <c r="JA24" s="345">
        <v>0</v>
      </c>
      <c r="JB24" s="345">
        <v>0</v>
      </c>
      <c r="JC24" s="345">
        <v>0</v>
      </c>
      <c r="JD24" s="345">
        <v>0</v>
      </c>
      <c r="JE24" s="349">
        <v>0</v>
      </c>
      <c r="JF24" s="350">
        <v>0</v>
      </c>
      <c r="JG24" s="348">
        <v>0</v>
      </c>
      <c r="JH24" s="345">
        <v>0</v>
      </c>
      <c r="JI24" s="346">
        <v>0</v>
      </c>
      <c r="JJ24" s="351">
        <v>0</v>
      </c>
      <c r="JK24" s="345">
        <v>328418</v>
      </c>
      <c r="JL24" s="345">
        <v>287495</v>
      </c>
      <c r="JM24" s="345">
        <v>147473</v>
      </c>
      <c r="JN24" s="345">
        <v>0</v>
      </c>
      <c r="JO24" s="345">
        <v>0</v>
      </c>
      <c r="JP24" s="349">
        <v>763386</v>
      </c>
      <c r="JQ24" s="347">
        <v>763386</v>
      </c>
      <c r="JR24" s="348">
        <v>0</v>
      </c>
      <c r="JS24" s="345">
        <v>0</v>
      </c>
      <c r="JT24" s="346">
        <v>0</v>
      </c>
      <c r="JU24" s="351">
        <v>0</v>
      </c>
      <c r="JV24" s="345">
        <v>100442</v>
      </c>
      <c r="JW24" s="345">
        <v>92645</v>
      </c>
      <c r="JX24" s="345">
        <v>360005</v>
      </c>
      <c r="JY24" s="345">
        <v>0</v>
      </c>
      <c r="JZ24" s="345">
        <v>0</v>
      </c>
      <c r="KA24" s="349">
        <v>553092</v>
      </c>
      <c r="KB24" s="347">
        <v>553092</v>
      </c>
      <c r="KC24" s="352">
        <v>0</v>
      </c>
      <c r="KD24" s="353">
        <v>0</v>
      </c>
      <c r="KE24" s="349">
        <v>0</v>
      </c>
      <c r="KF24" s="351">
        <v>0</v>
      </c>
      <c r="KG24" s="345">
        <v>401598</v>
      </c>
      <c r="KH24" s="345">
        <v>222165</v>
      </c>
      <c r="KI24" s="345">
        <v>952807</v>
      </c>
      <c r="KJ24" s="345">
        <v>0</v>
      </c>
      <c r="KK24" s="345">
        <v>0</v>
      </c>
      <c r="KL24" s="349">
        <v>1576570</v>
      </c>
      <c r="KM24" s="354">
        <v>1576570</v>
      </c>
      <c r="KN24" s="342">
        <v>0</v>
      </c>
      <c r="KO24" s="343">
        <v>0</v>
      </c>
      <c r="KP24" s="344">
        <v>0</v>
      </c>
      <c r="KQ24" s="404">
        <v>0</v>
      </c>
      <c r="KR24" s="345">
        <v>0</v>
      </c>
      <c r="KS24" s="345">
        <v>479560</v>
      </c>
      <c r="KT24" s="345">
        <v>0</v>
      </c>
      <c r="KU24" s="345">
        <v>55434</v>
      </c>
      <c r="KV24" s="345">
        <v>0</v>
      </c>
      <c r="KW24" s="349">
        <v>534994</v>
      </c>
      <c r="KX24" s="347">
        <v>534994</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0</v>
      </c>
      <c r="MB24" s="345">
        <v>0</v>
      </c>
      <c r="MC24" s="345">
        <v>1080706</v>
      </c>
      <c r="MD24" s="349">
        <v>1080706</v>
      </c>
      <c r="ME24" s="350">
        <v>1080706</v>
      </c>
      <c r="MF24" s="348">
        <v>0</v>
      </c>
      <c r="MG24" s="345">
        <v>0</v>
      </c>
      <c r="MH24" s="349">
        <v>0</v>
      </c>
      <c r="MI24" s="404">
        <v>0</v>
      </c>
      <c r="MJ24" s="345">
        <v>557374</v>
      </c>
      <c r="MK24" s="345">
        <v>14712</v>
      </c>
      <c r="ML24" s="345">
        <v>2007504</v>
      </c>
      <c r="MM24" s="345">
        <v>2326927</v>
      </c>
      <c r="MN24" s="345">
        <v>2112515</v>
      </c>
      <c r="MO24" s="349">
        <v>7019032</v>
      </c>
      <c r="MP24" s="354">
        <v>7019032</v>
      </c>
      <c r="MQ24" s="348">
        <v>0</v>
      </c>
      <c r="MR24" s="345">
        <v>0</v>
      </c>
      <c r="MS24" s="349">
        <v>0</v>
      </c>
      <c r="MT24" s="404">
        <v>0</v>
      </c>
      <c r="MU24" s="345">
        <v>0</v>
      </c>
      <c r="MV24" s="345">
        <v>0</v>
      </c>
      <c r="MW24" s="345">
        <v>1378417</v>
      </c>
      <c r="MX24" s="345">
        <v>1328767</v>
      </c>
      <c r="MY24" s="345">
        <v>1189749</v>
      </c>
      <c r="MZ24" s="349">
        <v>3896933</v>
      </c>
      <c r="NA24" s="354">
        <v>3896933</v>
      </c>
      <c r="NB24" s="348">
        <v>0</v>
      </c>
      <c r="NC24" s="345">
        <v>0</v>
      </c>
      <c r="ND24" s="349">
        <v>0</v>
      </c>
      <c r="NE24" s="404">
        <v>0</v>
      </c>
      <c r="NF24" s="345">
        <v>557374</v>
      </c>
      <c r="NG24" s="345">
        <v>14712</v>
      </c>
      <c r="NH24" s="345">
        <v>629087</v>
      </c>
      <c r="NI24" s="345">
        <v>998160</v>
      </c>
      <c r="NJ24" s="345">
        <v>922766</v>
      </c>
      <c r="NK24" s="349">
        <v>3122099</v>
      </c>
      <c r="NL24" s="347">
        <v>3122099</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0</v>
      </c>
      <c r="OG24" s="349">
        <v>0</v>
      </c>
      <c r="OH24" s="350">
        <v>0</v>
      </c>
      <c r="OI24" s="348">
        <v>215509</v>
      </c>
      <c r="OJ24" s="345">
        <v>491899</v>
      </c>
      <c r="OK24" s="346">
        <v>707408</v>
      </c>
      <c r="OL24" s="351">
        <v>0</v>
      </c>
      <c r="OM24" s="345">
        <v>4703958</v>
      </c>
      <c r="ON24" s="345">
        <v>5101842</v>
      </c>
      <c r="OO24" s="345">
        <v>7107613</v>
      </c>
      <c r="OP24" s="345">
        <v>4624062</v>
      </c>
      <c r="OQ24" s="345">
        <v>5149710</v>
      </c>
      <c r="OR24" s="349">
        <v>26687185</v>
      </c>
      <c r="OS24" s="354">
        <v>27394593</v>
      </c>
    </row>
    <row r="25" spans="2:409" s="70" customFormat="1" ht="21" customHeight="1" x14ac:dyDescent="0.2">
      <c r="B25" s="410" t="s">
        <v>20</v>
      </c>
      <c r="C25" s="326">
        <v>376833</v>
      </c>
      <c r="D25" s="327">
        <v>613465</v>
      </c>
      <c r="E25" s="328">
        <v>990298</v>
      </c>
      <c r="F25" s="326">
        <v>0</v>
      </c>
      <c r="G25" s="327">
        <v>5639814</v>
      </c>
      <c r="H25" s="327">
        <v>4550358</v>
      </c>
      <c r="I25" s="327">
        <v>5649490</v>
      </c>
      <c r="J25" s="327">
        <v>4279844</v>
      </c>
      <c r="K25" s="327">
        <v>2585133</v>
      </c>
      <c r="L25" s="367">
        <v>22704639</v>
      </c>
      <c r="M25" s="330">
        <v>23694937</v>
      </c>
      <c r="N25" s="326">
        <v>183614</v>
      </c>
      <c r="O25" s="327">
        <v>185818</v>
      </c>
      <c r="P25" s="328">
        <v>369432</v>
      </c>
      <c r="Q25" s="326">
        <v>0</v>
      </c>
      <c r="R25" s="327">
        <v>1704247</v>
      </c>
      <c r="S25" s="327">
        <v>1985006</v>
      </c>
      <c r="T25" s="327">
        <v>1689675</v>
      </c>
      <c r="U25" s="327">
        <v>627954</v>
      </c>
      <c r="V25" s="327">
        <v>1531309</v>
      </c>
      <c r="W25" s="328">
        <v>7538191</v>
      </c>
      <c r="X25" s="330">
        <v>7907623</v>
      </c>
      <c r="Y25" s="326">
        <v>0</v>
      </c>
      <c r="Z25" s="327">
        <v>0</v>
      </c>
      <c r="AA25" s="328">
        <v>0</v>
      </c>
      <c r="AB25" s="326">
        <v>0</v>
      </c>
      <c r="AC25" s="327">
        <v>751837</v>
      </c>
      <c r="AD25" s="327">
        <v>876464</v>
      </c>
      <c r="AE25" s="327">
        <v>565592</v>
      </c>
      <c r="AF25" s="327">
        <v>169255</v>
      </c>
      <c r="AG25" s="327">
        <v>871339</v>
      </c>
      <c r="AH25" s="328">
        <v>3234487</v>
      </c>
      <c r="AI25" s="330">
        <v>3234487</v>
      </c>
      <c r="AJ25" s="326">
        <v>0</v>
      </c>
      <c r="AK25" s="327">
        <v>0</v>
      </c>
      <c r="AL25" s="328">
        <v>0</v>
      </c>
      <c r="AM25" s="326">
        <v>0</v>
      </c>
      <c r="AN25" s="327">
        <v>0</v>
      </c>
      <c r="AO25" s="327">
        <v>0</v>
      </c>
      <c r="AP25" s="327">
        <v>82114</v>
      </c>
      <c r="AQ25" s="327">
        <v>0</v>
      </c>
      <c r="AR25" s="327">
        <v>201119</v>
      </c>
      <c r="AS25" s="328">
        <v>283233</v>
      </c>
      <c r="AT25" s="330">
        <v>283233</v>
      </c>
      <c r="AU25" s="326">
        <v>120438</v>
      </c>
      <c r="AV25" s="327">
        <v>71304</v>
      </c>
      <c r="AW25" s="328">
        <v>191742</v>
      </c>
      <c r="AX25" s="326">
        <v>0</v>
      </c>
      <c r="AY25" s="327">
        <v>664666</v>
      </c>
      <c r="AZ25" s="327">
        <v>752694</v>
      </c>
      <c r="BA25" s="327">
        <v>468740</v>
      </c>
      <c r="BB25" s="327">
        <v>182185</v>
      </c>
      <c r="BC25" s="327">
        <v>207935</v>
      </c>
      <c r="BD25" s="328">
        <v>2276220</v>
      </c>
      <c r="BE25" s="330">
        <v>2467962</v>
      </c>
      <c r="BF25" s="326">
        <v>47704</v>
      </c>
      <c r="BG25" s="327">
        <v>52530</v>
      </c>
      <c r="BH25" s="331">
        <v>100234</v>
      </c>
      <c r="BI25" s="332">
        <v>0</v>
      </c>
      <c r="BJ25" s="327">
        <v>97056</v>
      </c>
      <c r="BK25" s="327">
        <v>176856</v>
      </c>
      <c r="BL25" s="327">
        <v>206389</v>
      </c>
      <c r="BM25" s="327">
        <v>16450</v>
      </c>
      <c r="BN25" s="327">
        <v>112236</v>
      </c>
      <c r="BO25" s="328">
        <v>608987</v>
      </c>
      <c r="BP25" s="330">
        <v>709221</v>
      </c>
      <c r="BQ25" s="326">
        <v>15472</v>
      </c>
      <c r="BR25" s="327">
        <v>61984</v>
      </c>
      <c r="BS25" s="328">
        <v>77456</v>
      </c>
      <c r="BT25" s="326">
        <v>0</v>
      </c>
      <c r="BU25" s="327">
        <v>190688</v>
      </c>
      <c r="BV25" s="327">
        <v>178992</v>
      </c>
      <c r="BW25" s="327">
        <v>366840</v>
      </c>
      <c r="BX25" s="327">
        <v>260064</v>
      </c>
      <c r="BY25" s="327">
        <v>138680</v>
      </c>
      <c r="BZ25" s="328">
        <v>1135264</v>
      </c>
      <c r="CA25" s="330">
        <v>1212720</v>
      </c>
      <c r="CB25" s="326">
        <v>62072</v>
      </c>
      <c r="CC25" s="327">
        <v>40413</v>
      </c>
      <c r="CD25" s="328">
        <v>102485</v>
      </c>
      <c r="CE25" s="326">
        <v>0</v>
      </c>
      <c r="CF25" s="327">
        <v>2137966</v>
      </c>
      <c r="CG25" s="327">
        <v>1756936</v>
      </c>
      <c r="CH25" s="327">
        <v>1267854</v>
      </c>
      <c r="CI25" s="327">
        <v>435842</v>
      </c>
      <c r="CJ25" s="327">
        <v>185346</v>
      </c>
      <c r="CK25" s="328">
        <v>5783944</v>
      </c>
      <c r="CL25" s="330">
        <v>5886429</v>
      </c>
      <c r="CM25" s="326">
        <v>0</v>
      </c>
      <c r="CN25" s="327">
        <v>0</v>
      </c>
      <c r="CO25" s="328">
        <v>0</v>
      </c>
      <c r="CP25" s="332">
        <v>0</v>
      </c>
      <c r="CQ25" s="327">
        <v>1530501</v>
      </c>
      <c r="CR25" s="327">
        <v>1257213</v>
      </c>
      <c r="CS25" s="327">
        <v>949713</v>
      </c>
      <c r="CT25" s="327">
        <v>317697</v>
      </c>
      <c r="CU25" s="327">
        <v>101773</v>
      </c>
      <c r="CV25" s="328">
        <v>4156897</v>
      </c>
      <c r="CW25" s="330">
        <v>4156897</v>
      </c>
      <c r="CX25" s="326">
        <v>62072</v>
      </c>
      <c r="CY25" s="327">
        <v>40413</v>
      </c>
      <c r="CZ25" s="328">
        <v>102485</v>
      </c>
      <c r="DA25" s="326">
        <v>0</v>
      </c>
      <c r="DB25" s="327">
        <v>607465</v>
      </c>
      <c r="DC25" s="327">
        <v>499723</v>
      </c>
      <c r="DD25" s="327">
        <v>318141</v>
      </c>
      <c r="DE25" s="327">
        <v>118145</v>
      </c>
      <c r="DF25" s="327">
        <v>83573</v>
      </c>
      <c r="DG25" s="328">
        <v>1627047</v>
      </c>
      <c r="DH25" s="330">
        <v>1729532</v>
      </c>
      <c r="DI25" s="326">
        <v>0</v>
      </c>
      <c r="DJ25" s="327">
        <v>35194</v>
      </c>
      <c r="DK25" s="331">
        <v>35194</v>
      </c>
      <c r="DL25" s="332">
        <v>0</v>
      </c>
      <c r="DM25" s="327">
        <v>315378</v>
      </c>
      <c r="DN25" s="327">
        <v>165143</v>
      </c>
      <c r="DO25" s="327">
        <v>556031</v>
      </c>
      <c r="DP25" s="327">
        <v>1147156</v>
      </c>
      <c r="DQ25" s="327">
        <v>63516</v>
      </c>
      <c r="DR25" s="328">
        <v>2247224</v>
      </c>
      <c r="DS25" s="330">
        <v>2282418</v>
      </c>
      <c r="DT25" s="326">
        <v>0</v>
      </c>
      <c r="DU25" s="327">
        <v>35194</v>
      </c>
      <c r="DV25" s="328">
        <v>35194</v>
      </c>
      <c r="DW25" s="326">
        <v>0</v>
      </c>
      <c r="DX25" s="327">
        <v>315378</v>
      </c>
      <c r="DY25" s="327">
        <v>165143</v>
      </c>
      <c r="DZ25" s="327">
        <v>526166</v>
      </c>
      <c r="EA25" s="327">
        <v>938778</v>
      </c>
      <c r="EB25" s="327">
        <v>63516</v>
      </c>
      <c r="EC25" s="328">
        <v>2008981</v>
      </c>
      <c r="ED25" s="330">
        <v>2044175</v>
      </c>
      <c r="EE25" s="326">
        <v>0</v>
      </c>
      <c r="EF25" s="331">
        <v>0</v>
      </c>
      <c r="EG25" s="328">
        <v>0</v>
      </c>
      <c r="EH25" s="326">
        <v>0</v>
      </c>
      <c r="EI25" s="327">
        <v>0</v>
      </c>
      <c r="EJ25" s="327">
        <v>0</v>
      </c>
      <c r="EK25" s="327">
        <v>29865</v>
      </c>
      <c r="EL25" s="327">
        <v>208378</v>
      </c>
      <c r="EM25" s="327">
        <v>0</v>
      </c>
      <c r="EN25" s="331">
        <v>238243</v>
      </c>
      <c r="EO25" s="330">
        <v>238243</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78672</v>
      </c>
      <c r="FM25" s="327">
        <v>165432</v>
      </c>
      <c r="FN25" s="328">
        <v>244104</v>
      </c>
      <c r="FO25" s="326">
        <v>0</v>
      </c>
      <c r="FP25" s="327">
        <v>659416</v>
      </c>
      <c r="FQ25" s="327">
        <v>468968</v>
      </c>
      <c r="FR25" s="327">
        <v>425552</v>
      </c>
      <c r="FS25" s="327">
        <v>351216</v>
      </c>
      <c r="FT25" s="327">
        <v>248472</v>
      </c>
      <c r="FU25" s="328">
        <v>2153624</v>
      </c>
      <c r="FV25" s="330">
        <v>2397728</v>
      </c>
      <c r="FW25" s="333">
        <v>43472</v>
      </c>
      <c r="FX25" s="327">
        <v>131592</v>
      </c>
      <c r="FY25" s="331">
        <v>175064</v>
      </c>
      <c r="FZ25" s="332">
        <v>0</v>
      </c>
      <c r="GA25" s="327">
        <v>355304</v>
      </c>
      <c r="GB25" s="327">
        <v>455128</v>
      </c>
      <c r="GC25" s="327">
        <v>396512</v>
      </c>
      <c r="GD25" s="327">
        <v>247216</v>
      </c>
      <c r="GE25" s="327">
        <v>248472</v>
      </c>
      <c r="GF25" s="328">
        <v>1702632</v>
      </c>
      <c r="GG25" s="334">
        <v>1877696</v>
      </c>
      <c r="GH25" s="333">
        <v>0</v>
      </c>
      <c r="GI25" s="327">
        <v>33840</v>
      </c>
      <c r="GJ25" s="331">
        <v>33840</v>
      </c>
      <c r="GK25" s="332">
        <v>0</v>
      </c>
      <c r="GL25" s="327">
        <v>58512</v>
      </c>
      <c r="GM25" s="327">
        <v>13840</v>
      </c>
      <c r="GN25" s="327">
        <v>29040</v>
      </c>
      <c r="GO25" s="327">
        <v>0</v>
      </c>
      <c r="GP25" s="327">
        <v>0</v>
      </c>
      <c r="GQ25" s="328">
        <v>101392</v>
      </c>
      <c r="GR25" s="330">
        <v>135232</v>
      </c>
      <c r="GS25" s="326">
        <v>35200</v>
      </c>
      <c r="GT25" s="327">
        <v>0</v>
      </c>
      <c r="GU25" s="328">
        <v>35200</v>
      </c>
      <c r="GV25" s="326">
        <v>0</v>
      </c>
      <c r="GW25" s="327">
        <v>245600</v>
      </c>
      <c r="GX25" s="327">
        <v>0</v>
      </c>
      <c r="GY25" s="327">
        <v>0</v>
      </c>
      <c r="GZ25" s="327">
        <v>104000</v>
      </c>
      <c r="HA25" s="327">
        <v>0</v>
      </c>
      <c r="HB25" s="331">
        <v>349600</v>
      </c>
      <c r="HC25" s="330">
        <v>384800</v>
      </c>
      <c r="HD25" s="326">
        <v>52475</v>
      </c>
      <c r="HE25" s="327">
        <v>186608</v>
      </c>
      <c r="HF25" s="331">
        <v>239083</v>
      </c>
      <c r="HG25" s="332">
        <v>0</v>
      </c>
      <c r="HH25" s="327">
        <v>822807</v>
      </c>
      <c r="HI25" s="327">
        <v>174305</v>
      </c>
      <c r="HJ25" s="327">
        <v>1710378</v>
      </c>
      <c r="HK25" s="327">
        <v>1717676</v>
      </c>
      <c r="HL25" s="327">
        <v>556490</v>
      </c>
      <c r="HM25" s="328">
        <v>4981656</v>
      </c>
      <c r="HN25" s="329">
        <v>5220739</v>
      </c>
      <c r="HO25" s="333">
        <v>0</v>
      </c>
      <c r="HP25" s="327">
        <v>0</v>
      </c>
      <c r="HQ25" s="328">
        <v>0</v>
      </c>
      <c r="HR25" s="326">
        <v>0</v>
      </c>
      <c r="HS25" s="327">
        <v>0</v>
      </c>
      <c r="HT25" s="327">
        <v>0</v>
      </c>
      <c r="HU25" s="327">
        <v>0</v>
      </c>
      <c r="HV25" s="327">
        <v>0</v>
      </c>
      <c r="HW25" s="327">
        <v>0</v>
      </c>
      <c r="HX25" s="331">
        <v>0</v>
      </c>
      <c r="HY25" s="330">
        <v>0</v>
      </c>
      <c r="HZ25" s="335">
        <v>0</v>
      </c>
      <c r="IA25" s="336">
        <v>0</v>
      </c>
      <c r="IB25" s="337">
        <v>0</v>
      </c>
      <c r="IC25" s="338">
        <v>0</v>
      </c>
      <c r="ID25" s="336">
        <v>488906</v>
      </c>
      <c r="IE25" s="339">
        <v>768733</v>
      </c>
      <c r="IF25" s="337">
        <v>1541683</v>
      </c>
      <c r="IG25" s="336">
        <v>324707</v>
      </c>
      <c r="IH25" s="337">
        <v>203656</v>
      </c>
      <c r="II25" s="340">
        <v>3327685</v>
      </c>
      <c r="IJ25" s="341">
        <v>3327685</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488906</v>
      </c>
      <c r="JL25" s="345">
        <v>768733</v>
      </c>
      <c r="JM25" s="345">
        <v>287503</v>
      </c>
      <c r="JN25" s="345">
        <v>64100</v>
      </c>
      <c r="JO25" s="345">
        <v>203656</v>
      </c>
      <c r="JP25" s="349">
        <v>1812898</v>
      </c>
      <c r="JQ25" s="347">
        <v>1812898</v>
      </c>
      <c r="JR25" s="348">
        <v>0</v>
      </c>
      <c r="JS25" s="345">
        <v>0</v>
      </c>
      <c r="JT25" s="346">
        <v>0</v>
      </c>
      <c r="JU25" s="351">
        <v>0</v>
      </c>
      <c r="JV25" s="345">
        <v>0</v>
      </c>
      <c r="JW25" s="345">
        <v>0</v>
      </c>
      <c r="JX25" s="345">
        <v>0</v>
      </c>
      <c r="JY25" s="345">
        <v>0</v>
      </c>
      <c r="JZ25" s="345">
        <v>0</v>
      </c>
      <c r="KA25" s="349">
        <v>0</v>
      </c>
      <c r="KB25" s="347">
        <v>0</v>
      </c>
      <c r="KC25" s="352">
        <v>0</v>
      </c>
      <c r="KD25" s="353">
        <v>0</v>
      </c>
      <c r="KE25" s="349">
        <v>0</v>
      </c>
      <c r="KF25" s="351">
        <v>0</v>
      </c>
      <c r="KG25" s="345">
        <v>0</v>
      </c>
      <c r="KH25" s="345">
        <v>0</v>
      </c>
      <c r="KI25" s="345">
        <v>241888</v>
      </c>
      <c r="KJ25" s="345">
        <v>0</v>
      </c>
      <c r="KK25" s="345">
        <v>0</v>
      </c>
      <c r="KL25" s="349">
        <v>241888</v>
      </c>
      <c r="KM25" s="354">
        <v>241888</v>
      </c>
      <c r="KN25" s="342">
        <v>0</v>
      </c>
      <c r="KO25" s="343">
        <v>0</v>
      </c>
      <c r="KP25" s="344">
        <v>0</v>
      </c>
      <c r="KQ25" s="404">
        <v>0</v>
      </c>
      <c r="KR25" s="345">
        <v>0</v>
      </c>
      <c r="KS25" s="345">
        <v>0</v>
      </c>
      <c r="KT25" s="345">
        <v>1012292</v>
      </c>
      <c r="KU25" s="345">
        <v>260607</v>
      </c>
      <c r="KV25" s="345">
        <v>0</v>
      </c>
      <c r="KW25" s="349">
        <v>1272899</v>
      </c>
      <c r="KX25" s="347">
        <v>1272899</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116155</v>
      </c>
      <c r="MK25" s="345">
        <v>499654</v>
      </c>
      <c r="ML25" s="345">
        <v>708698</v>
      </c>
      <c r="MM25" s="345">
        <v>2812753</v>
      </c>
      <c r="MN25" s="345">
        <v>1661491</v>
      </c>
      <c r="MO25" s="349">
        <v>5798751</v>
      </c>
      <c r="MP25" s="354">
        <v>5798751</v>
      </c>
      <c r="MQ25" s="348">
        <v>0</v>
      </c>
      <c r="MR25" s="345">
        <v>0</v>
      </c>
      <c r="MS25" s="349">
        <v>0</v>
      </c>
      <c r="MT25" s="404">
        <v>0</v>
      </c>
      <c r="MU25" s="345">
        <v>0</v>
      </c>
      <c r="MV25" s="345">
        <v>499654</v>
      </c>
      <c r="MW25" s="345">
        <v>708698</v>
      </c>
      <c r="MX25" s="345">
        <v>2468661</v>
      </c>
      <c r="MY25" s="345">
        <v>1661491</v>
      </c>
      <c r="MZ25" s="349">
        <v>5338504</v>
      </c>
      <c r="NA25" s="354">
        <v>5338504</v>
      </c>
      <c r="NB25" s="348">
        <v>0</v>
      </c>
      <c r="NC25" s="345">
        <v>0</v>
      </c>
      <c r="ND25" s="349">
        <v>0</v>
      </c>
      <c r="NE25" s="404">
        <v>0</v>
      </c>
      <c r="NF25" s="345">
        <v>116155</v>
      </c>
      <c r="NG25" s="345">
        <v>0</v>
      </c>
      <c r="NH25" s="345">
        <v>0</v>
      </c>
      <c r="NI25" s="345">
        <v>344092</v>
      </c>
      <c r="NJ25" s="345">
        <v>0</v>
      </c>
      <c r="NK25" s="349">
        <v>460247</v>
      </c>
      <c r="NL25" s="347">
        <v>460247</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0</v>
      </c>
      <c r="OE25" s="345">
        <v>0</v>
      </c>
      <c r="OF25" s="345">
        <v>0</v>
      </c>
      <c r="OG25" s="349">
        <v>0</v>
      </c>
      <c r="OH25" s="350">
        <v>0</v>
      </c>
      <c r="OI25" s="348">
        <v>376833</v>
      </c>
      <c r="OJ25" s="345">
        <v>613465</v>
      </c>
      <c r="OK25" s="346">
        <v>990298</v>
      </c>
      <c r="OL25" s="351">
        <v>0</v>
      </c>
      <c r="OM25" s="345">
        <v>6244875</v>
      </c>
      <c r="ON25" s="345">
        <v>5818745</v>
      </c>
      <c r="OO25" s="345">
        <v>7899871</v>
      </c>
      <c r="OP25" s="345">
        <v>7417304</v>
      </c>
      <c r="OQ25" s="345">
        <v>4450280</v>
      </c>
      <c r="OR25" s="349">
        <v>31831075</v>
      </c>
      <c r="OS25" s="354">
        <v>32821373</v>
      </c>
    </row>
    <row r="26" spans="2:409" s="70" customFormat="1" ht="21" customHeight="1" x14ac:dyDescent="0.2">
      <c r="B26" s="410" t="s">
        <v>21</v>
      </c>
      <c r="C26" s="326">
        <v>403546</v>
      </c>
      <c r="D26" s="327">
        <v>416339</v>
      </c>
      <c r="E26" s="328">
        <v>819885</v>
      </c>
      <c r="F26" s="329">
        <v>0</v>
      </c>
      <c r="G26" s="327">
        <v>3780095</v>
      </c>
      <c r="H26" s="327">
        <v>4379995</v>
      </c>
      <c r="I26" s="327">
        <v>3940655</v>
      </c>
      <c r="J26" s="327">
        <v>2632510</v>
      </c>
      <c r="K26" s="327">
        <v>2324067</v>
      </c>
      <c r="L26" s="367">
        <v>17057322</v>
      </c>
      <c r="M26" s="330">
        <v>17877207</v>
      </c>
      <c r="N26" s="326">
        <v>198816</v>
      </c>
      <c r="O26" s="327">
        <v>127752</v>
      </c>
      <c r="P26" s="328">
        <v>326568</v>
      </c>
      <c r="Q26" s="326">
        <v>0</v>
      </c>
      <c r="R26" s="327">
        <v>1165809</v>
      </c>
      <c r="S26" s="327">
        <v>1412853</v>
      </c>
      <c r="T26" s="327">
        <v>780553</v>
      </c>
      <c r="U26" s="327">
        <v>1012347</v>
      </c>
      <c r="V26" s="327">
        <v>1355846</v>
      </c>
      <c r="W26" s="328">
        <v>5727408</v>
      </c>
      <c r="X26" s="330">
        <v>6053976</v>
      </c>
      <c r="Y26" s="326">
        <v>0</v>
      </c>
      <c r="Z26" s="327">
        <v>0</v>
      </c>
      <c r="AA26" s="328">
        <v>0</v>
      </c>
      <c r="AB26" s="326">
        <v>0</v>
      </c>
      <c r="AC26" s="327">
        <v>293681</v>
      </c>
      <c r="AD26" s="327">
        <v>470978</v>
      </c>
      <c r="AE26" s="327">
        <v>337758</v>
      </c>
      <c r="AF26" s="327">
        <v>283897</v>
      </c>
      <c r="AG26" s="327">
        <v>760993</v>
      </c>
      <c r="AH26" s="328">
        <v>2147307</v>
      </c>
      <c r="AI26" s="330">
        <v>2147307</v>
      </c>
      <c r="AJ26" s="326">
        <v>0</v>
      </c>
      <c r="AK26" s="327">
        <v>0</v>
      </c>
      <c r="AL26" s="328">
        <v>0</v>
      </c>
      <c r="AM26" s="326">
        <v>0</v>
      </c>
      <c r="AN26" s="327">
        <v>0</v>
      </c>
      <c r="AO26" s="327">
        <v>13601</v>
      </c>
      <c r="AP26" s="327">
        <v>0</v>
      </c>
      <c r="AQ26" s="327">
        <v>46994</v>
      </c>
      <c r="AR26" s="327">
        <v>118723</v>
      </c>
      <c r="AS26" s="328">
        <v>179318</v>
      </c>
      <c r="AT26" s="330">
        <v>179318</v>
      </c>
      <c r="AU26" s="326">
        <v>77130</v>
      </c>
      <c r="AV26" s="327">
        <v>83115</v>
      </c>
      <c r="AW26" s="328">
        <v>160245</v>
      </c>
      <c r="AX26" s="326">
        <v>0</v>
      </c>
      <c r="AY26" s="327">
        <v>620471</v>
      </c>
      <c r="AZ26" s="327">
        <v>594048</v>
      </c>
      <c r="BA26" s="327">
        <v>279235</v>
      </c>
      <c r="BB26" s="327">
        <v>508768</v>
      </c>
      <c r="BC26" s="327">
        <v>284246</v>
      </c>
      <c r="BD26" s="328">
        <v>2286768</v>
      </c>
      <c r="BE26" s="330">
        <v>2447013</v>
      </c>
      <c r="BF26" s="326">
        <v>71502</v>
      </c>
      <c r="BG26" s="327">
        <v>21133</v>
      </c>
      <c r="BH26" s="331">
        <v>92635</v>
      </c>
      <c r="BI26" s="332">
        <v>0</v>
      </c>
      <c r="BJ26" s="327">
        <v>48841</v>
      </c>
      <c r="BK26" s="327">
        <v>93850</v>
      </c>
      <c r="BL26" s="327">
        <v>0</v>
      </c>
      <c r="BM26" s="327">
        <v>0</v>
      </c>
      <c r="BN26" s="327">
        <v>56860</v>
      </c>
      <c r="BO26" s="328">
        <v>199551</v>
      </c>
      <c r="BP26" s="330">
        <v>292186</v>
      </c>
      <c r="BQ26" s="326">
        <v>50184</v>
      </c>
      <c r="BR26" s="327">
        <v>23504</v>
      </c>
      <c r="BS26" s="328">
        <v>73688</v>
      </c>
      <c r="BT26" s="326">
        <v>0</v>
      </c>
      <c r="BU26" s="327">
        <v>202816</v>
      </c>
      <c r="BV26" s="327">
        <v>240376</v>
      </c>
      <c r="BW26" s="327">
        <v>163560</v>
      </c>
      <c r="BX26" s="327">
        <v>172688</v>
      </c>
      <c r="BY26" s="327">
        <v>135024</v>
      </c>
      <c r="BZ26" s="328">
        <v>914464</v>
      </c>
      <c r="CA26" s="330">
        <v>988152</v>
      </c>
      <c r="CB26" s="326">
        <v>60698</v>
      </c>
      <c r="CC26" s="327">
        <v>37583</v>
      </c>
      <c r="CD26" s="328">
        <v>98281</v>
      </c>
      <c r="CE26" s="326">
        <v>0</v>
      </c>
      <c r="CF26" s="327">
        <v>1271440</v>
      </c>
      <c r="CG26" s="327">
        <v>1466793</v>
      </c>
      <c r="CH26" s="327">
        <v>1218058</v>
      </c>
      <c r="CI26" s="327">
        <v>423364</v>
      </c>
      <c r="CJ26" s="327">
        <v>100578</v>
      </c>
      <c r="CK26" s="328">
        <v>4480233</v>
      </c>
      <c r="CL26" s="330">
        <v>4578514</v>
      </c>
      <c r="CM26" s="326">
        <v>0</v>
      </c>
      <c r="CN26" s="327">
        <v>0</v>
      </c>
      <c r="CO26" s="328">
        <v>0</v>
      </c>
      <c r="CP26" s="332">
        <v>0</v>
      </c>
      <c r="CQ26" s="327">
        <v>888692</v>
      </c>
      <c r="CR26" s="327">
        <v>1161325</v>
      </c>
      <c r="CS26" s="327">
        <v>926315</v>
      </c>
      <c r="CT26" s="327">
        <v>423364</v>
      </c>
      <c r="CU26" s="327">
        <v>100578</v>
      </c>
      <c r="CV26" s="328">
        <v>3500274</v>
      </c>
      <c r="CW26" s="330">
        <v>3500274</v>
      </c>
      <c r="CX26" s="326">
        <v>60698</v>
      </c>
      <c r="CY26" s="327">
        <v>37583</v>
      </c>
      <c r="CZ26" s="328">
        <v>98281</v>
      </c>
      <c r="DA26" s="326">
        <v>0</v>
      </c>
      <c r="DB26" s="327">
        <v>382748</v>
      </c>
      <c r="DC26" s="327">
        <v>305468</v>
      </c>
      <c r="DD26" s="327">
        <v>291743</v>
      </c>
      <c r="DE26" s="327">
        <v>0</v>
      </c>
      <c r="DF26" s="327">
        <v>0</v>
      </c>
      <c r="DG26" s="328">
        <v>979959</v>
      </c>
      <c r="DH26" s="330">
        <v>1078240</v>
      </c>
      <c r="DI26" s="326">
        <v>0</v>
      </c>
      <c r="DJ26" s="327">
        <v>0</v>
      </c>
      <c r="DK26" s="331">
        <v>0</v>
      </c>
      <c r="DL26" s="332">
        <v>0</v>
      </c>
      <c r="DM26" s="327">
        <v>110520</v>
      </c>
      <c r="DN26" s="327">
        <v>129180</v>
      </c>
      <c r="DO26" s="327">
        <v>286087</v>
      </c>
      <c r="DP26" s="327">
        <v>86020</v>
      </c>
      <c r="DQ26" s="327">
        <v>276063</v>
      </c>
      <c r="DR26" s="328">
        <v>887870</v>
      </c>
      <c r="DS26" s="330">
        <v>887870</v>
      </c>
      <c r="DT26" s="326">
        <v>0</v>
      </c>
      <c r="DU26" s="327">
        <v>0</v>
      </c>
      <c r="DV26" s="328">
        <v>0</v>
      </c>
      <c r="DW26" s="326">
        <v>0</v>
      </c>
      <c r="DX26" s="327">
        <v>110520</v>
      </c>
      <c r="DY26" s="327">
        <v>129180</v>
      </c>
      <c r="DZ26" s="327">
        <v>286087</v>
      </c>
      <c r="EA26" s="327">
        <v>86020</v>
      </c>
      <c r="EB26" s="327">
        <v>276063</v>
      </c>
      <c r="EC26" s="328">
        <v>887870</v>
      </c>
      <c r="ED26" s="330">
        <v>887870</v>
      </c>
      <c r="EE26" s="326">
        <v>0</v>
      </c>
      <c r="EF26" s="331">
        <v>0</v>
      </c>
      <c r="EG26" s="328">
        <v>0</v>
      </c>
      <c r="EH26" s="326">
        <v>0</v>
      </c>
      <c r="EI26" s="327">
        <v>0</v>
      </c>
      <c r="EJ26" s="327">
        <v>0</v>
      </c>
      <c r="EK26" s="327">
        <v>0</v>
      </c>
      <c r="EL26" s="327">
        <v>0</v>
      </c>
      <c r="EM26" s="327">
        <v>0</v>
      </c>
      <c r="EN26" s="331">
        <v>0</v>
      </c>
      <c r="EO26" s="330">
        <v>0</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144032</v>
      </c>
      <c r="FM26" s="327">
        <v>96144</v>
      </c>
      <c r="FN26" s="328">
        <v>240176</v>
      </c>
      <c r="FO26" s="326">
        <v>0</v>
      </c>
      <c r="FP26" s="327">
        <v>259816</v>
      </c>
      <c r="FQ26" s="327">
        <v>431960</v>
      </c>
      <c r="FR26" s="327">
        <v>309480</v>
      </c>
      <c r="FS26" s="327">
        <v>263744</v>
      </c>
      <c r="FT26" s="327">
        <v>115648</v>
      </c>
      <c r="FU26" s="328">
        <v>1380648</v>
      </c>
      <c r="FV26" s="330">
        <v>1620824</v>
      </c>
      <c r="FW26" s="333">
        <v>63072</v>
      </c>
      <c r="FX26" s="327">
        <v>96144</v>
      </c>
      <c r="FY26" s="331">
        <v>159216</v>
      </c>
      <c r="FZ26" s="332">
        <v>0</v>
      </c>
      <c r="GA26" s="327">
        <v>107016</v>
      </c>
      <c r="GB26" s="327">
        <v>431960</v>
      </c>
      <c r="GC26" s="327">
        <v>309480</v>
      </c>
      <c r="GD26" s="327">
        <v>263744</v>
      </c>
      <c r="GE26" s="327">
        <v>115648</v>
      </c>
      <c r="GF26" s="328">
        <v>1227848</v>
      </c>
      <c r="GG26" s="334">
        <v>1387064</v>
      </c>
      <c r="GH26" s="333">
        <v>0</v>
      </c>
      <c r="GI26" s="327">
        <v>0</v>
      </c>
      <c r="GJ26" s="331">
        <v>0</v>
      </c>
      <c r="GK26" s="332">
        <v>0</v>
      </c>
      <c r="GL26" s="327">
        <v>26400</v>
      </c>
      <c r="GM26" s="327">
        <v>0</v>
      </c>
      <c r="GN26" s="327">
        <v>0</v>
      </c>
      <c r="GO26" s="327">
        <v>0</v>
      </c>
      <c r="GP26" s="327">
        <v>0</v>
      </c>
      <c r="GQ26" s="328">
        <v>26400</v>
      </c>
      <c r="GR26" s="330">
        <v>26400</v>
      </c>
      <c r="GS26" s="326">
        <v>80960</v>
      </c>
      <c r="GT26" s="327">
        <v>0</v>
      </c>
      <c r="GU26" s="328">
        <v>80960</v>
      </c>
      <c r="GV26" s="326">
        <v>0</v>
      </c>
      <c r="GW26" s="327">
        <v>126400</v>
      </c>
      <c r="GX26" s="327">
        <v>0</v>
      </c>
      <c r="GY26" s="327">
        <v>0</v>
      </c>
      <c r="GZ26" s="327">
        <v>0</v>
      </c>
      <c r="HA26" s="327">
        <v>0</v>
      </c>
      <c r="HB26" s="331">
        <v>126400</v>
      </c>
      <c r="HC26" s="330">
        <v>207360</v>
      </c>
      <c r="HD26" s="326">
        <v>0</v>
      </c>
      <c r="HE26" s="327">
        <v>154860</v>
      </c>
      <c r="HF26" s="331">
        <v>154860</v>
      </c>
      <c r="HG26" s="332">
        <v>0</v>
      </c>
      <c r="HH26" s="327">
        <v>972510</v>
      </c>
      <c r="HI26" s="327">
        <v>939209</v>
      </c>
      <c r="HJ26" s="327">
        <v>1346477</v>
      </c>
      <c r="HK26" s="327">
        <v>847035</v>
      </c>
      <c r="HL26" s="327">
        <v>475932</v>
      </c>
      <c r="HM26" s="328">
        <v>4581163</v>
      </c>
      <c r="HN26" s="329">
        <v>4736023</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885823</v>
      </c>
      <c r="IE26" s="357">
        <v>750636</v>
      </c>
      <c r="IF26" s="358">
        <v>872839</v>
      </c>
      <c r="IG26" s="356">
        <v>121569</v>
      </c>
      <c r="IH26" s="358">
        <v>0</v>
      </c>
      <c r="II26" s="359">
        <v>2630867</v>
      </c>
      <c r="IJ26" s="358">
        <v>2630867</v>
      </c>
      <c r="IK26" s="342">
        <v>0</v>
      </c>
      <c r="IL26" s="343">
        <v>0</v>
      </c>
      <c r="IM26" s="344">
        <v>0</v>
      </c>
      <c r="IN26" s="404">
        <v>0</v>
      </c>
      <c r="IO26" s="345">
        <v>0</v>
      </c>
      <c r="IP26" s="345">
        <v>0</v>
      </c>
      <c r="IQ26" s="345">
        <v>0</v>
      </c>
      <c r="IR26" s="345">
        <v>0</v>
      </c>
      <c r="IS26" s="345">
        <v>0</v>
      </c>
      <c r="IT26" s="346">
        <v>0</v>
      </c>
      <c r="IU26" s="347">
        <v>0</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565278</v>
      </c>
      <c r="JL26" s="345">
        <v>262464</v>
      </c>
      <c r="JM26" s="345">
        <v>149265</v>
      </c>
      <c r="JN26" s="345">
        <v>121569</v>
      </c>
      <c r="JO26" s="345">
        <v>0</v>
      </c>
      <c r="JP26" s="349">
        <v>1098576</v>
      </c>
      <c r="JQ26" s="347">
        <v>1098576</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0</v>
      </c>
      <c r="KH26" s="345">
        <v>0</v>
      </c>
      <c r="KI26" s="345">
        <v>228630</v>
      </c>
      <c r="KJ26" s="345">
        <v>0</v>
      </c>
      <c r="KK26" s="345">
        <v>0</v>
      </c>
      <c r="KL26" s="349">
        <v>228630</v>
      </c>
      <c r="KM26" s="354">
        <v>228630</v>
      </c>
      <c r="KN26" s="342">
        <v>0</v>
      </c>
      <c r="KO26" s="343">
        <v>0</v>
      </c>
      <c r="KP26" s="344">
        <v>0</v>
      </c>
      <c r="KQ26" s="404">
        <v>0</v>
      </c>
      <c r="KR26" s="345">
        <v>320545</v>
      </c>
      <c r="KS26" s="345">
        <v>488172</v>
      </c>
      <c r="KT26" s="345">
        <v>494944</v>
      </c>
      <c r="KU26" s="345">
        <v>0</v>
      </c>
      <c r="KV26" s="345">
        <v>0</v>
      </c>
      <c r="KW26" s="349">
        <v>1303661</v>
      </c>
      <c r="KX26" s="347">
        <v>1303661</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0</v>
      </c>
      <c r="MK26" s="345">
        <v>258482</v>
      </c>
      <c r="ML26" s="345">
        <v>2220899</v>
      </c>
      <c r="MM26" s="345">
        <v>1782850</v>
      </c>
      <c r="MN26" s="345">
        <v>2615903</v>
      </c>
      <c r="MO26" s="349">
        <v>6878134</v>
      </c>
      <c r="MP26" s="354">
        <v>6878134</v>
      </c>
      <c r="MQ26" s="348">
        <v>0</v>
      </c>
      <c r="MR26" s="345">
        <v>0</v>
      </c>
      <c r="MS26" s="349">
        <v>0</v>
      </c>
      <c r="MT26" s="404">
        <v>0</v>
      </c>
      <c r="MU26" s="345">
        <v>0</v>
      </c>
      <c r="MV26" s="345">
        <v>0</v>
      </c>
      <c r="MW26" s="345">
        <v>1263015</v>
      </c>
      <c r="MX26" s="345">
        <v>1782850</v>
      </c>
      <c r="MY26" s="345">
        <v>2333587</v>
      </c>
      <c r="MZ26" s="349">
        <v>5379452</v>
      </c>
      <c r="NA26" s="354">
        <v>5379452</v>
      </c>
      <c r="NB26" s="348">
        <v>0</v>
      </c>
      <c r="NC26" s="345">
        <v>0</v>
      </c>
      <c r="ND26" s="349">
        <v>0</v>
      </c>
      <c r="NE26" s="404">
        <v>0</v>
      </c>
      <c r="NF26" s="345">
        <v>0</v>
      </c>
      <c r="NG26" s="345">
        <v>258482</v>
      </c>
      <c r="NH26" s="345">
        <v>957884</v>
      </c>
      <c r="NI26" s="345">
        <v>0</v>
      </c>
      <c r="NJ26" s="345">
        <v>282316</v>
      </c>
      <c r="NK26" s="349">
        <v>1498682</v>
      </c>
      <c r="NL26" s="347">
        <v>1498682</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0</v>
      </c>
      <c r="OF26" s="345">
        <v>0</v>
      </c>
      <c r="OG26" s="349">
        <v>0</v>
      </c>
      <c r="OH26" s="350">
        <v>0</v>
      </c>
      <c r="OI26" s="348">
        <v>403546</v>
      </c>
      <c r="OJ26" s="345">
        <v>416339</v>
      </c>
      <c r="OK26" s="346">
        <v>819885</v>
      </c>
      <c r="OL26" s="351">
        <v>0</v>
      </c>
      <c r="OM26" s="345">
        <v>4665918</v>
      </c>
      <c r="ON26" s="345">
        <v>5389113</v>
      </c>
      <c r="OO26" s="345">
        <v>7034393</v>
      </c>
      <c r="OP26" s="345">
        <v>4536929</v>
      </c>
      <c r="OQ26" s="345">
        <v>4939970</v>
      </c>
      <c r="OR26" s="349">
        <v>26566323</v>
      </c>
      <c r="OS26" s="354">
        <v>27386208</v>
      </c>
    </row>
    <row r="27" spans="2:409" s="70" customFormat="1" ht="21" customHeight="1" x14ac:dyDescent="0.2">
      <c r="B27" s="410" t="s">
        <v>22</v>
      </c>
      <c r="C27" s="326">
        <v>76528</v>
      </c>
      <c r="D27" s="327">
        <v>198465</v>
      </c>
      <c r="E27" s="328">
        <v>274993</v>
      </c>
      <c r="F27" s="329">
        <v>0</v>
      </c>
      <c r="G27" s="327">
        <v>2405065</v>
      </c>
      <c r="H27" s="327">
        <v>1382509</v>
      </c>
      <c r="I27" s="327">
        <v>1585063</v>
      </c>
      <c r="J27" s="327">
        <v>3115752</v>
      </c>
      <c r="K27" s="327">
        <v>430739</v>
      </c>
      <c r="L27" s="367">
        <v>8919128</v>
      </c>
      <c r="M27" s="330">
        <v>9194121</v>
      </c>
      <c r="N27" s="326">
        <v>51560</v>
      </c>
      <c r="O27" s="327">
        <v>50139</v>
      </c>
      <c r="P27" s="328">
        <v>101699</v>
      </c>
      <c r="Q27" s="326">
        <v>0</v>
      </c>
      <c r="R27" s="327">
        <v>560653</v>
      </c>
      <c r="S27" s="327">
        <v>419040</v>
      </c>
      <c r="T27" s="327">
        <v>247371</v>
      </c>
      <c r="U27" s="327">
        <v>372389</v>
      </c>
      <c r="V27" s="327">
        <v>203414</v>
      </c>
      <c r="W27" s="328">
        <v>1802867</v>
      </c>
      <c r="X27" s="330">
        <v>1904566</v>
      </c>
      <c r="Y27" s="326">
        <v>0</v>
      </c>
      <c r="Z27" s="327">
        <v>0</v>
      </c>
      <c r="AA27" s="328">
        <v>0</v>
      </c>
      <c r="AB27" s="326">
        <v>0</v>
      </c>
      <c r="AC27" s="327">
        <v>348013</v>
      </c>
      <c r="AD27" s="327">
        <v>112925</v>
      </c>
      <c r="AE27" s="327">
        <v>119018</v>
      </c>
      <c r="AF27" s="327">
        <v>132035</v>
      </c>
      <c r="AG27" s="327">
        <v>99683</v>
      </c>
      <c r="AH27" s="328">
        <v>811674</v>
      </c>
      <c r="AI27" s="330">
        <v>811674</v>
      </c>
      <c r="AJ27" s="326">
        <v>0</v>
      </c>
      <c r="AK27" s="327">
        <v>0</v>
      </c>
      <c r="AL27" s="328">
        <v>0</v>
      </c>
      <c r="AM27" s="326">
        <v>0</v>
      </c>
      <c r="AN27" s="327">
        <v>0</v>
      </c>
      <c r="AO27" s="327">
        <v>0</v>
      </c>
      <c r="AP27" s="327">
        <v>0</v>
      </c>
      <c r="AQ27" s="327">
        <v>0</v>
      </c>
      <c r="AR27" s="327">
        <v>0</v>
      </c>
      <c r="AS27" s="328">
        <v>0</v>
      </c>
      <c r="AT27" s="330">
        <v>0</v>
      </c>
      <c r="AU27" s="326">
        <v>0</v>
      </c>
      <c r="AV27" s="327">
        <v>50139</v>
      </c>
      <c r="AW27" s="328">
        <v>50139</v>
      </c>
      <c r="AX27" s="326">
        <v>0</v>
      </c>
      <c r="AY27" s="327">
        <v>94656</v>
      </c>
      <c r="AZ27" s="327">
        <v>182657</v>
      </c>
      <c r="BA27" s="327">
        <v>105265</v>
      </c>
      <c r="BB27" s="327">
        <v>91514</v>
      </c>
      <c r="BC27" s="327">
        <v>103731</v>
      </c>
      <c r="BD27" s="328">
        <v>577823</v>
      </c>
      <c r="BE27" s="330">
        <v>627962</v>
      </c>
      <c r="BF27" s="326">
        <v>38520</v>
      </c>
      <c r="BG27" s="327">
        <v>0</v>
      </c>
      <c r="BH27" s="331">
        <v>38520</v>
      </c>
      <c r="BI27" s="332">
        <v>0</v>
      </c>
      <c r="BJ27" s="327">
        <v>0</v>
      </c>
      <c r="BK27" s="327">
        <v>70642</v>
      </c>
      <c r="BL27" s="327">
        <v>0</v>
      </c>
      <c r="BM27" s="327">
        <v>0</v>
      </c>
      <c r="BN27" s="327">
        <v>0</v>
      </c>
      <c r="BO27" s="328">
        <v>70642</v>
      </c>
      <c r="BP27" s="330">
        <v>109162</v>
      </c>
      <c r="BQ27" s="326">
        <v>13040</v>
      </c>
      <c r="BR27" s="327">
        <v>0</v>
      </c>
      <c r="BS27" s="328">
        <v>13040</v>
      </c>
      <c r="BT27" s="326">
        <v>0</v>
      </c>
      <c r="BU27" s="327">
        <v>117984</v>
      </c>
      <c r="BV27" s="327">
        <v>52816</v>
      </c>
      <c r="BW27" s="327">
        <v>23088</v>
      </c>
      <c r="BX27" s="327">
        <v>148840</v>
      </c>
      <c r="BY27" s="327">
        <v>0</v>
      </c>
      <c r="BZ27" s="328">
        <v>342728</v>
      </c>
      <c r="CA27" s="330">
        <v>355768</v>
      </c>
      <c r="CB27" s="326">
        <v>20728</v>
      </c>
      <c r="CC27" s="327">
        <v>0</v>
      </c>
      <c r="CD27" s="328">
        <v>20728</v>
      </c>
      <c r="CE27" s="326">
        <v>0</v>
      </c>
      <c r="CF27" s="327">
        <v>946674</v>
      </c>
      <c r="CG27" s="327">
        <v>319991</v>
      </c>
      <c r="CH27" s="327">
        <v>846581</v>
      </c>
      <c r="CI27" s="327">
        <v>132868</v>
      </c>
      <c r="CJ27" s="327">
        <v>131373</v>
      </c>
      <c r="CK27" s="328">
        <v>2377487</v>
      </c>
      <c r="CL27" s="330">
        <v>2398215</v>
      </c>
      <c r="CM27" s="326">
        <v>0</v>
      </c>
      <c r="CN27" s="327">
        <v>0</v>
      </c>
      <c r="CO27" s="328">
        <v>0</v>
      </c>
      <c r="CP27" s="332">
        <v>0</v>
      </c>
      <c r="CQ27" s="327">
        <v>661102</v>
      </c>
      <c r="CR27" s="327">
        <v>265985</v>
      </c>
      <c r="CS27" s="327">
        <v>731899</v>
      </c>
      <c r="CT27" s="327">
        <v>0</v>
      </c>
      <c r="CU27" s="327">
        <v>18454</v>
      </c>
      <c r="CV27" s="328">
        <v>1677440</v>
      </c>
      <c r="CW27" s="330">
        <v>1677440</v>
      </c>
      <c r="CX27" s="326">
        <v>20728</v>
      </c>
      <c r="CY27" s="327">
        <v>0</v>
      </c>
      <c r="CZ27" s="328">
        <v>20728</v>
      </c>
      <c r="DA27" s="326">
        <v>0</v>
      </c>
      <c r="DB27" s="327">
        <v>285572</v>
      </c>
      <c r="DC27" s="327">
        <v>54006</v>
      </c>
      <c r="DD27" s="327">
        <v>114682</v>
      </c>
      <c r="DE27" s="327">
        <v>132868</v>
      </c>
      <c r="DF27" s="327">
        <v>112919</v>
      </c>
      <c r="DG27" s="328">
        <v>700047</v>
      </c>
      <c r="DH27" s="330">
        <v>720775</v>
      </c>
      <c r="DI27" s="326">
        <v>0</v>
      </c>
      <c r="DJ27" s="327">
        <v>0</v>
      </c>
      <c r="DK27" s="331">
        <v>0</v>
      </c>
      <c r="DL27" s="332">
        <v>0</v>
      </c>
      <c r="DM27" s="327">
        <v>27721</v>
      </c>
      <c r="DN27" s="327">
        <v>24120</v>
      </c>
      <c r="DO27" s="327">
        <v>124228</v>
      </c>
      <c r="DP27" s="327">
        <v>574200</v>
      </c>
      <c r="DQ27" s="327">
        <v>0</v>
      </c>
      <c r="DR27" s="328">
        <v>750269</v>
      </c>
      <c r="DS27" s="330">
        <v>750269</v>
      </c>
      <c r="DT27" s="326">
        <v>0</v>
      </c>
      <c r="DU27" s="327">
        <v>0</v>
      </c>
      <c r="DV27" s="328">
        <v>0</v>
      </c>
      <c r="DW27" s="326">
        <v>0</v>
      </c>
      <c r="DX27" s="327">
        <v>0</v>
      </c>
      <c r="DY27" s="327">
        <v>24120</v>
      </c>
      <c r="DZ27" s="327">
        <v>19352</v>
      </c>
      <c r="EA27" s="327">
        <v>574200</v>
      </c>
      <c r="EB27" s="327">
        <v>0</v>
      </c>
      <c r="EC27" s="328">
        <v>617672</v>
      </c>
      <c r="ED27" s="330">
        <v>617672</v>
      </c>
      <c r="EE27" s="326">
        <v>0</v>
      </c>
      <c r="EF27" s="331">
        <v>0</v>
      </c>
      <c r="EG27" s="328">
        <v>0</v>
      </c>
      <c r="EH27" s="326">
        <v>0</v>
      </c>
      <c r="EI27" s="327">
        <v>27721</v>
      </c>
      <c r="EJ27" s="327">
        <v>0</v>
      </c>
      <c r="EK27" s="327">
        <v>104876</v>
      </c>
      <c r="EL27" s="327">
        <v>0</v>
      </c>
      <c r="EM27" s="327">
        <v>0</v>
      </c>
      <c r="EN27" s="331">
        <v>132597</v>
      </c>
      <c r="EO27" s="330">
        <v>132597</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4240</v>
      </c>
      <c r="FM27" s="327">
        <v>49704</v>
      </c>
      <c r="FN27" s="328">
        <v>53944</v>
      </c>
      <c r="FO27" s="326">
        <v>0</v>
      </c>
      <c r="FP27" s="327">
        <v>135384</v>
      </c>
      <c r="FQ27" s="327">
        <v>281640</v>
      </c>
      <c r="FR27" s="327">
        <v>168384</v>
      </c>
      <c r="FS27" s="327">
        <v>79200</v>
      </c>
      <c r="FT27" s="327">
        <v>95952</v>
      </c>
      <c r="FU27" s="328">
        <v>760560</v>
      </c>
      <c r="FV27" s="330">
        <v>814504</v>
      </c>
      <c r="FW27" s="333">
        <v>4240</v>
      </c>
      <c r="FX27" s="327">
        <v>49704</v>
      </c>
      <c r="FY27" s="331">
        <v>53944</v>
      </c>
      <c r="FZ27" s="332">
        <v>0</v>
      </c>
      <c r="GA27" s="327">
        <v>119944</v>
      </c>
      <c r="GB27" s="327">
        <v>199504</v>
      </c>
      <c r="GC27" s="327">
        <v>168384</v>
      </c>
      <c r="GD27" s="327">
        <v>79200</v>
      </c>
      <c r="GE27" s="327">
        <v>95952</v>
      </c>
      <c r="GF27" s="328">
        <v>662984</v>
      </c>
      <c r="GG27" s="334">
        <v>716928</v>
      </c>
      <c r="GH27" s="333">
        <v>0</v>
      </c>
      <c r="GI27" s="327">
        <v>0</v>
      </c>
      <c r="GJ27" s="331">
        <v>0</v>
      </c>
      <c r="GK27" s="332">
        <v>0</v>
      </c>
      <c r="GL27" s="327">
        <v>15440</v>
      </c>
      <c r="GM27" s="327">
        <v>82136</v>
      </c>
      <c r="GN27" s="327">
        <v>0</v>
      </c>
      <c r="GO27" s="327">
        <v>0</v>
      </c>
      <c r="GP27" s="327">
        <v>0</v>
      </c>
      <c r="GQ27" s="328">
        <v>97576</v>
      </c>
      <c r="GR27" s="330">
        <v>97576</v>
      </c>
      <c r="GS27" s="326">
        <v>0</v>
      </c>
      <c r="GT27" s="327">
        <v>0</v>
      </c>
      <c r="GU27" s="328">
        <v>0</v>
      </c>
      <c r="GV27" s="326">
        <v>0</v>
      </c>
      <c r="GW27" s="327">
        <v>0</v>
      </c>
      <c r="GX27" s="327">
        <v>0</v>
      </c>
      <c r="GY27" s="327">
        <v>0</v>
      </c>
      <c r="GZ27" s="327">
        <v>0</v>
      </c>
      <c r="HA27" s="327">
        <v>0</v>
      </c>
      <c r="HB27" s="331">
        <v>0</v>
      </c>
      <c r="HC27" s="330">
        <v>0</v>
      </c>
      <c r="HD27" s="326">
        <v>0</v>
      </c>
      <c r="HE27" s="327">
        <v>98622</v>
      </c>
      <c r="HF27" s="331">
        <v>98622</v>
      </c>
      <c r="HG27" s="332">
        <v>0</v>
      </c>
      <c r="HH27" s="327">
        <v>734633</v>
      </c>
      <c r="HI27" s="327">
        <v>337718</v>
      </c>
      <c r="HJ27" s="327">
        <v>198499</v>
      </c>
      <c r="HK27" s="327">
        <v>1957095</v>
      </c>
      <c r="HL27" s="327">
        <v>0</v>
      </c>
      <c r="HM27" s="328">
        <v>3227945</v>
      </c>
      <c r="HN27" s="329">
        <v>3326567</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262131</v>
      </c>
      <c r="IE27" s="339">
        <v>656786</v>
      </c>
      <c r="IF27" s="337">
        <v>774903</v>
      </c>
      <c r="IG27" s="336">
        <v>1109013</v>
      </c>
      <c r="IH27" s="337">
        <v>19776</v>
      </c>
      <c r="II27" s="340">
        <v>2822609</v>
      </c>
      <c r="IJ27" s="341">
        <v>2822609</v>
      </c>
      <c r="IK27" s="342">
        <v>0</v>
      </c>
      <c r="IL27" s="343">
        <v>0</v>
      </c>
      <c r="IM27" s="344">
        <v>0</v>
      </c>
      <c r="IN27" s="404">
        <v>0</v>
      </c>
      <c r="IO27" s="345">
        <v>0</v>
      </c>
      <c r="IP27" s="345">
        <v>107320</v>
      </c>
      <c r="IQ27" s="345">
        <v>146760</v>
      </c>
      <c r="IR27" s="345">
        <v>0</v>
      </c>
      <c r="IS27" s="345">
        <v>0</v>
      </c>
      <c r="IT27" s="346">
        <v>254080</v>
      </c>
      <c r="IU27" s="347">
        <v>254080</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168283</v>
      </c>
      <c r="JL27" s="345">
        <v>143392</v>
      </c>
      <c r="JM27" s="345">
        <v>18105</v>
      </c>
      <c r="JN27" s="345">
        <v>96645</v>
      </c>
      <c r="JO27" s="345">
        <v>19776</v>
      </c>
      <c r="JP27" s="349">
        <v>446201</v>
      </c>
      <c r="JQ27" s="347">
        <v>446201</v>
      </c>
      <c r="JR27" s="348">
        <v>0</v>
      </c>
      <c r="JS27" s="345">
        <v>0</v>
      </c>
      <c r="JT27" s="346">
        <v>0</v>
      </c>
      <c r="JU27" s="351">
        <v>0</v>
      </c>
      <c r="JV27" s="345">
        <v>0</v>
      </c>
      <c r="JW27" s="345">
        <v>0</v>
      </c>
      <c r="JX27" s="345">
        <v>124284</v>
      </c>
      <c r="JY27" s="345">
        <v>0</v>
      </c>
      <c r="JZ27" s="345">
        <v>0</v>
      </c>
      <c r="KA27" s="349">
        <v>124284</v>
      </c>
      <c r="KB27" s="347">
        <v>124284</v>
      </c>
      <c r="KC27" s="352">
        <v>0</v>
      </c>
      <c r="KD27" s="353">
        <v>0</v>
      </c>
      <c r="KE27" s="349">
        <v>0</v>
      </c>
      <c r="KF27" s="351">
        <v>0</v>
      </c>
      <c r="KG27" s="345">
        <v>93848</v>
      </c>
      <c r="KH27" s="345">
        <v>164045</v>
      </c>
      <c r="KI27" s="345">
        <v>226766</v>
      </c>
      <c r="KJ27" s="345">
        <v>0</v>
      </c>
      <c r="KK27" s="345">
        <v>0</v>
      </c>
      <c r="KL27" s="349">
        <v>484659</v>
      </c>
      <c r="KM27" s="354">
        <v>484659</v>
      </c>
      <c r="KN27" s="342">
        <v>0</v>
      </c>
      <c r="KO27" s="343">
        <v>0</v>
      </c>
      <c r="KP27" s="344">
        <v>0</v>
      </c>
      <c r="KQ27" s="404">
        <v>0</v>
      </c>
      <c r="KR27" s="345">
        <v>0</v>
      </c>
      <c r="KS27" s="345">
        <v>242029</v>
      </c>
      <c r="KT27" s="345">
        <v>25168</v>
      </c>
      <c r="KU27" s="345">
        <v>246556</v>
      </c>
      <c r="KV27" s="345">
        <v>0</v>
      </c>
      <c r="KW27" s="349">
        <v>513753</v>
      </c>
      <c r="KX27" s="347">
        <v>513753</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0</v>
      </c>
      <c r="LP27" s="345">
        <v>233820</v>
      </c>
      <c r="LQ27" s="345">
        <v>765812</v>
      </c>
      <c r="LR27" s="345">
        <v>0</v>
      </c>
      <c r="LS27" s="349">
        <v>999632</v>
      </c>
      <c r="LT27" s="347">
        <v>999632</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82920</v>
      </c>
      <c r="MK27" s="345">
        <v>361251</v>
      </c>
      <c r="ML27" s="345">
        <v>1184729</v>
      </c>
      <c r="MM27" s="345">
        <v>853515</v>
      </c>
      <c r="MN27" s="345">
        <v>817234</v>
      </c>
      <c r="MO27" s="349">
        <v>3299649</v>
      </c>
      <c r="MP27" s="354">
        <v>3299649</v>
      </c>
      <c r="MQ27" s="348">
        <v>0</v>
      </c>
      <c r="MR27" s="345">
        <v>0</v>
      </c>
      <c r="MS27" s="349">
        <v>0</v>
      </c>
      <c r="MT27" s="404">
        <v>0</v>
      </c>
      <c r="MU27" s="345">
        <v>0</v>
      </c>
      <c r="MV27" s="345">
        <v>0</v>
      </c>
      <c r="MW27" s="345">
        <v>987016</v>
      </c>
      <c r="MX27" s="345">
        <v>528868</v>
      </c>
      <c r="MY27" s="345">
        <v>267249</v>
      </c>
      <c r="MZ27" s="349">
        <v>1783133</v>
      </c>
      <c r="NA27" s="354">
        <v>1783133</v>
      </c>
      <c r="NB27" s="348">
        <v>0</v>
      </c>
      <c r="NC27" s="345">
        <v>0</v>
      </c>
      <c r="ND27" s="349">
        <v>0</v>
      </c>
      <c r="NE27" s="404">
        <v>0</v>
      </c>
      <c r="NF27" s="345">
        <v>82920</v>
      </c>
      <c r="NG27" s="345">
        <v>361251</v>
      </c>
      <c r="NH27" s="345">
        <v>197713</v>
      </c>
      <c r="NI27" s="345">
        <v>0</v>
      </c>
      <c r="NJ27" s="345">
        <v>549985</v>
      </c>
      <c r="NK27" s="349">
        <v>1191869</v>
      </c>
      <c r="NL27" s="347">
        <v>1191869</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324647</v>
      </c>
      <c r="OF27" s="345">
        <v>0</v>
      </c>
      <c r="OG27" s="349">
        <v>324647</v>
      </c>
      <c r="OH27" s="350">
        <v>324647</v>
      </c>
      <c r="OI27" s="348">
        <v>76528</v>
      </c>
      <c r="OJ27" s="345">
        <v>198465</v>
      </c>
      <c r="OK27" s="346">
        <v>274993</v>
      </c>
      <c r="OL27" s="351">
        <v>0</v>
      </c>
      <c r="OM27" s="345">
        <v>2750116</v>
      </c>
      <c r="ON27" s="345">
        <v>2400546</v>
      </c>
      <c r="OO27" s="345">
        <v>3544695</v>
      </c>
      <c r="OP27" s="345">
        <v>5078280</v>
      </c>
      <c r="OQ27" s="345">
        <v>1267749</v>
      </c>
      <c r="OR27" s="349">
        <v>15041386</v>
      </c>
      <c r="OS27" s="354">
        <v>15316379</v>
      </c>
    </row>
    <row r="28" spans="2:409" s="70" customFormat="1" ht="21" customHeight="1" x14ac:dyDescent="0.2">
      <c r="B28" s="410" t="s">
        <v>23</v>
      </c>
      <c r="C28" s="326">
        <v>342153</v>
      </c>
      <c r="D28" s="327">
        <v>203498</v>
      </c>
      <c r="E28" s="328">
        <v>545651</v>
      </c>
      <c r="F28" s="329">
        <v>0</v>
      </c>
      <c r="G28" s="327">
        <v>2191425</v>
      </c>
      <c r="H28" s="327">
        <v>2306921</v>
      </c>
      <c r="I28" s="327">
        <v>2184982</v>
      </c>
      <c r="J28" s="327">
        <v>1661760</v>
      </c>
      <c r="K28" s="327">
        <v>1030055</v>
      </c>
      <c r="L28" s="367">
        <v>9375143</v>
      </c>
      <c r="M28" s="330">
        <v>9920794</v>
      </c>
      <c r="N28" s="326">
        <v>162419</v>
      </c>
      <c r="O28" s="327">
        <v>86594</v>
      </c>
      <c r="P28" s="328">
        <v>249013</v>
      </c>
      <c r="Q28" s="326">
        <v>0</v>
      </c>
      <c r="R28" s="327">
        <v>555166</v>
      </c>
      <c r="S28" s="327">
        <v>799956</v>
      </c>
      <c r="T28" s="327">
        <v>565360</v>
      </c>
      <c r="U28" s="327">
        <v>483517</v>
      </c>
      <c r="V28" s="327">
        <v>93464</v>
      </c>
      <c r="W28" s="328">
        <v>2497463</v>
      </c>
      <c r="X28" s="330">
        <v>2746476</v>
      </c>
      <c r="Y28" s="326">
        <v>0</v>
      </c>
      <c r="Z28" s="327">
        <v>0</v>
      </c>
      <c r="AA28" s="328">
        <v>0</v>
      </c>
      <c r="AB28" s="326">
        <v>0</v>
      </c>
      <c r="AC28" s="327">
        <v>245736</v>
      </c>
      <c r="AD28" s="327">
        <v>267169</v>
      </c>
      <c r="AE28" s="327">
        <v>337387</v>
      </c>
      <c r="AF28" s="327">
        <v>67768</v>
      </c>
      <c r="AG28" s="327">
        <v>0</v>
      </c>
      <c r="AH28" s="328">
        <v>918060</v>
      </c>
      <c r="AI28" s="330">
        <v>918060</v>
      </c>
      <c r="AJ28" s="326">
        <v>0</v>
      </c>
      <c r="AK28" s="327">
        <v>0</v>
      </c>
      <c r="AL28" s="328">
        <v>0</v>
      </c>
      <c r="AM28" s="326">
        <v>0</v>
      </c>
      <c r="AN28" s="327">
        <v>0</v>
      </c>
      <c r="AO28" s="327">
        <v>0</v>
      </c>
      <c r="AP28" s="327">
        <v>0</v>
      </c>
      <c r="AQ28" s="327">
        <v>153518</v>
      </c>
      <c r="AR28" s="327">
        <v>0</v>
      </c>
      <c r="AS28" s="328">
        <v>153518</v>
      </c>
      <c r="AT28" s="330">
        <v>153518</v>
      </c>
      <c r="AU28" s="326">
        <v>110963</v>
      </c>
      <c r="AV28" s="327">
        <v>68361</v>
      </c>
      <c r="AW28" s="328">
        <v>179324</v>
      </c>
      <c r="AX28" s="326">
        <v>0</v>
      </c>
      <c r="AY28" s="327">
        <v>149998</v>
      </c>
      <c r="AZ28" s="327">
        <v>409651</v>
      </c>
      <c r="BA28" s="327">
        <v>62333</v>
      </c>
      <c r="BB28" s="327">
        <v>131359</v>
      </c>
      <c r="BC28" s="327">
        <v>18968</v>
      </c>
      <c r="BD28" s="328">
        <v>772309</v>
      </c>
      <c r="BE28" s="330">
        <v>951633</v>
      </c>
      <c r="BF28" s="326">
        <v>0</v>
      </c>
      <c r="BG28" s="327">
        <v>15849</v>
      </c>
      <c r="BH28" s="331">
        <v>15849</v>
      </c>
      <c r="BI28" s="332">
        <v>0</v>
      </c>
      <c r="BJ28" s="327">
        <v>0</v>
      </c>
      <c r="BK28" s="327">
        <v>0</v>
      </c>
      <c r="BL28" s="327">
        <v>0</v>
      </c>
      <c r="BM28" s="327">
        <v>14088</v>
      </c>
      <c r="BN28" s="327">
        <v>0</v>
      </c>
      <c r="BO28" s="328">
        <v>14088</v>
      </c>
      <c r="BP28" s="330">
        <v>29937</v>
      </c>
      <c r="BQ28" s="326">
        <v>51456</v>
      </c>
      <c r="BR28" s="327">
        <v>2384</v>
      </c>
      <c r="BS28" s="328">
        <v>53840</v>
      </c>
      <c r="BT28" s="326">
        <v>0</v>
      </c>
      <c r="BU28" s="327">
        <v>159432</v>
      </c>
      <c r="BV28" s="327">
        <v>123136</v>
      </c>
      <c r="BW28" s="327">
        <v>165640</v>
      </c>
      <c r="BX28" s="327">
        <v>116784</v>
      </c>
      <c r="BY28" s="327">
        <v>74496</v>
      </c>
      <c r="BZ28" s="328">
        <v>639488</v>
      </c>
      <c r="CA28" s="330">
        <v>693328</v>
      </c>
      <c r="CB28" s="326">
        <v>0</v>
      </c>
      <c r="CC28" s="327">
        <v>0</v>
      </c>
      <c r="CD28" s="328">
        <v>0</v>
      </c>
      <c r="CE28" s="326">
        <v>0</v>
      </c>
      <c r="CF28" s="327">
        <v>753451</v>
      </c>
      <c r="CG28" s="327">
        <v>825983</v>
      </c>
      <c r="CH28" s="327">
        <v>627180</v>
      </c>
      <c r="CI28" s="327">
        <v>430525</v>
      </c>
      <c r="CJ28" s="327">
        <v>375230</v>
      </c>
      <c r="CK28" s="328">
        <v>3012369</v>
      </c>
      <c r="CL28" s="330">
        <v>3012369</v>
      </c>
      <c r="CM28" s="326">
        <v>0</v>
      </c>
      <c r="CN28" s="327">
        <v>0</v>
      </c>
      <c r="CO28" s="328">
        <v>0</v>
      </c>
      <c r="CP28" s="332">
        <v>0</v>
      </c>
      <c r="CQ28" s="327">
        <v>592763</v>
      </c>
      <c r="CR28" s="327">
        <v>764779</v>
      </c>
      <c r="CS28" s="327">
        <v>627180</v>
      </c>
      <c r="CT28" s="327">
        <v>283461</v>
      </c>
      <c r="CU28" s="327">
        <v>375230</v>
      </c>
      <c r="CV28" s="328">
        <v>2643413</v>
      </c>
      <c r="CW28" s="330">
        <v>2643413</v>
      </c>
      <c r="CX28" s="326">
        <v>0</v>
      </c>
      <c r="CY28" s="327">
        <v>0</v>
      </c>
      <c r="CZ28" s="328">
        <v>0</v>
      </c>
      <c r="DA28" s="326">
        <v>0</v>
      </c>
      <c r="DB28" s="327">
        <v>160688</v>
      </c>
      <c r="DC28" s="327">
        <v>61204</v>
      </c>
      <c r="DD28" s="327">
        <v>0</v>
      </c>
      <c r="DE28" s="327">
        <v>147064</v>
      </c>
      <c r="DF28" s="327">
        <v>0</v>
      </c>
      <c r="DG28" s="328">
        <v>368956</v>
      </c>
      <c r="DH28" s="330">
        <v>368956</v>
      </c>
      <c r="DI28" s="326">
        <v>0</v>
      </c>
      <c r="DJ28" s="327">
        <v>0</v>
      </c>
      <c r="DK28" s="331">
        <v>0</v>
      </c>
      <c r="DL28" s="332">
        <v>0</v>
      </c>
      <c r="DM28" s="327">
        <v>32152</v>
      </c>
      <c r="DN28" s="327">
        <v>203807</v>
      </c>
      <c r="DO28" s="327">
        <v>18609</v>
      </c>
      <c r="DP28" s="327">
        <v>114361</v>
      </c>
      <c r="DQ28" s="327">
        <v>0</v>
      </c>
      <c r="DR28" s="328">
        <v>368929</v>
      </c>
      <c r="DS28" s="330">
        <v>368929</v>
      </c>
      <c r="DT28" s="326">
        <v>0</v>
      </c>
      <c r="DU28" s="327">
        <v>0</v>
      </c>
      <c r="DV28" s="328">
        <v>0</v>
      </c>
      <c r="DW28" s="326">
        <v>0</v>
      </c>
      <c r="DX28" s="327">
        <v>0</v>
      </c>
      <c r="DY28" s="327">
        <v>203807</v>
      </c>
      <c r="DZ28" s="327">
        <v>18609</v>
      </c>
      <c r="EA28" s="327">
        <v>114361</v>
      </c>
      <c r="EB28" s="327">
        <v>0</v>
      </c>
      <c r="EC28" s="328">
        <v>336777</v>
      </c>
      <c r="ED28" s="330">
        <v>336777</v>
      </c>
      <c r="EE28" s="326">
        <v>0</v>
      </c>
      <c r="EF28" s="331">
        <v>0</v>
      </c>
      <c r="EG28" s="328">
        <v>0</v>
      </c>
      <c r="EH28" s="326">
        <v>0</v>
      </c>
      <c r="EI28" s="327">
        <v>32152</v>
      </c>
      <c r="EJ28" s="327">
        <v>0</v>
      </c>
      <c r="EK28" s="327">
        <v>0</v>
      </c>
      <c r="EL28" s="327">
        <v>0</v>
      </c>
      <c r="EM28" s="327">
        <v>0</v>
      </c>
      <c r="EN28" s="331">
        <v>32152</v>
      </c>
      <c r="EO28" s="330">
        <v>32152</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19952</v>
      </c>
      <c r="FM28" s="327">
        <v>116904</v>
      </c>
      <c r="FN28" s="328">
        <v>136856</v>
      </c>
      <c r="FO28" s="326">
        <v>0</v>
      </c>
      <c r="FP28" s="327">
        <v>158096</v>
      </c>
      <c r="FQ28" s="327">
        <v>247760</v>
      </c>
      <c r="FR28" s="327">
        <v>80336</v>
      </c>
      <c r="FS28" s="327">
        <v>129184</v>
      </c>
      <c r="FT28" s="327">
        <v>100232</v>
      </c>
      <c r="FU28" s="328">
        <v>715608</v>
      </c>
      <c r="FV28" s="330">
        <v>852464</v>
      </c>
      <c r="FW28" s="333">
        <v>19952</v>
      </c>
      <c r="FX28" s="327">
        <v>116904</v>
      </c>
      <c r="FY28" s="331">
        <v>136856</v>
      </c>
      <c r="FZ28" s="332">
        <v>0</v>
      </c>
      <c r="GA28" s="327">
        <v>54896</v>
      </c>
      <c r="GB28" s="327">
        <v>247760</v>
      </c>
      <c r="GC28" s="327">
        <v>80336</v>
      </c>
      <c r="GD28" s="327">
        <v>129184</v>
      </c>
      <c r="GE28" s="327">
        <v>55088</v>
      </c>
      <c r="GF28" s="328">
        <v>567264</v>
      </c>
      <c r="GG28" s="334">
        <v>704120</v>
      </c>
      <c r="GH28" s="333">
        <v>0</v>
      </c>
      <c r="GI28" s="327">
        <v>0</v>
      </c>
      <c r="GJ28" s="331">
        <v>0</v>
      </c>
      <c r="GK28" s="332">
        <v>0</v>
      </c>
      <c r="GL28" s="327">
        <v>0</v>
      </c>
      <c r="GM28" s="327">
        <v>0</v>
      </c>
      <c r="GN28" s="327">
        <v>0</v>
      </c>
      <c r="GO28" s="327">
        <v>0</v>
      </c>
      <c r="GP28" s="327">
        <v>45144</v>
      </c>
      <c r="GQ28" s="328">
        <v>45144</v>
      </c>
      <c r="GR28" s="330">
        <v>45144</v>
      </c>
      <c r="GS28" s="326">
        <v>0</v>
      </c>
      <c r="GT28" s="327">
        <v>0</v>
      </c>
      <c r="GU28" s="328">
        <v>0</v>
      </c>
      <c r="GV28" s="326">
        <v>0</v>
      </c>
      <c r="GW28" s="327">
        <v>103200</v>
      </c>
      <c r="GX28" s="327">
        <v>0</v>
      </c>
      <c r="GY28" s="327">
        <v>0</v>
      </c>
      <c r="GZ28" s="327">
        <v>0</v>
      </c>
      <c r="HA28" s="327">
        <v>0</v>
      </c>
      <c r="HB28" s="331">
        <v>103200</v>
      </c>
      <c r="HC28" s="330">
        <v>103200</v>
      </c>
      <c r="HD28" s="326">
        <v>159782</v>
      </c>
      <c r="HE28" s="327">
        <v>0</v>
      </c>
      <c r="HF28" s="331">
        <v>159782</v>
      </c>
      <c r="HG28" s="332">
        <v>0</v>
      </c>
      <c r="HH28" s="327">
        <v>692560</v>
      </c>
      <c r="HI28" s="327">
        <v>229415</v>
      </c>
      <c r="HJ28" s="327">
        <v>893497</v>
      </c>
      <c r="HK28" s="327">
        <v>504173</v>
      </c>
      <c r="HL28" s="327">
        <v>461129</v>
      </c>
      <c r="HM28" s="328">
        <v>2780774</v>
      </c>
      <c r="HN28" s="329">
        <v>2940556</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505126</v>
      </c>
      <c r="IE28" s="357">
        <v>828895</v>
      </c>
      <c r="IF28" s="358">
        <v>840163</v>
      </c>
      <c r="IG28" s="356">
        <v>310455</v>
      </c>
      <c r="IH28" s="358">
        <v>0</v>
      </c>
      <c r="II28" s="359">
        <v>2484639</v>
      </c>
      <c r="IJ28" s="358">
        <v>2484639</v>
      </c>
      <c r="IK28" s="342">
        <v>0</v>
      </c>
      <c r="IL28" s="343">
        <v>0</v>
      </c>
      <c r="IM28" s="344">
        <v>0</v>
      </c>
      <c r="IN28" s="404">
        <v>0</v>
      </c>
      <c r="IO28" s="345">
        <v>0</v>
      </c>
      <c r="IP28" s="345">
        <v>0</v>
      </c>
      <c r="IQ28" s="345">
        <v>0</v>
      </c>
      <c r="IR28" s="345">
        <v>0</v>
      </c>
      <c r="IS28" s="345">
        <v>0</v>
      </c>
      <c r="IT28" s="346">
        <v>0</v>
      </c>
      <c r="IU28" s="347">
        <v>0</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39200</v>
      </c>
      <c r="JL28" s="345">
        <v>96285</v>
      </c>
      <c r="JM28" s="345">
        <v>0</v>
      </c>
      <c r="JN28" s="345">
        <v>0</v>
      </c>
      <c r="JO28" s="345">
        <v>0</v>
      </c>
      <c r="JP28" s="349">
        <v>135485</v>
      </c>
      <c r="JQ28" s="347">
        <v>135485</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227778</v>
      </c>
      <c r="KJ28" s="345">
        <v>0</v>
      </c>
      <c r="KK28" s="345">
        <v>0</v>
      </c>
      <c r="KL28" s="349">
        <v>227778</v>
      </c>
      <c r="KM28" s="354">
        <v>227778</v>
      </c>
      <c r="KN28" s="342">
        <v>0</v>
      </c>
      <c r="KO28" s="343">
        <v>0</v>
      </c>
      <c r="KP28" s="344">
        <v>0</v>
      </c>
      <c r="KQ28" s="404">
        <v>0</v>
      </c>
      <c r="KR28" s="345">
        <v>465926</v>
      </c>
      <c r="KS28" s="345">
        <v>732610</v>
      </c>
      <c r="KT28" s="345">
        <v>612385</v>
      </c>
      <c r="KU28" s="345">
        <v>310455</v>
      </c>
      <c r="KV28" s="345">
        <v>0</v>
      </c>
      <c r="KW28" s="349">
        <v>2121376</v>
      </c>
      <c r="KX28" s="347">
        <v>2121376</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0</v>
      </c>
      <c r="MA28" s="345">
        <v>0</v>
      </c>
      <c r="MB28" s="345">
        <v>0</v>
      </c>
      <c r="MC28" s="345">
        <v>0</v>
      </c>
      <c r="MD28" s="349">
        <v>0</v>
      </c>
      <c r="ME28" s="350">
        <v>0</v>
      </c>
      <c r="MF28" s="348">
        <v>0</v>
      </c>
      <c r="MG28" s="345">
        <v>0</v>
      </c>
      <c r="MH28" s="349">
        <v>0</v>
      </c>
      <c r="MI28" s="404">
        <v>0</v>
      </c>
      <c r="MJ28" s="345">
        <v>0</v>
      </c>
      <c r="MK28" s="345">
        <v>0</v>
      </c>
      <c r="ML28" s="345">
        <v>2134859</v>
      </c>
      <c r="MM28" s="345">
        <v>1828114</v>
      </c>
      <c r="MN28" s="345">
        <v>612204</v>
      </c>
      <c r="MO28" s="349">
        <v>4575177</v>
      </c>
      <c r="MP28" s="354">
        <v>4575177</v>
      </c>
      <c r="MQ28" s="348">
        <v>0</v>
      </c>
      <c r="MR28" s="345">
        <v>0</v>
      </c>
      <c r="MS28" s="349">
        <v>0</v>
      </c>
      <c r="MT28" s="404">
        <v>0</v>
      </c>
      <c r="MU28" s="345">
        <v>0</v>
      </c>
      <c r="MV28" s="345">
        <v>0</v>
      </c>
      <c r="MW28" s="345">
        <v>1579366</v>
      </c>
      <c r="MX28" s="345">
        <v>1257532</v>
      </c>
      <c r="MY28" s="345">
        <v>0</v>
      </c>
      <c r="MZ28" s="349">
        <v>2836898</v>
      </c>
      <c r="NA28" s="354">
        <v>2836898</v>
      </c>
      <c r="NB28" s="348">
        <v>0</v>
      </c>
      <c r="NC28" s="345">
        <v>0</v>
      </c>
      <c r="ND28" s="349">
        <v>0</v>
      </c>
      <c r="NE28" s="404">
        <v>0</v>
      </c>
      <c r="NF28" s="345">
        <v>0</v>
      </c>
      <c r="NG28" s="345">
        <v>0</v>
      </c>
      <c r="NH28" s="345">
        <v>555493</v>
      </c>
      <c r="NI28" s="345">
        <v>570582</v>
      </c>
      <c r="NJ28" s="345">
        <v>612204</v>
      </c>
      <c r="NK28" s="349">
        <v>1738279</v>
      </c>
      <c r="NL28" s="347">
        <v>1738279</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0</v>
      </c>
      <c r="OG28" s="349">
        <v>0</v>
      </c>
      <c r="OH28" s="350">
        <v>0</v>
      </c>
      <c r="OI28" s="348">
        <v>342153</v>
      </c>
      <c r="OJ28" s="345">
        <v>203498</v>
      </c>
      <c r="OK28" s="346">
        <v>545651</v>
      </c>
      <c r="OL28" s="351">
        <v>0</v>
      </c>
      <c r="OM28" s="345">
        <v>2696551</v>
      </c>
      <c r="ON28" s="345">
        <v>3135816</v>
      </c>
      <c r="OO28" s="345">
        <v>5160004</v>
      </c>
      <c r="OP28" s="345">
        <v>3800329</v>
      </c>
      <c r="OQ28" s="345">
        <v>1642259</v>
      </c>
      <c r="OR28" s="349">
        <v>16434959</v>
      </c>
      <c r="OS28" s="354">
        <v>16980610</v>
      </c>
    </row>
    <row r="29" spans="2:409" s="70" customFormat="1" ht="21" customHeight="1" x14ac:dyDescent="0.2">
      <c r="B29" s="410" t="s">
        <v>24</v>
      </c>
      <c r="C29" s="326">
        <v>427533</v>
      </c>
      <c r="D29" s="327">
        <v>165553</v>
      </c>
      <c r="E29" s="328">
        <v>593086</v>
      </c>
      <c r="F29" s="329">
        <v>0</v>
      </c>
      <c r="G29" s="327">
        <v>2114452</v>
      </c>
      <c r="H29" s="327">
        <v>2763994</v>
      </c>
      <c r="I29" s="327">
        <v>1777064</v>
      </c>
      <c r="J29" s="327">
        <v>2460788</v>
      </c>
      <c r="K29" s="327">
        <v>872085</v>
      </c>
      <c r="L29" s="367">
        <v>9988383</v>
      </c>
      <c r="M29" s="330">
        <v>10581469</v>
      </c>
      <c r="N29" s="326">
        <v>146287</v>
      </c>
      <c r="O29" s="327">
        <v>70162</v>
      </c>
      <c r="P29" s="328">
        <v>216449</v>
      </c>
      <c r="Q29" s="326">
        <v>0</v>
      </c>
      <c r="R29" s="327">
        <v>741524</v>
      </c>
      <c r="S29" s="327">
        <v>695836</v>
      </c>
      <c r="T29" s="327">
        <v>571144</v>
      </c>
      <c r="U29" s="327">
        <v>1596427</v>
      </c>
      <c r="V29" s="327">
        <v>263180</v>
      </c>
      <c r="W29" s="328">
        <v>3868111</v>
      </c>
      <c r="X29" s="330">
        <v>4084560</v>
      </c>
      <c r="Y29" s="326">
        <v>0</v>
      </c>
      <c r="Z29" s="327">
        <v>0</v>
      </c>
      <c r="AA29" s="328">
        <v>0</v>
      </c>
      <c r="AB29" s="326">
        <v>0</v>
      </c>
      <c r="AC29" s="327">
        <v>273343</v>
      </c>
      <c r="AD29" s="327">
        <v>243004</v>
      </c>
      <c r="AE29" s="327">
        <v>258988</v>
      </c>
      <c r="AF29" s="327">
        <v>927825</v>
      </c>
      <c r="AG29" s="327">
        <v>5024</v>
      </c>
      <c r="AH29" s="328">
        <v>1708184</v>
      </c>
      <c r="AI29" s="330">
        <v>1708184</v>
      </c>
      <c r="AJ29" s="326">
        <v>0</v>
      </c>
      <c r="AK29" s="327">
        <v>0</v>
      </c>
      <c r="AL29" s="328">
        <v>0</v>
      </c>
      <c r="AM29" s="326">
        <v>0</v>
      </c>
      <c r="AN29" s="327">
        <v>0</v>
      </c>
      <c r="AO29" s="327">
        <v>0</v>
      </c>
      <c r="AP29" s="327">
        <v>13550</v>
      </c>
      <c r="AQ29" s="327">
        <v>213233</v>
      </c>
      <c r="AR29" s="327">
        <v>142743</v>
      </c>
      <c r="AS29" s="328">
        <v>369526</v>
      </c>
      <c r="AT29" s="330">
        <v>369526</v>
      </c>
      <c r="AU29" s="326">
        <v>58383</v>
      </c>
      <c r="AV29" s="327">
        <v>70162</v>
      </c>
      <c r="AW29" s="328">
        <v>128545</v>
      </c>
      <c r="AX29" s="326">
        <v>0</v>
      </c>
      <c r="AY29" s="327">
        <v>305597</v>
      </c>
      <c r="AZ29" s="327">
        <v>279340</v>
      </c>
      <c r="BA29" s="327">
        <v>147982</v>
      </c>
      <c r="BB29" s="327">
        <v>350305</v>
      </c>
      <c r="BC29" s="327">
        <v>49941</v>
      </c>
      <c r="BD29" s="328">
        <v>1133165</v>
      </c>
      <c r="BE29" s="330">
        <v>1261710</v>
      </c>
      <c r="BF29" s="326">
        <v>0</v>
      </c>
      <c r="BG29" s="327">
        <v>0</v>
      </c>
      <c r="BH29" s="331">
        <v>0</v>
      </c>
      <c r="BI29" s="332">
        <v>0</v>
      </c>
      <c r="BJ29" s="327">
        <v>36448</v>
      </c>
      <c r="BK29" s="327">
        <v>43868</v>
      </c>
      <c r="BL29" s="327">
        <v>0</v>
      </c>
      <c r="BM29" s="327">
        <v>0</v>
      </c>
      <c r="BN29" s="327">
        <v>0</v>
      </c>
      <c r="BO29" s="328">
        <v>80316</v>
      </c>
      <c r="BP29" s="330">
        <v>80316</v>
      </c>
      <c r="BQ29" s="326">
        <v>87904</v>
      </c>
      <c r="BR29" s="327">
        <v>0</v>
      </c>
      <c r="BS29" s="328">
        <v>87904</v>
      </c>
      <c r="BT29" s="326">
        <v>0</v>
      </c>
      <c r="BU29" s="327">
        <v>126136</v>
      </c>
      <c r="BV29" s="327">
        <v>129624</v>
      </c>
      <c r="BW29" s="327">
        <v>150624</v>
      </c>
      <c r="BX29" s="327">
        <v>105064</v>
      </c>
      <c r="BY29" s="327">
        <v>65472</v>
      </c>
      <c r="BZ29" s="328">
        <v>576920</v>
      </c>
      <c r="CA29" s="330">
        <v>664824</v>
      </c>
      <c r="CB29" s="326">
        <v>20863</v>
      </c>
      <c r="CC29" s="327">
        <v>40482</v>
      </c>
      <c r="CD29" s="328">
        <v>61345</v>
      </c>
      <c r="CE29" s="326">
        <v>0</v>
      </c>
      <c r="CF29" s="327">
        <v>702938</v>
      </c>
      <c r="CG29" s="327">
        <v>1285555</v>
      </c>
      <c r="CH29" s="327">
        <v>473897</v>
      </c>
      <c r="CI29" s="327">
        <v>226028</v>
      </c>
      <c r="CJ29" s="327">
        <v>74596</v>
      </c>
      <c r="CK29" s="328">
        <v>2763014</v>
      </c>
      <c r="CL29" s="330">
        <v>2824359</v>
      </c>
      <c r="CM29" s="326">
        <v>0</v>
      </c>
      <c r="CN29" s="327">
        <v>0</v>
      </c>
      <c r="CO29" s="328">
        <v>0</v>
      </c>
      <c r="CP29" s="332">
        <v>0</v>
      </c>
      <c r="CQ29" s="327">
        <v>638871</v>
      </c>
      <c r="CR29" s="327">
        <v>891874</v>
      </c>
      <c r="CS29" s="327">
        <v>185715</v>
      </c>
      <c r="CT29" s="327">
        <v>36399</v>
      </c>
      <c r="CU29" s="327">
        <v>74596</v>
      </c>
      <c r="CV29" s="328">
        <v>1827455</v>
      </c>
      <c r="CW29" s="330">
        <v>1827455</v>
      </c>
      <c r="CX29" s="326">
        <v>20863</v>
      </c>
      <c r="CY29" s="327">
        <v>40482</v>
      </c>
      <c r="CZ29" s="328">
        <v>61345</v>
      </c>
      <c r="DA29" s="326">
        <v>0</v>
      </c>
      <c r="DB29" s="327">
        <v>64067</v>
      </c>
      <c r="DC29" s="327">
        <v>393681</v>
      </c>
      <c r="DD29" s="327">
        <v>288182</v>
      </c>
      <c r="DE29" s="327">
        <v>189629</v>
      </c>
      <c r="DF29" s="327">
        <v>0</v>
      </c>
      <c r="DG29" s="328">
        <v>935559</v>
      </c>
      <c r="DH29" s="330">
        <v>996904</v>
      </c>
      <c r="DI29" s="326">
        <v>0</v>
      </c>
      <c r="DJ29" s="327">
        <v>0</v>
      </c>
      <c r="DK29" s="331">
        <v>0</v>
      </c>
      <c r="DL29" s="332">
        <v>0</v>
      </c>
      <c r="DM29" s="327">
        <v>67183</v>
      </c>
      <c r="DN29" s="327">
        <v>400043</v>
      </c>
      <c r="DO29" s="327">
        <v>0</v>
      </c>
      <c r="DP29" s="327">
        <v>302118</v>
      </c>
      <c r="DQ29" s="327">
        <v>0</v>
      </c>
      <c r="DR29" s="328">
        <v>769344</v>
      </c>
      <c r="DS29" s="330">
        <v>769344</v>
      </c>
      <c r="DT29" s="326">
        <v>0</v>
      </c>
      <c r="DU29" s="327">
        <v>0</v>
      </c>
      <c r="DV29" s="328">
        <v>0</v>
      </c>
      <c r="DW29" s="326">
        <v>0</v>
      </c>
      <c r="DX29" s="327">
        <v>30968</v>
      </c>
      <c r="DY29" s="327">
        <v>400043</v>
      </c>
      <c r="DZ29" s="327">
        <v>0</v>
      </c>
      <c r="EA29" s="327">
        <v>302118</v>
      </c>
      <c r="EB29" s="327">
        <v>0</v>
      </c>
      <c r="EC29" s="328">
        <v>733129</v>
      </c>
      <c r="ED29" s="330">
        <v>733129</v>
      </c>
      <c r="EE29" s="326">
        <v>0</v>
      </c>
      <c r="EF29" s="331">
        <v>0</v>
      </c>
      <c r="EG29" s="328">
        <v>0</v>
      </c>
      <c r="EH29" s="326">
        <v>0</v>
      </c>
      <c r="EI29" s="327">
        <v>36215</v>
      </c>
      <c r="EJ29" s="327">
        <v>0</v>
      </c>
      <c r="EK29" s="327">
        <v>0</v>
      </c>
      <c r="EL29" s="327">
        <v>0</v>
      </c>
      <c r="EM29" s="327">
        <v>0</v>
      </c>
      <c r="EN29" s="331">
        <v>36215</v>
      </c>
      <c r="EO29" s="330">
        <v>36215</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43792</v>
      </c>
      <c r="FM29" s="327">
        <v>28400</v>
      </c>
      <c r="FN29" s="328">
        <v>72192</v>
      </c>
      <c r="FO29" s="326">
        <v>0</v>
      </c>
      <c r="FP29" s="327">
        <v>64792</v>
      </c>
      <c r="FQ29" s="327">
        <v>202336</v>
      </c>
      <c r="FR29" s="327">
        <v>123392</v>
      </c>
      <c r="FS29" s="327">
        <v>120032</v>
      </c>
      <c r="FT29" s="327">
        <v>59880</v>
      </c>
      <c r="FU29" s="328">
        <v>570432</v>
      </c>
      <c r="FV29" s="330">
        <v>642624</v>
      </c>
      <c r="FW29" s="333">
        <v>43792</v>
      </c>
      <c r="FX29" s="327">
        <v>28400</v>
      </c>
      <c r="FY29" s="331">
        <v>72192</v>
      </c>
      <c r="FZ29" s="332">
        <v>0</v>
      </c>
      <c r="GA29" s="327">
        <v>64792</v>
      </c>
      <c r="GB29" s="327">
        <v>202336</v>
      </c>
      <c r="GC29" s="327">
        <v>123392</v>
      </c>
      <c r="GD29" s="327">
        <v>120032</v>
      </c>
      <c r="GE29" s="327">
        <v>59880</v>
      </c>
      <c r="GF29" s="328">
        <v>570432</v>
      </c>
      <c r="GG29" s="334">
        <v>642624</v>
      </c>
      <c r="GH29" s="333">
        <v>0</v>
      </c>
      <c r="GI29" s="327">
        <v>0</v>
      </c>
      <c r="GJ29" s="331">
        <v>0</v>
      </c>
      <c r="GK29" s="332">
        <v>0</v>
      </c>
      <c r="GL29" s="327">
        <v>0</v>
      </c>
      <c r="GM29" s="327">
        <v>0</v>
      </c>
      <c r="GN29" s="327">
        <v>0</v>
      </c>
      <c r="GO29" s="327">
        <v>0</v>
      </c>
      <c r="GP29" s="327">
        <v>0</v>
      </c>
      <c r="GQ29" s="328">
        <v>0</v>
      </c>
      <c r="GR29" s="330">
        <v>0</v>
      </c>
      <c r="GS29" s="326">
        <v>0</v>
      </c>
      <c r="GT29" s="327">
        <v>0</v>
      </c>
      <c r="GU29" s="328">
        <v>0</v>
      </c>
      <c r="GV29" s="326">
        <v>0</v>
      </c>
      <c r="GW29" s="327">
        <v>0</v>
      </c>
      <c r="GX29" s="327">
        <v>0</v>
      </c>
      <c r="GY29" s="327">
        <v>0</v>
      </c>
      <c r="GZ29" s="327">
        <v>0</v>
      </c>
      <c r="HA29" s="327">
        <v>0</v>
      </c>
      <c r="HB29" s="331">
        <v>0</v>
      </c>
      <c r="HC29" s="330">
        <v>0</v>
      </c>
      <c r="HD29" s="326">
        <v>216591</v>
      </c>
      <c r="HE29" s="327">
        <v>26509</v>
      </c>
      <c r="HF29" s="331">
        <v>243100</v>
      </c>
      <c r="HG29" s="332">
        <v>0</v>
      </c>
      <c r="HH29" s="327">
        <v>538015</v>
      </c>
      <c r="HI29" s="327">
        <v>180224</v>
      </c>
      <c r="HJ29" s="327">
        <v>608631</v>
      </c>
      <c r="HK29" s="327">
        <v>216183</v>
      </c>
      <c r="HL29" s="327">
        <v>474429</v>
      </c>
      <c r="HM29" s="328">
        <v>2017482</v>
      </c>
      <c r="HN29" s="329">
        <v>2260582</v>
      </c>
      <c r="HO29" s="333">
        <v>0</v>
      </c>
      <c r="HP29" s="327">
        <v>0</v>
      </c>
      <c r="HQ29" s="328">
        <v>0</v>
      </c>
      <c r="HR29" s="326">
        <v>0</v>
      </c>
      <c r="HS29" s="327">
        <v>0</v>
      </c>
      <c r="HT29" s="327">
        <v>0</v>
      </c>
      <c r="HU29" s="327">
        <v>0</v>
      </c>
      <c r="HV29" s="327">
        <v>0</v>
      </c>
      <c r="HW29" s="327">
        <v>0</v>
      </c>
      <c r="HX29" s="331">
        <v>0</v>
      </c>
      <c r="HY29" s="330">
        <v>0</v>
      </c>
      <c r="HZ29" s="335">
        <v>44469</v>
      </c>
      <c r="IA29" s="336">
        <v>0</v>
      </c>
      <c r="IB29" s="337">
        <v>44469</v>
      </c>
      <c r="IC29" s="338">
        <v>0</v>
      </c>
      <c r="ID29" s="336">
        <v>27896</v>
      </c>
      <c r="IE29" s="339">
        <v>32854</v>
      </c>
      <c r="IF29" s="337">
        <v>557609</v>
      </c>
      <c r="IG29" s="336">
        <v>0</v>
      </c>
      <c r="IH29" s="337">
        <v>0</v>
      </c>
      <c r="II29" s="340">
        <v>618359</v>
      </c>
      <c r="IJ29" s="341">
        <v>662828</v>
      </c>
      <c r="IK29" s="342">
        <v>0</v>
      </c>
      <c r="IL29" s="343">
        <v>0</v>
      </c>
      <c r="IM29" s="344">
        <v>0</v>
      </c>
      <c r="IN29" s="404">
        <v>0</v>
      </c>
      <c r="IO29" s="345">
        <v>0</v>
      </c>
      <c r="IP29" s="345">
        <v>0</v>
      </c>
      <c r="IQ29" s="345">
        <v>0</v>
      </c>
      <c r="IR29" s="345">
        <v>0</v>
      </c>
      <c r="IS29" s="345">
        <v>0</v>
      </c>
      <c r="IT29" s="346">
        <v>0</v>
      </c>
      <c r="IU29" s="347">
        <v>0</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27896</v>
      </c>
      <c r="JL29" s="345">
        <v>32854</v>
      </c>
      <c r="JM29" s="345">
        <v>80573</v>
      </c>
      <c r="JN29" s="345">
        <v>0</v>
      </c>
      <c r="JO29" s="345">
        <v>0</v>
      </c>
      <c r="JP29" s="349">
        <v>141323</v>
      </c>
      <c r="JQ29" s="347">
        <v>141323</v>
      </c>
      <c r="JR29" s="348">
        <v>0</v>
      </c>
      <c r="JS29" s="345">
        <v>0</v>
      </c>
      <c r="JT29" s="346">
        <v>0</v>
      </c>
      <c r="JU29" s="351">
        <v>0</v>
      </c>
      <c r="JV29" s="345">
        <v>0</v>
      </c>
      <c r="JW29" s="345">
        <v>0</v>
      </c>
      <c r="JX29" s="345">
        <v>0</v>
      </c>
      <c r="JY29" s="345">
        <v>0</v>
      </c>
      <c r="JZ29" s="345">
        <v>0</v>
      </c>
      <c r="KA29" s="349">
        <v>0</v>
      </c>
      <c r="KB29" s="347">
        <v>0</v>
      </c>
      <c r="KC29" s="352">
        <v>44469</v>
      </c>
      <c r="KD29" s="353">
        <v>0</v>
      </c>
      <c r="KE29" s="349">
        <v>44469</v>
      </c>
      <c r="KF29" s="351">
        <v>0</v>
      </c>
      <c r="KG29" s="345">
        <v>0</v>
      </c>
      <c r="KH29" s="345">
        <v>0</v>
      </c>
      <c r="KI29" s="345">
        <v>0</v>
      </c>
      <c r="KJ29" s="345">
        <v>0</v>
      </c>
      <c r="KK29" s="345">
        <v>0</v>
      </c>
      <c r="KL29" s="349">
        <v>0</v>
      </c>
      <c r="KM29" s="354">
        <v>44469</v>
      </c>
      <c r="KN29" s="342">
        <v>0</v>
      </c>
      <c r="KO29" s="343">
        <v>0</v>
      </c>
      <c r="KP29" s="344">
        <v>0</v>
      </c>
      <c r="KQ29" s="404">
        <v>0</v>
      </c>
      <c r="KR29" s="345">
        <v>0</v>
      </c>
      <c r="KS29" s="345">
        <v>0</v>
      </c>
      <c r="KT29" s="345">
        <v>477036</v>
      </c>
      <c r="KU29" s="345">
        <v>0</v>
      </c>
      <c r="KV29" s="345">
        <v>0</v>
      </c>
      <c r="KW29" s="349">
        <v>477036</v>
      </c>
      <c r="KX29" s="347">
        <v>477036</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173712</v>
      </c>
      <c r="MK29" s="345">
        <v>246569</v>
      </c>
      <c r="ML29" s="345">
        <v>1571577</v>
      </c>
      <c r="MM29" s="345">
        <v>2074341</v>
      </c>
      <c r="MN29" s="345">
        <v>904597</v>
      </c>
      <c r="MO29" s="349">
        <v>4970796</v>
      </c>
      <c r="MP29" s="354">
        <v>4970796</v>
      </c>
      <c r="MQ29" s="348">
        <v>0</v>
      </c>
      <c r="MR29" s="345">
        <v>0</v>
      </c>
      <c r="MS29" s="349">
        <v>0</v>
      </c>
      <c r="MT29" s="404">
        <v>0</v>
      </c>
      <c r="MU29" s="345">
        <v>0</v>
      </c>
      <c r="MV29" s="345">
        <v>0</v>
      </c>
      <c r="MW29" s="345">
        <v>250766</v>
      </c>
      <c r="MX29" s="345">
        <v>1707541</v>
      </c>
      <c r="MY29" s="345">
        <v>904597</v>
      </c>
      <c r="MZ29" s="349">
        <v>2862904</v>
      </c>
      <c r="NA29" s="354">
        <v>2862904</v>
      </c>
      <c r="NB29" s="348">
        <v>0</v>
      </c>
      <c r="NC29" s="345">
        <v>0</v>
      </c>
      <c r="ND29" s="349">
        <v>0</v>
      </c>
      <c r="NE29" s="404">
        <v>0</v>
      </c>
      <c r="NF29" s="345">
        <v>173712</v>
      </c>
      <c r="NG29" s="345">
        <v>246569</v>
      </c>
      <c r="NH29" s="345">
        <v>1320811</v>
      </c>
      <c r="NI29" s="345">
        <v>366800</v>
      </c>
      <c r="NJ29" s="345">
        <v>0</v>
      </c>
      <c r="NK29" s="349">
        <v>2107892</v>
      </c>
      <c r="NL29" s="347">
        <v>2107892</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472002</v>
      </c>
      <c r="OJ29" s="345">
        <v>165553</v>
      </c>
      <c r="OK29" s="346">
        <v>637555</v>
      </c>
      <c r="OL29" s="351">
        <v>0</v>
      </c>
      <c r="OM29" s="345">
        <v>2316060</v>
      </c>
      <c r="ON29" s="345">
        <v>3043417</v>
      </c>
      <c r="OO29" s="345">
        <v>3906250</v>
      </c>
      <c r="OP29" s="345">
        <v>4535129</v>
      </c>
      <c r="OQ29" s="345">
        <v>1776682</v>
      </c>
      <c r="OR29" s="349">
        <v>15577538</v>
      </c>
      <c r="OS29" s="354">
        <v>16215093</v>
      </c>
    </row>
    <row r="30" spans="2:409" s="70" customFormat="1" ht="21" customHeight="1" x14ac:dyDescent="0.2">
      <c r="B30" s="410" t="s">
        <v>25</v>
      </c>
      <c r="C30" s="326">
        <v>28440</v>
      </c>
      <c r="D30" s="327">
        <v>283571</v>
      </c>
      <c r="E30" s="328">
        <v>312011</v>
      </c>
      <c r="F30" s="329">
        <v>0</v>
      </c>
      <c r="G30" s="327">
        <v>2291629</v>
      </c>
      <c r="H30" s="327">
        <v>1471378</v>
      </c>
      <c r="I30" s="327">
        <v>926364</v>
      </c>
      <c r="J30" s="327">
        <v>1228864</v>
      </c>
      <c r="K30" s="327">
        <v>379047</v>
      </c>
      <c r="L30" s="367">
        <v>6297282</v>
      </c>
      <c r="M30" s="330">
        <v>6609293</v>
      </c>
      <c r="N30" s="326">
        <v>7704</v>
      </c>
      <c r="O30" s="327">
        <v>112567</v>
      </c>
      <c r="P30" s="328">
        <v>120271</v>
      </c>
      <c r="Q30" s="326">
        <v>0</v>
      </c>
      <c r="R30" s="327">
        <v>526364</v>
      </c>
      <c r="S30" s="327">
        <v>544778</v>
      </c>
      <c r="T30" s="327">
        <v>231267</v>
      </c>
      <c r="U30" s="327">
        <v>253219</v>
      </c>
      <c r="V30" s="327">
        <v>9703</v>
      </c>
      <c r="W30" s="328">
        <v>1565331</v>
      </c>
      <c r="X30" s="330">
        <v>1685602</v>
      </c>
      <c r="Y30" s="326">
        <v>0</v>
      </c>
      <c r="Z30" s="327">
        <v>0</v>
      </c>
      <c r="AA30" s="328">
        <v>0</v>
      </c>
      <c r="AB30" s="326">
        <v>0</v>
      </c>
      <c r="AC30" s="327">
        <v>340890</v>
      </c>
      <c r="AD30" s="327">
        <v>223567</v>
      </c>
      <c r="AE30" s="327">
        <v>26775</v>
      </c>
      <c r="AF30" s="327">
        <v>17590</v>
      </c>
      <c r="AG30" s="327">
        <v>3175</v>
      </c>
      <c r="AH30" s="328">
        <v>611997</v>
      </c>
      <c r="AI30" s="330">
        <v>611997</v>
      </c>
      <c r="AJ30" s="326">
        <v>0</v>
      </c>
      <c r="AK30" s="327">
        <v>0</v>
      </c>
      <c r="AL30" s="328">
        <v>0</v>
      </c>
      <c r="AM30" s="326">
        <v>0</v>
      </c>
      <c r="AN30" s="327">
        <v>0</v>
      </c>
      <c r="AO30" s="327">
        <v>0</v>
      </c>
      <c r="AP30" s="327">
        <v>46994</v>
      </c>
      <c r="AQ30" s="327">
        <v>25345</v>
      </c>
      <c r="AR30" s="327">
        <v>0</v>
      </c>
      <c r="AS30" s="328">
        <v>72339</v>
      </c>
      <c r="AT30" s="330">
        <v>72339</v>
      </c>
      <c r="AU30" s="326">
        <v>7704</v>
      </c>
      <c r="AV30" s="327">
        <v>22888</v>
      </c>
      <c r="AW30" s="328">
        <v>30592</v>
      </c>
      <c r="AX30" s="326">
        <v>0</v>
      </c>
      <c r="AY30" s="327">
        <v>69258</v>
      </c>
      <c r="AZ30" s="327">
        <v>278243</v>
      </c>
      <c r="BA30" s="327">
        <v>115653</v>
      </c>
      <c r="BB30" s="327">
        <v>166892</v>
      </c>
      <c r="BC30" s="327">
        <v>0</v>
      </c>
      <c r="BD30" s="328">
        <v>630046</v>
      </c>
      <c r="BE30" s="330">
        <v>660638</v>
      </c>
      <c r="BF30" s="326">
        <v>0</v>
      </c>
      <c r="BG30" s="327">
        <v>67519</v>
      </c>
      <c r="BH30" s="331">
        <v>67519</v>
      </c>
      <c r="BI30" s="332">
        <v>0</v>
      </c>
      <c r="BJ30" s="327">
        <v>0</v>
      </c>
      <c r="BK30" s="327">
        <v>0</v>
      </c>
      <c r="BL30" s="327">
        <v>29269</v>
      </c>
      <c r="BM30" s="327">
        <v>0</v>
      </c>
      <c r="BN30" s="327">
        <v>0</v>
      </c>
      <c r="BO30" s="328">
        <v>29269</v>
      </c>
      <c r="BP30" s="330">
        <v>96788</v>
      </c>
      <c r="BQ30" s="326">
        <v>0</v>
      </c>
      <c r="BR30" s="327">
        <v>22160</v>
      </c>
      <c r="BS30" s="328">
        <v>22160</v>
      </c>
      <c r="BT30" s="326">
        <v>0</v>
      </c>
      <c r="BU30" s="327">
        <v>116216</v>
      </c>
      <c r="BV30" s="327">
        <v>42968</v>
      </c>
      <c r="BW30" s="327">
        <v>12576</v>
      </c>
      <c r="BX30" s="327">
        <v>43392</v>
      </c>
      <c r="BY30" s="327">
        <v>6528</v>
      </c>
      <c r="BZ30" s="328">
        <v>221680</v>
      </c>
      <c r="CA30" s="330">
        <v>243840</v>
      </c>
      <c r="CB30" s="326">
        <v>0</v>
      </c>
      <c r="CC30" s="327">
        <v>39608</v>
      </c>
      <c r="CD30" s="328">
        <v>39608</v>
      </c>
      <c r="CE30" s="326">
        <v>0</v>
      </c>
      <c r="CF30" s="327">
        <v>502794</v>
      </c>
      <c r="CG30" s="327">
        <v>539544</v>
      </c>
      <c r="CH30" s="327">
        <v>243597</v>
      </c>
      <c r="CI30" s="327">
        <v>183645</v>
      </c>
      <c r="CJ30" s="327">
        <v>26752</v>
      </c>
      <c r="CK30" s="328">
        <v>1496332</v>
      </c>
      <c r="CL30" s="330">
        <v>1535940</v>
      </c>
      <c r="CM30" s="326">
        <v>0</v>
      </c>
      <c r="CN30" s="327">
        <v>0</v>
      </c>
      <c r="CO30" s="328">
        <v>0</v>
      </c>
      <c r="CP30" s="332">
        <v>0</v>
      </c>
      <c r="CQ30" s="327">
        <v>405802</v>
      </c>
      <c r="CR30" s="327">
        <v>135112</v>
      </c>
      <c r="CS30" s="327">
        <v>12740</v>
      </c>
      <c r="CT30" s="327">
        <v>0</v>
      </c>
      <c r="CU30" s="327">
        <v>26752</v>
      </c>
      <c r="CV30" s="328">
        <v>580406</v>
      </c>
      <c r="CW30" s="330">
        <v>580406</v>
      </c>
      <c r="CX30" s="326">
        <v>0</v>
      </c>
      <c r="CY30" s="327">
        <v>39608</v>
      </c>
      <c r="CZ30" s="328">
        <v>39608</v>
      </c>
      <c r="DA30" s="326">
        <v>0</v>
      </c>
      <c r="DB30" s="327">
        <v>96992</v>
      </c>
      <c r="DC30" s="327">
        <v>404432</v>
      </c>
      <c r="DD30" s="327">
        <v>230857</v>
      </c>
      <c r="DE30" s="327">
        <v>183645</v>
      </c>
      <c r="DF30" s="327">
        <v>0</v>
      </c>
      <c r="DG30" s="328">
        <v>915926</v>
      </c>
      <c r="DH30" s="330">
        <v>955534</v>
      </c>
      <c r="DI30" s="326">
        <v>0</v>
      </c>
      <c r="DJ30" s="327">
        <v>0</v>
      </c>
      <c r="DK30" s="331">
        <v>0</v>
      </c>
      <c r="DL30" s="332">
        <v>0</v>
      </c>
      <c r="DM30" s="327">
        <v>100009</v>
      </c>
      <c r="DN30" s="327">
        <v>45736</v>
      </c>
      <c r="DO30" s="327">
        <v>162876</v>
      </c>
      <c r="DP30" s="327">
        <v>90941</v>
      </c>
      <c r="DQ30" s="327">
        <v>92484</v>
      </c>
      <c r="DR30" s="328">
        <v>492046</v>
      </c>
      <c r="DS30" s="330">
        <v>492046</v>
      </c>
      <c r="DT30" s="326">
        <v>0</v>
      </c>
      <c r="DU30" s="327">
        <v>0</v>
      </c>
      <c r="DV30" s="328">
        <v>0</v>
      </c>
      <c r="DW30" s="326">
        <v>0</v>
      </c>
      <c r="DX30" s="327">
        <v>77664</v>
      </c>
      <c r="DY30" s="327">
        <v>0</v>
      </c>
      <c r="DZ30" s="327">
        <v>0</v>
      </c>
      <c r="EA30" s="327">
        <v>40832</v>
      </c>
      <c r="EB30" s="327">
        <v>92484</v>
      </c>
      <c r="EC30" s="328">
        <v>210980</v>
      </c>
      <c r="ED30" s="330">
        <v>210980</v>
      </c>
      <c r="EE30" s="326">
        <v>0</v>
      </c>
      <c r="EF30" s="331">
        <v>0</v>
      </c>
      <c r="EG30" s="328">
        <v>0</v>
      </c>
      <c r="EH30" s="326">
        <v>0</v>
      </c>
      <c r="EI30" s="327">
        <v>22345</v>
      </c>
      <c r="EJ30" s="327">
        <v>45736</v>
      </c>
      <c r="EK30" s="327">
        <v>162876</v>
      </c>
      <c r="EL30" s="327">
        <v>50109</v>
      </c>
      <c r="EM30" s="327">
        <v>0</v>
      </c>
      <c r="EN30" s="331">
        <v>281066</v>
      </c>
      <c r="EO30" s="330">
        <v>281066</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20736</v>
      </c>
      <c r="FM30" s="327">
        <v>41744</v>
      </c>
      <c r="FN30" s="328">
        <v>62480</v>
      </c>
      <c r="FO30" s="326">
        <v>0</v>
      </c>
      <c r="FP30" s="327">
        <v>30608</v>
      </c>
      <c r="FQ30" s="327">
        <v>341320</v>
      </c>
      <c r="FR30" s="327">
        <v>90896</v>
      </c>
      <c r="FS30" s="327">
        <v>58144</v>
      </c>
      <c r="FT30" s="327">
        <v>20560</v>
      </c>
      <c r="FU30" s="328">
        <v>541528</v>
      </c>
      <c r="FV30" s="330">
        <v>604008</v>
      </c>
      <c r="FW30" s="333">
        <v>20736</v>
      </c>
      <c r="FX30" s="327">
        <v>41744</v>
      </c>
      <c r="FY30" s="331">
        <v>62480</v>
      </c>
      <c r="FZ30" s="332">
        <v>0</v>
      </c>
      <c r="GA30" s="327">
        <v>30608</v>
      </c>
      <c r="GB30" s="327">
        <v>181320</v>
      </c>
      <c r="GC30" s="327">
        <v>90896</v>
      </c>
      <c r="GD30" s="327">
        <v>58144</v>
      </c>
      <c r="GE30" s="327">
        <v>20560</v>
      </c>
      <c r="GF30" s="328">
        <v>381528</v>
      </c>
      <c r="GG30" s="334">
        <v>444008</v>
      </c>
      <c r="GH30" s="333">
        <v>0</v>
      </c>
      <c r="GI30" s="327">
        <v>0</v>
      </c>
      <c r="GJ30" s="331">
        <v>0</v>
      </c>
      <c r="GK30" s="332">
        <v>0</v>
      </c>
      <c r="GL30" s="327">
        <v>0</v>
      </c>
      <c r="GM30" s="327">
        <v>0</v>
      </c>
      <c r="GN30" s="327">
        <v>0</v>
      </c>
      <c r="GO30" s="327">
        <v>0</v>
      </c>
      <c r="GP30" s="327">
        <v>0</v>
      </c>
      <c r="GQ30" s="328">
        <v>0</v>
      </c>
      <c r="GR30" s="330">
        <v>0</v>
      </c>
      <c r="GS30" s="326">
        <v>0</v>
      </c>
      <c r="GT30" s="327">
        <v>0</v>
      </c>
      <c r="GU30" s="328">
        <v>0</v>
      </c>
      <c r="GV30" s="326">
        <v>0</v>
      </c>
      <c r="GW30" s="327">
        <v>0</v>
      </c>
      <c r="GX30" s="327">
        <v>160000</v>
      </c>
      <c r="GY30" s="327">
        <v>0</v>
      </c>
      <c r="GZ30" s="327">
        <v>0</v>
      </c>
      <c r="HA30" s="327">
        <v>0</v>
      </c>
      <c r="HB30" s="331">
        <v>160000</v>
      </c>
      <c r="HC30" s="330">
        <v>160000</v>
      </c>
      <c r="HD30" s="326">
        <v>0</v>
      </c>
      <c r="HE30" s="327">
        <v>89652</v>
      </c>
      <c r="HF30" s="331">
        <v>89652</v>
      </c>
      <c r="HG30" s="332">
        <v>0</v>
      </c>
      <c r="HH30" s="327">
        <v>1131854</v>
      </c>
      <c r="HI30" s="327">
        <v>0</v>
      </c>
      <c r="HJ30" s="327">
        <v>197728</v>
      </c>
      <c r="HK30" s="327">
        <v>642915</v>
      </c>
      <c r="HL30" s="327">
        <v>229548</v>
      </c>
      <c r="HM30" s="328">
        <v>2202045</v>
      </c>
      <c r="HN30" s="329">
        <v>2291697</v>
      </c>
      <c r="HO30" s="333">
        <v>0</v>
      </c>
      <c r="HP30" s="327">
        <v>0</v>
      </c>
      <c r="HQ30" s="328">
        <v>0</v>
      </c>
      <c r="HR30" s="326">
        <v>0</v>
      </c>
      <c r="HS30" s="327">
        <v>0</v>
      </c>
      <c r="HT30" s="327">
        <v>0</v>
      </c>
      <c r="HU30" s="327">
        <v>0</v>
      </c>
      <c r="HV30" s="327">
        <v>0</v>
      </c>
      <c r="HW30" s="327">
        <v>0</v>
      </c>
      <c r="HX30" s="331">
        <v>0</v>
      </c>
      <c r="HY30" s="330">
        <v>0</v>
      </c>
      <c r="HZ30" s="358">
        <v>42781</v>
      </c>
      <c r="IA30" s="356">
        <v>0</v>
      </c>
      <c r="IB30" s="358">
        <v>42781</v>
      </c>
      <c r="IC30" s="355">
        <v>0</v>
      </c>
      <c r="ID30" s="356">
        <v>393556</v>
      </c>
      <c r="IE30" s="357">
        <v>87060</v>
      </c>
      <c r="IF30" s="358">
        <v>45377</v>
      </c>
      <c r="IG30" s="356">
        <v>0</v>
      </c>
      <c r="IH30" s="358">
        <v>37652</v>
      </c>
      <c r="II30" s="359">
        <v>563645</v>
      </c>
      <c r="IJ30" s="358">
        <v>606426</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173430</v>
      </c>
      <c r="JL30" s="345">
        <v>87060</v>
      </c>
      <c r="JM30" s="345">
        <v>45377</v>
      </c>
      <c r="JN30" s="345">
        <v>0</v>
      </c>
      <c r="JO30" s="345">
        <v>37652</v>
      </c>
      <c r="JP30" s="349">
        <v>343519</v>
      </c>
      <c r="JQ30" s="347">
        <v>343519</v>
      </c>
      <c r="JR30" s="348">
        <v>0</v>
      </c>
      <c r="JS30" s="345">
        <v>0</v>
      </c>
      <c r="JT30" s="346">
        <v>0</v>
      </c>
      <c r="JU30" s="351">
        <v>0</v>
      </c>
      <c r="JV30" s="345">
        <v>0</v>
      </c>
      <c r="JW30" s="345">
        <v>0</v>
      </c>
      <c r="JX30" s="345">
        <v>0</v>
      </c>
      <c r="JY30" s="345">
        <v>0</v>
      </c>
      <c r="JZ30" s="345">
        <v>0</v>
      </c>
      <c r="KA30" s="349">
        <v>0</v>
      </c>
      <c r="KB30" s="347">
        <v>0</v>
      </c>
      <c r="KC30" s="352">
        <v>42781</v>
      </c>
      <c r="KD30" s="353">
        <v>0</v>
      </c>
      <c r="KE30" s="349">
        <v>42781</v>
      </c>
      <c r="KF30" s="351">
        <v>0</v>
      </c>
      <c r="KG30" s="345">
        <v>0</v>
      </c>
      <c r="KH30" s="345">
        <v>0</v>
      </c>
      <c r="KI30" s="345">
        <v>0</v>
      </c>
      <c r="KJ30" s="345">
        <v>0</v>
      </c>
      <c r="KK30" s="345">
        <v>0</v>
      </c>
      <c r="KL30" s="349">
        <v>0</v>
      </c>
      <c r="KM30" s="354">
        <v>42781</v>
      </c>
      <c r="KN30" s="342">
        <v>0</v>
      </c>
      <c r="KO30" s="343">
        <v>0</v>
      </c>
      <c r="KP30" s="344">
        <v>0</v>
      </c>
      <c r="KQ30" s="404">
        <v>0</v>
      </c>
      <c r="KR30" s="345">
        <v>220126</v>
      </c>
      <c r="KS30" s="345">
        <v>0</v>
      </c>
      <c r="KT30" s="345">
        <v>0</v>
      </c>
      <c r="KU30" s="345">
        <v>0</v>
      </c>
      <c r="KV30" s="345">
        <v>0</v>
      </c>
      <c r="KW30" s="349">
        <v>220126</v>
      </c>
      <c r="KX30" s="347">
        <v>220126</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416074</v>
      </c>
      <c r="MK30" s="345">
        <v>524605</v>
      </c>
      <c r="ML30" s="345">
        <v>455050</v>
      </c>
      <c r="MM30" s="345">
        <v>338344</v>
      </c>
      <c r="MN30" s="345">
        <v>626011</v>
      </c>
      <c r="MO30" s="349">
        <v>2360084</v>
      </c>
      <c r="MP30" s="354">
        <v>2360084</v>
      </c>
      <c r="MQ30" s="348">
        <v>0</v>
      </c>
      <c r="MR30" s="345">
        <v>0</v>
      </c>
      <c r="MS30" s="349">
        <v>0</v>
      </c>
      <c r="MT30" s="404">
        <v>0</v>
      </c>
      <c r="MU30" s="345">
        <v>187138</v>
      </c>
      <c r="MV30" s="345">
        <v>0</v>
      </c>
      <c r="MW30" s="345">
        <v>455050</v>
      </c>
      <c r="MX30" s="345">
        <v>254252</v>
      </c>
      <c r="MY30" s="345">
        <v>295926</v>
      </c>
      <c r="MZ30" s="349">
        <v>1192366</v>
      </c>
      <c r="NA30" s="354">
        <v>1192366</v>
      </c>
      <c r="NB30" s="348">
        <v>0</v>
      </c>
      <c r="NC30" s="345">
        <v>0</v>
      </c>
      <c r="ND30" s="349">
        <v>0</v>
      </c>
      <c r="NE30" s="404">
        <v>0</v>
      </c>
      <c r="NF30" s="345">
        <v>228936</v>
      </c>
      <c r="NG30" s="345">
        <v>524605</v>
      </c>
      <c r="NH30" s="345">
        <v>0</v>
      </c>
      <c r="NI30" s="345">
        <v>84092</v>
      </c>
      <c r="NJ30" s="345">
        <v>330085</v>
      </c>
      <c r="NK30" s="349">
        <v>1167718</v>
      </c>
      <c r="NL30" s="347">
        <v>1167718</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71221</v>
      </c>
      <c r="OJ30" s="345">
        <v>283571</v>
      </c>
      <c r="OK30" s="346">
        <v>354792</v>
      </c>
      <c r="OL30" s="351">
        <v>0</v>
      </c>
      <c r="OM30" s="345">
        <v>3101259</v>
      </c>
      <c r="ON30" s="345">
        <v>2083043</v>
      </c>
      <c r="OO30" s="345">
        <v>1426791</v>
      </c>
      <c r="OP30" s="345">
        <v>1567208</v>
      </c>
      <c r="OQ30" s="345">
        <v>1042710</v>
      </c>
      <c r="OR30" s="349">
        <v>9221011</v>
      </c>
      <c r="OS30" s="354">
        <v>9575803</v>
      </c>
    </row>
    <row r="31" spans="2:409" s="70" customFormat="1" ht="21" customHeight="1" x14ac:dyDescent="0.2">
      <c r="B31" s="410" t="s">
        <v>26</v>
      </c>
      <c r="C31" s="326">
        <v>118083</v>
      </c>
      <c r="D31" s="327">
        <v>27200</v>
      </c>
      <c r="E31" s="328">
        <v>145283</v>
      </c>
      <c r="F31" s="329">
        <v>0</v>
      </c>
      <c r="G31" s="327">
        <v>1247040</v>
      </c>
      <c r="H31" s="327">
        <v>1260543</v>
      </c>
      <c r="I31" s="327">
        <v>1313383</v>
      </c>
      <c r="J31" s="327">
        <v>1190655</v>
      </c>
      <c r="K31" s="327">
        <v>465739</v>
      </c>
      <c r="L31" s="367">
        <v>5477360</v>
      </c>
      <c r="M31" s="330">
        <v>5622643</v>
      </c>
      <c r="N31" s="326">
        <v>27916</v>
      </c>
      <c r="O31" s="327">
        <v>0</v>
      </c>
      <c r="P31" s="328">
        <v>27916</v>
      </c>
      <c r="Q31" s="326">
        <v>0</v>
      </c>
      <c r="R31" s="327">
        <v>502875</v>
      </c>
      <c r="S31" s="327">
        <v>452807</v>
      </c>
      <c r="T31" s="327">
        <v>472040</v>
      </c>
      <c r="U31" s="327">
        <v>605434</v>
      </c>
      <c r="V31" s="327">
        <v>364883</v>
      </c>
      <c r="W31" s="328">
        <v>2398039</v>
      </c>
      <c r="X31" s="330">
        <v>2425955</v>
      </c>
      <c r="Y31" s="326">
        <v>0</v>
      </c>
      <c r="Z31" s="327">
        <v>0</v>
      </c>
      <c r="AA31" s="328">
        <v>0</v>
      </c>
      <c r="AB31" s="326">
        <v>0</v>
      </c>
      <c r="AC31" s="327">
        <v>301320</v>
      </c>
      <c r="AD31" s="327">
        <v>231991</v>
      </c>
      <c r="AE31" s="327">
        <v>327521</v>
      </c>
      <c r="AF31" s="327">
        <v>203785</v>
      </c>
      <c r="AG31" s="327">
        <v>100588</v>
      </c>
      <c r="AH31" s="328">
        <v>1165205</v>
      </c>
      <c r="AI31" s="330">
        <v>1165205</v>
      </c>
      <c r="AJ31" s="326">
        <v>0</v>
      </c>
      <c r="AK31" s="327">
        <v>0</v>
      </c>
      <c r="AL31" s="328">
        <v>0</v>
      </c>
      <c r="AM31" s="326">
        <v>0</v>
      </c>
      <c r="AN31" s="327">
        <v>0</v>
      </c>
      <c r="AO31" s="327">
        <v>0</v>
      </c>
      <c r="AP31" s="327">
        <v>0</v>
      </c>
      <c r="AQ31" s="327">
        <v>105724</v>
      </c>
      <c r="AR31" s="327">
        <v>0</v>
      </c>
      <c r="AS31" s="328">
        <v>105724</v>
      </c>
      <c r="AT31" s="330">
        <v>105724</v>
      </c>
      <c r="AU31" s="326">
        <v>14204</v>
      </c>
      <c r="AV31" s="327">
        <v>0</v>
      </c>
      <c r="AW31" s="328">
        <v>14204</v>
      </c>
      <c r="AX31" s="326">
        <v>0</v>
      </c>
      <c r="AY31" s="327">
        <v>136115</v>
      </c>
      <c r="AZ31" s="327">
        <v>216048</v>
      </c>
      <c r="BA31" s="327">
        <v>46047</v>
      </c>
      <c r="BB31" s="327">
        <v>206709</v>
      </c>
      <c r="BC31" s="327">
        <v>158816</v>
      </c>
      <c r="BD31" s="328">
        <v>763735</v>
      </c>
      <c r="BE31" s="330">
        <v>777939</v>
      </c>
      <c r="BF31" s="326">
        <v>0</v>
      </c>
      <c r="BG31" s="327">
        <v>0</v>
      </c>
      <c r="BH31" s="331">
        <v>0</v>
      </c>
      <c r="BI31" s="332">
        <v>0</v>
      </c>
      <c r="BJ31" s="327">
        <v>31600</v>
      </c>
      <c r="BK31" s="327">
        <v>0</v>
      </c>
      <c r="BL31" s="327">
        <v>0</v>
      </c>
      <c r="BM31" s="327">
        <v>0</v>
      </c>
      <c r="BN31" s="327">
        <v>71103</v>
      </c>
      <c r="BO31" s="328">
        <v>102703</v>
      </c>
      <c r="BP31" s="330">
        <v>102703</v>
      </c>
      <c r="BQ31" s="326">
        <v>13712</v>
      </c>
      <c r="BR31" s="327">
        <v>0</v>
      </c>
      <c r="BS31" s="328">
        <v>13712</v>
      </c>
      <c r="BT31" s="326">
        <v>0</v>
      </c>
      <c r="BU31" s="327">
        <v>33840</v>
      </c>
      <c r="BV31" s="327">
        <v>4768</v>
      </c>
      <c r="BW31" s="327">
        <v>98472</v>
      </c>
      <c r="BX31" s="327">
        <v>89216</v>
      </c>
      <c r="BY31" s="327">
        <v>34376</v>
      </c>
      <c r="BZ31" s="328">
        <v>260672</v>
      </c>
      <c r="CA31" s="330">
        <v>274384</v>
      </c>
      <c r="CB31" s="326">
        <v>0</v>
      </c>
      <c r="CC31" s="327">
        <v>0</v>
      </c>
      <c r="CD31" s="328">
        <v>0</v>
      </c>
      <c r="CE31" s="326">
        <v>0</v>
      </c>
      <c r="CF31" s="327">
        <v>363753</v>
      </c>
      <c r="CG31" s="327">
        <v>380220</v>
      </c>
      <c r="CH31" s="327">
        <v>121301</v>
      </c>
      <c r="CI31" s="327">
        <v>357667</v>
      </c>
      <c r="CJ31" s="327">
        <v>0</v>
      </c>
      <c r="CK31" s="328">
        <v>1222941</v>
      </c>
      <c r="CL31" s="330">
        <v>1222941</v>
      </c>
      <c r="CM31" s="326">
        <v>0</v>
      </c>
      <c r="CN31" s="327">
        <v>0</v>
      </c>
      <c r="CO31" s="328">
        <v>0</v>
      </c>
      <c r="CP31" s="332">
        <v>0</v>
      </c>
      <c r="CQ31" s="327">
        <v>190733</v>
      </c>
      <c r="CR31" s="327">
        <v>298870</v>
      </c>
      <c r="CS31" s="327">
        <v>121301</v>
      </c>
      <c r="CT31" s="327">
        <v>267866</v>
      </c>
      <c r="CU31" s="327">
        <v>0</v>
      </c>
      <c r="CV31" s="328">
        <v>878770</v>
      </c>
      <c r="CW31" s="330">
        <v>878770</v>
      </c>
      <c r="CX31" s="326">
        <v>0</v>
      </c>
      <c r="CY31" s="327">
        <v>0</v>
      </c>
      <c r="CZ31" s="328">
        <v>0</v>
      </c>
      <c r="DA31" s="326">
        <v>0</v>
      </c>
      <c r="DB31" s="327">
        <v>173020</v>
      </c>
      <c r="DC31" s="327">
        <v>81350</v>
      </c>
      <c r="DD31" s="327">
        <v>0</v>
      </c>
      <c r="DE31" s="327">
        <v>89801</v>
      </c>
      <c r="DF31" s="327">
        <v>0</v>
      </c>
      <c r="DG31" s="328">
        <v>344171</v>
      </c>
      <c r="DH31" s="330">
        <v>344171</v>
      </c>
      <c r="DI31" s="326">
        <v>0</v>
      </c>
      <c r="DJ31" s="327">
        <v>0</v>
      </c>
      <c r="DK31" s="331">
        <v>0</v>
      </c>
      <c r="DL31" s="332">
        <v>0</v>
      </c>
      <c r="DM31" s="327">
        <v>119760</v>
      </c>
      <c r="DN31" s="327">
        <v>206364</v>
      </c>
      <c r="DO31" s="327">
        <v>162360</v>
      </c>
      <c r="DP31" s="327">
        <v>91394</v>
      </c>
      <c r="DQ31" s="327">
        <v>32688</v>
      </c>
      <c r="DR31" s="328">
        <v>612566</v>
      </c>
      <c r="DS31" s="330">
        <v>612566</v>
      </c>
      <c r="DT31" s="326">
        <v>0</v>
      </c>
      <c r="DU31" s="327">
        <v>0</v>
      </c>
      <c r="DV31" s="328">
        <v>0</v>
      </c>
      <c r="DW31" s="326">
        <v>0</v>
      </c>
      <c r="DX31" s="327">
        <v>119760</v>
      </c>
      <c r="DY31" s="327">
        <v>206364</v>
      </c>
      <c r="DZ31" s="327">
        <v>162360</v>
      </c>
      <c r="EA31" s="327">
        <v>0</v>
      </c>
      <c r="EB31" s="327">
        <v>32688</v>
      </c>
      <c r="EC31" s="328">
        <v>521172</v>
      </c>
      <c r="ED31" s="330">
        <v>521172</v>
      </c>
      <c r="EE31" s="326">
        <v>0</v>
      </c>
      <c r="EF31" s="331">
        <v>0</v>
      </c>
      <c r="EG31" s="328">
        <v>0</v>
      </c>
      <c r="EH31" s="326">
        <v>0</v>
      </c>
      <c r="EI31" s="327">
        <v>0</v>
      </c>
      <c r="EJ31" s="327">
        <v>0</v>
      </c>
      <c r="EK31" s="327">
        <v>0</v>
      </c>
      <c r="EL31" s="327">
        <v>91394</v>
      </c>
      <c r="EM31" s="327">
        <v>0</v>
      </c>
      <c r="EN31" s="331">
        <v>91394</v>
      </c>
      <c r="EO31" s="330">
        <v>91394</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37600</v>
      </c>
      <c r="FM31" s="327">
        <v>27200</v>
      </c>
      <c r="FN31" s="328">
        <v>64800</v>
      </c>
      <c r="FO31" s="326">
        <v>0</v>
      </c>
      <c r="FP31" s="327">
        <v>107120</v>
      </c>
      <c r="FQ31" s="327">
        <v>221152</v>
      </c>
      <c r="FR31" s="327">
        <v>67192</v>
      </c>
      <c r="FS31" s="327">
        <v>136160</v>
      </c>
      <c r="FT31" s="327">
        <v>68168</v>
      </c>
      <c r="FU31" s="328">
        <v>599792</v>
      </c>
      <c r="FV31" s="330">
        <v>664592</v>
      </c>
      <c r="FW31" s="333">
        <v>37600</v>
      </c>
      <c r="FX31" s="327">
        <v>27200</v>
      </c>
      <c r="FY31" s="331">
        <v>64800</v>
      </c>
      <c r="FZ31" s="332">
        <v>0</v>
      </c>
      <c r="GA31" s="327">
        <v>107120</v>
      </c>
      <c r="GB31" s="327">
        <v>135808</v>
      </c>
      <c r="GC31" s="327">
        <v>67192</v>
      </c>
      <c r="GD31" s="327">
        <v>136160</v>
      </c>
      <c r="GE31" s="327">
        <v>68168</v>
      </c>
      <c r="GF31" s="328">
        <v>514448</v>
      </c>
      <c r="GG31" s="334">
        <v>579248</v>
      </c>
      <c r="GH31" s="333">
        <v>0</v>
      </c>
      <c r="GI31" s="327">
        <v>0</v>
      </c>
      <c r="GJ31" s="331">
        <v>0</v>
      </c>
      <c r="GK31" s="332">
        <v>0</v>
      </c>
      <c r="GL31" s="327">
        <v>0</v>
      </c>
      <c r="GM31" s="327">
        <v>25344</v>
      </c>
      <c r="GN31" s="327">
        <v>0</v>
      </c>
      <c r="GO31" s="327">
        <v>0</v>
      </c>
      <c r="GP31" s="327">
        <v>0</v>
      </c>
      <c r="GQ31" s="328">
        <v>25344</v>
      </c>
      <c r="GR31" s="330">
        <v>25344</v>
      </c>
      <c r="GS31" s="326">
        <v>0</v>
      </c>
      <c r="GT31" s="327">
        <v>0</v>
      </c>
      <c r="GU31" s="328">
        <v>0</v>
      </c>
      <c r="GV31" s="326">
        <v>0</v>
      </c>
      <c r="GW31" s="327">
        <v>0</v>
      </c>
      <c r="GX31" s="327">
        <v>60000</v>
      </c>
      <c r="GY31" s="327">
        <v>0</v>
      </c>
      <c r="GZ31" s="327">
        <v>0</v>
      </c>
      <c r="HA31" s="327">
        <v>0</v>
      </c>
      <c r="HB31" s="331">
        <v>60000</v>
      </c>
      <c r="HC31" s="330">
        <v>60000</v>
      </c>
      <c r="HD31" s="326">
        <v>52567</v>
      </c>
      <c r="HE31" s="327">
        <v>0</v>
      </c>
      <c r="HF31" s="331">
        <v>52567</v>
      </c>
      <c r="HG31" s="332">
        <v>0</v>
      </c>
      <c r="HH31" s="327">
        <v>153532</v>
      </c>
      <c r="HI31" s="327">
        <v>0</v>
      </c>
      <c r="HJ31" s="327">
        <v>490490</v>
      </c>
      <c r="HK31" s="327">
        <v>0</v>
      </c>
      <c r="HL31" s="327">
        <v>0</v>
      </c>
      <c r="HM31" s="328">
        <v>644022</v>
      </c>
      <c r="HN31" s="329">
        <v>696589</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342243</v>
      </c>
      <c r="IE31" s="339">
        <v>117520</v>
      </c>
      <c r="IF31" s="337">
        <v>326830</v>
      </c>
      <c r="IG31" s="336">
        <v>287551</v>
      </c>
      <c r="IH31" s="337">
        <v>0</v>
      </c>
      <c r="II31" s="340">
        <v>1074144</v>
      </c>
      <c r="IJ31" s="341">
        <v>1074144</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342243</v>
      </c>
      <c r="JL31" s="345">
        <v>117520</v>
      </c>
      <c r="JM31" s="345">
        <v>85618</v>
      </c>
      <c r="JN31" s="345">
        <v>39543</v>
      </c>
      <c r="JO31" s="345">
        <v>0</v>
      </c>
      <c r="JP31" s="349">
        <v>584924</v>
      </c>
      <c r="JQ31" s="347">
        <v>584924</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0</v>
      </c>
      <c r="KI31" s="345">
        <v>0</v>
      </c>
      <c r="KJ31" s="345">
        <v>0</v>
      </c>
      <c r="KK31" s="345">
        <v>0</v>
      </c>
      <c r="KL31" s="349">
        <v>0</v>
      </c>
      <c r="KM31" s="354">
        <v>0</v>
      </c>
      <c r="KN31" s="342">
        <v>0</v>
      </c>
      <c r="KO31" s="343">
        <v>0</v>
      </c>
      <c r="KP31" s="344">
        <v>0</v>
      </c>
      <c r="KQ31" s="404">
        <v>0</v>
      </c>
      <c r="KR31" s="345">
        <v>0</v>
      </c>
      <c r="KS31" s="345">
        <v>0</v>
      </c>
      <c r="KT31" s="345">
        <v>241212</v>
      </c>
      <c r="KU31" s="345">
        <v>248008</v>
      </c>
      <c r="KV31" s="345">
        <v>0</v>
      </c>
      <c r="KW31" s="349">
        <v>489220</v>
      </c>
      <c r="KX31" s="347">
        <v>489220</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0</v>
      </c>
      <c r="ML31" s="345">
        <v>1306953</v>
      </c>
      <c r="MM31" s="345">
        <v>277417</v>
      </c>
      <c r="MN31" s="345">
        <v>740615</v>
      </c>
      <c r="MO31" s="349">
        <v>2324985</v>
      </c>
      <c r="MP31" s="354">
        <v>2324985</v>
      </c>
      <c r="MQ31" s="348">
        <v>0</v>
      </c>
      <c r="MR31" s="345">
        <v>0</v>
      </c>
      <c r="MS31" s="349">
        <v>0</v>
      </c>
      <c r="MT31" s="404">
        <v>0</v>
      </c>
      <c r="MU31" s="345">
        <v>0</v>
      </c>
      <c r="MV31" s="345">
        <v>0</v>
      </c>
      <c r="MW31" s="345">
        <v>486680</v>
      </c>
      <c r="MX31" s="345">
        <v>277417</v>
      </c>
      <c r="MY31" s="345">
        <v>564847</v>
      </c>
      <c r="MZ31" s="349">
        <v>1328944</v>
      </c>
      <c r="NA31" s="354">
        <v>1328944</v>
      </c>
      <c r="NB31" s="348">
        <v>0</v>
      </c>
      <c r="NC31" s="345">
        <v>0</v>
      </c>
      <c r="ND31" s="349">
        <v>0</v>
      </c>
      <c r="NE31" s="404">
        <v>0</v>
      </c>
      <c r="NF31" s="345">
        <v>0</v>
      </c>
      <c r="NG31" s="345">
        <v>0</v>
      </c>
      <c r="NH31" s="345">
        <v>820273</v>
      </c>
      <c r="NI31" s="345">
        <v>0</v>
      </c>
      <c r="NJ31" s="345">
        <v>175768</v>
      </c>
      <c r="NK31" s="349">
        <v>996041</v>
      </c>
      <c r="NL31" s="347">
        <v>996041</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118083</v>
      </c>
      <c r="OJ31" s="345">
        <v>27200</v>
      </c>
      <c r="OK31" s="346">
        <v>145283</v>
      </c>
      <c r="OL31" s="351">
        <v>0</v>
      </c>
      <c r="OM31" s="345">
        <v>1589283</v>
      </c>
      <c r="ON31" s="345">
        <v>1378063</v>
      </c>
      <c r="OO31" s="345">
        <v>2947166</v>
      </c>
      <c r="OP31" s="345">
        <v>1755623</v>
      </c>
      <c r="OQ31" s="345">
        <v>1206354</v>
      </c>
      <c r="OR31" s="349">
        <v>8876489</v>
      </c>
      <c r="OS31" s="354">
        <v>9021772</v>
      </c>
    </row>
    <row r="32" spans="2:409" s="70" customFormat="1" ht="21" customHeight="1" x14ac:dyDescent="0.2">
      <c r="B32" s="410" t="s">
        <v>27</v>
      </c>
      <c r="C32" s="326">
        <v>262346</v>
      </c>
      <c r="D32" s="327">
        <v>233083</v>
      </c>
      <c r="E32" s="328">
        <v>495429</v>
      </c>
      <c r="F32" s="329">
        <v>0</v>
      </c>
      <c r="G32" s="327">
        <v>1563427</v>
      </c>
      <c r="H32" s="327">
        <v>1178614</v>
      </c>
      <c r="I32" s="327">
        <v>1004914</v>
      </c>
      <c r="J32" s="327">
        <v>1366536</v>
      </c>
      <c r="K32" s="327">
        <v>637133</v>
      </c>
      <c r="L32" s="367">
        <v>5750624</v>
      </c>
      <c r="M32" s="330">
        <v>6246053</v>
      </c>
      <c r="N32" s="326">
        <v>32158</v>
      </c>
      <c r="O32" s="327">
        <v>73613</v>
      </c>
      <c r="P32" s="328">
        <v>105771</v>
      </c>
      <c r="Q32" s="326">
        <v>0</v>
      </c>
      <c r="R32" s="327">
        <v>377947</v>
      </c>
      <c r="S32" s="327">
        <v>458141</v>
      </c>
      <c r="T32" s="327">
        <v>571758</v>
      </c>
      <c r="U32" s="327">
        <v>493018</v>
      </c>
      <c r="V32" s="327">
        <v>593933</v>
      </c>
      <c r="W32" s="328">
        <v>2494797</v>
      </c>
      <c r="X32" s="330">
        <v>2600568</v>
      </c>
      <c r="Y32" s="326">
        <v>0</v>
      </c>
      <c r="Z32" s="327">
        <v>0</v>
      </c>
      <c r="AA32" s="328">
        <v>0</v>
      </c>
      <c r="AB32" s="326">
        <v>0</v>
      </c>
      <c r="AC32" s="327">
        <v>131238</v>
      </c>
      <c r="AD32" s="327">
        <v>183338</v>
      </c>
      <c r="AE32" s="327">
        <v>417981</v>
      </c>
      <c r="AF32" s="327">
        <v>243451</v>
      </c>
      <c r="AG32" s="327">
        <v>404525</v>
      </c>
      <c r="AH32" s="328">
        <v>1380533</v>
      </c>
      <c r="AI32" s="330">
        <v>1380533</v>
      </c>
      <c r="AJ32" s="326">
        <v>0</v>
      </c>
      <c r="AK32" s="327">
        <v>0</v>
      </c>
      <c r="AL32" s="328">
        <v>0</v>
      </c>
      <c r="AM32" s="326">
        <v>0</v>
      </c>
      <c r="AN32" s="327">
        <v>0</v>
      </c>
      <c r="AO32" s="327">
        <v>0</v>
      </c>
      <c r="AP32" s="327">
        <v>0</v>
      </c>
      <c r="AQ32" s="327">
        <v>0</v>
      </c>
      <c r="AR32" s="327">
        <v>0</v>
      </c>
      <c r="AS32" s="328">
        <v>0</v>
      </c>
      <c r="AT32" s="330">
        <v>0</v>
      </c>
      <c r="AU32" s="326">
        <v>17102</v>
      </c>
      <c r="AV32" s="327">
        <v>68845</v>
      </c>
      <c r="AW32" s="328">
        <v>85947</v>
      </c>
      <c r="AX32" s="326">
        <v>0</v>
      </c>
      <c r="AY32" s="327">
        <v>194645</v>
      </c>
      <c r="AZ32" s="327">
        <v>187931</v>
      </c>
      <c r="BA32" s="327">
        <v>113633</v>
      </c>
      <c r="BB32" s="327">
        <v>182583</v>
      </c>
      <c r="BC32" s="327">
        <v>154176</v>
      </c>
      <c r="BD32" s="328">
        <v>832968</v>
      </c>
      <c r="BE32" s="330">
        <v>918915</v>
      </c>
      <c r="BF32" s="326">
        <v>0</v>
      </c>
      <c r="BG32" s="327">
        <v>0</v>
      </c>
      <c r="BH32" s="331">
        <v>0</v>
      </c>
      <c r="BI32" s="332">
        <v>0</v>
      </c>
      <c r="BJ32" s="327">
        <v>0</v>
      </c>
      <c r="BK32" s="327">
        <v>31600</v>
      </c>
      <c r="BL32" s="327">
        <v>0</v>
      </c>
      <c r="BM32" s="327">
        <v>0</v>
      </c>
      <c r="BN32" s="327">
        <v>0</v>
      </c>
      <c r="BO32" s="328">
        <v>31600</v>
      </c>
      <c r="BP32" s="330">
        <v>31600</v>
      </c>
      <c r="BQ32" s="326">
        <v>15056</v>
      </c>
      <c r="BR32" s="327">
        <v>4768</v>
      </c>
      <c r="BS32" s="328">
        <v>19824</v>
      </c>
      <c r="BT32" s="326">
        <v>0</v>
      </c>
      <c r="BU32" s="327">
        <v>52064</v>
      </c>
      <c r="BV32" s="327">
        <v>55272</v>
      </c>
      <c r="BW32" s="327">
        <v>40144</v>
      </c>
      <c r="BX32" s="327">
        <v>66984</v>
      </c>
      <c r="BY32" s="327">
        <v>35232</v>
      </c>
      <c r="BZ32" s="328">
        <v>249696</v>
      </c>
      <c r="CA32" s="330">
        <v>269520</v>
      </c>
      <c r="CB32" s="326">
        <v>20874</v>
      </c>
      <c r="CC32" s="327">
        <v>38807</v>
      </c>
      <c r="CD32" s="328">
        <v>59681</v>
      </c>
      <c r="CE32" s="326">
        <v>0</v>
      </c>
      <c r="CF32" s="327">
        <v>829731</v>
      </c>
      <c r="CG32" s="327">
        <v>537009</v>
      </c>
      <c r="CH32" s="327">
        <v>299143</v>
      </c>
      <c r="CI32" s="327">
        <v>385235</v>
      </c>
      <c r="CJ32" s="327">
        <v>0</v>
      </c>
      <c r="CK32" s="328">
        <v>2051118</v>
      </c>
      <c r="CL32" s="330">
        <v>2110799</v>
      </c>
      <c r="CM32" s="326">
        <v>0</v>
      </c>
      <c r="CN32" s="327">
        <v>0</v>
      </c>
      <c r="CO32" s="328">
        <v>0</v>
      </c>
      <c r="CP32" s="332">
        <v>0</v>
      </c>
      <c r="CQ32" s="327">
        <v>653826</v>
      </c>
      <c r="CR32" s="327">
        <v>373004</v>
      </c>
      <c r="CS32" s="327">
        <v>169632</v>
      </c>
      <c r="CT32" s="327">
        <v>385235</v>
      </c>
      <c r="CU32" s="327">
        <v>0</v>
      </c>
      <c r="CV32" s="328">
        <v>1581697</v>
      </c>
      <c r="CW32" s="330">
        <v>1581697</v>
      </c>
      <c r="CX32" s="326">
        <v>20874</v>
      </c>
      <c r="CY32" s="327">
        <v>38807</v>
      </c>
      <c r="CZ32" s="328">
        <v>59681</v>
      </c>
      <c r="DA32" s="326">
        <v>0</v>
      </c>
      <c r="DB32" s="327">
        <v>175905</v>
      </c>
      <c r="DC32" s="327">
        <v>164005</v>
      </c>
      <c r="DD32" s="327">
        <v>129511</v>
      </c>
      <c r="DE32" s="327">
        <v>0</v>
      </c>
      <c r="DF32" s="327">
        <v>0</v>
      </c>
      <c r="DG32" s="328">
        <v>469421</v>
      </c>
      <c r="DH32" s="330">
        <v>529102</v>
      </c>
      <c r="DI32" s="326">
        <v>0</v>
      </c>
      <c r="DJ32" s="327">
        <v>24031</v>
      </c>
      <c r="DK32" s="331">
        <v>24031</v>
      </c>
      <c r="DL32" s="332">
        <v>0</v>
      </c>
      <c r="DM32" s="327">
        <v>0</v>
      </c>
      <c r="DN32" s="327">
        <v>0</v>
      </c>
      <c r="DO32" s="327">
        <v>30493</v>
      </c>
      <c r="DP32" s="327">
        <v>28037</v>
      </c>
      <c r="DQ32" s="327">
        <v>0</v>
      </c>
      <c r="DR32" s="328">
        <v>58530</v>
      </c>
      <c r="DS32" s="330">
        <v>82561</v>
      </c>
      <c r="DT32" s="326">
        <v>0</v>
      </c>
      <c r="DU32" s="327">
        <v>0</v>
      </c>
      <c r="DV32" s="328">
        <v>0</v>
      </c>
      <c r="DW32" s="326">
        <v>0</v>
      </c>
      <c r="DX32" s="327">
        <v>0</v>
      </c>
      <c r="DY32" s="327">
        <v>0</v>
      </c>
      <c r="DZ32" s="327">
        <v>30493</v>
      </c>
      <c r="EA32" s="327">
        <v>28037</v>
      </c>
      <c r="EB32" s="327">
        <v>0</v>
      </c>
      <c r="EC32" s="328">
        <v>58530</v>
      </c>
      <c r="ED32" s="330">
        <v>58530</v>
      </c>
      <c r="EE32" s="326">
        <v>0</v>
      </c>
      <c r="EF32" s="331">
        <v>24031</v>
      </c>
      <c r="EG32" s="328">
        <v>24031</v>
      </c>
      <c r="EH32" s="326">
        <v>0</v>
      </c>
      <c r="EI32" s="327">
        <v>0</v>
      </c>
      <c r="EJ32" s="327">
        <v>0</v>
      </c>
      <c r="EK32" s="327">
        <v>0</v>
      </c>
      <c r="EL32" s="327">
        <v>0</v>
      </c>
      <c r="EM32" s="327">
        <v>0</v>
      </c>
      <c r="EN32" s="331">
        <v>0</v>
      </c>
      <c r="EO32" s="330">
        <v>24031</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158384</v>
      </c>
      <c r="FM32" s="327">
        <v>96632</v>
      </c>
      <c r="FN32" s="328">
        <v>255016</v>
      </c>
      <c r="FO32" s="326">
        <v>0</v>
      </c>
      <c r="FP32" s="327">
        <v>40400</v>
      </c>
      <c r="FQ32" s="327">
        <v>183464</v>
      </c>
      <c r="FR32" s="327">
        <v>103520</v>
      </c>
      <c r="FS32" s="327">
        <v>41128</v>
      </c>
      <c r="FT32" s="327">
        <v>43200</v>
      </c>
      <c r="FU32" s="328">
        <v>411712</v>
      </c>
      <c r="FV32" s="330">
        <v>666728</v>
      </c>
      <c r="FW32" s="333">
        <v>19840</v>
      </c>
      <c r="FX32" s="327">
        <v>56240</v>
      </c>
      <c r="FY32" s="331">
        <v>76080</v>
      </c>
      <c r="FZ32" s="332">
        <v>0</v>
      </c>
      <c r="GA32" s="327">
        <v>40400</v>
      </c>
      <c r="GB32" s="327">
        <v>183464</v>
      </c>
      <c r="GC32" s="327">
        <v>90320</v>
      </c>
      <c r="GD32" s="327">
        <v>41128</v>
      </c>
      <c r="GE32" s="327">
        <v>43200</v>
      </c>
      <c r="GF32" s="328">
        <v>398512</v>
      </c>
      <c r="GG32" s="334">
        <v>474592</v>
      </c>
      <c r="GH32" s="333">
        <v>25344</v>
      </c>
      <c r="GI32" s="327">
        <v>40392</v>
      </c>
      <c r="GJ32" s="331">
        <v>65736</v>
      </c>
      <c r="GK32" s="332">
        <v>0</v>
      </c>
      <c r="GL32" s="327">
        <v>0</v>
      </c>
      <c r="GM32" s="327">
        <v>0</v>
      </c>
      <c r="GN32" s="327">
        <v>0</v>
      </c>
      <c r="GO32" s="327">
        <v>0</v>
      </c>
      <c r="GP32" s="327">
        <v>0</v>
      </c>
      <c r="GQ32" s="328">
        <v>0</v>
      </c>
      <c r="GR32" s="330">
        <v>65736</v>
      </c>
      <c r="GS32" s="326">
        <v>113200</v>
      </c>
      <c r="GT32" s="327">
        <v>0</v>
      </c>
      <c r="GU32" s="328">
        <v>113200</v>
      </c>
      <c r="GV32" s="326">
        <v>0</v>
      </c>
      <c r="GW32" s="327">
        <v>0</v>
      </c>
      <c r="GX32" s="327">
        <v>0</v>
      </c>
      <c r="GY32" s="327">
        <v>13200</v>
      </c>
      <c r="GZ32" s="327">
        <v>0</v>
      </c>
      <c r="HA32" s="327">
        <v>0</v>
      </c>
      <c r="HB32" s="331">
        <v>13200</v>
      </c>
      <c r="HC32" s="330">
        <v>126400</v>
      </c>
      <c r="HD32" s="326">
        <v>50930</v>
      </c>
      <c r="HE32" s="327">
        <v>0</v>
      </c>
      <c r="HF32" s="331">
        <v>50930</v>
      </c>
      <c r="HG32" s="332">
        <v>0</v>
      </c>
      <c r="HH32" s="327">
        <v>315349</v>
      </c>
      <c r="HI32" s="327">
        <v>0</v>
      </c>
      <c r="HJ32" s="327">
        <v>0</v>
      </c>
      <c r="HK32" s="327">
        <v>419118</v>
      </c>
      <c r="HL32" s="327">
        <v>0</v>
      </c>
      <c r="HM32" s="328">
        <v>734467</v>
      </c>
      <c r="HN32" s="329">
        <v>785397</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192682</v>
      </c>
      <c r="IE32" s="357">
        <v>41613</v>
      </c>
      <c r="IF32" s="358">
        <v>643481</v>
      </c>
      <c r="IG32" s="356">
        <v>259654</v>
      </c>
      <c r="IH32" s="358">
        <v>0</v>
      </c>
      <c r="II32" s="359">
        <v>1137430</v>
      </c>
      <c r="IJ32" s="358">
        <v>1137430</v>
      </c>
      <c r="IK32" s="342">
        <v>0</v>
      </c>
      <c r="IL32" s="343">
        <v>0</v>
      </c>
      <c r="IM32" s="344">
        <v>0</v>
      </c>
      <c r="IN32" s="404">
        <v>0</v>
      </c>
      <c r="IO32" s="345">
        <v>0</v>
      </c>
      <c r="IP32" s="345">
        <v>0</v>
      </c>
      <c r="IQ32" s="345">
        <v>170184</v>
      </c>
      <c r="IR32" s="345">
        <v>0</v>
      </c>
      <c r="IS32" s="345">
        <v>0</v>
      </c>
      <c r="IT32" s="346">
        <v>170184</v>
      </c>
      <c r="IU32" s="347">
        <v>170184</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0</v>
      </c>
      <c r="JL32" s="345">
        <v>41613</v>
      </c>
      <c r="JM32" s="345">
        <v>0</v>
      </c>
      <c r="JN32" s="345">
        <v>0</v>
      </c>
      <c r="JO32" s="345">
        <v>0</v>
      </c>
      <c r="JP32" s="349">
        <v>41613</v>
      </c>
      <c r="JQ32" s="347">
        <v>41613</v>
      </c>
      <c r="JR32" s="348">
        <v>0</v>
      </c>
      <c r="JS32" s="345">
        <v>0</v>
      </c>
      <c r="JT32" s="346">
        <v>0</v>
      </c>
      <c r="JU32" s="351">
        <v>0</v>
      </c>
      <c r="JV32" s="345">
        <v>0</v>
      </c>
      <c r="JW32" s="345">
        <v>0</v>
      </c>
      <c r="JX32" s="345">
        <v>0</v>
      </c>
      <c r="JY32" s="345">
        <v>259654</v>
      </c>
      <c r="JZ32" s="345">
        <v>0</v>
      </c>
      <c r="KA32" s="349">
        <v>259654</v>
      </c>
      <c r="KB32" s="347">
        <v>259654</v>
      </c>
      <c r="KC32" s="352">
        <v>0</v>
      </c>
      <c r="KD32" s="353">
        <v>0</v>
      </c>
      <c r="KE32" s="349">
        <v>0</v>
      </c>
      <c r="KF32" s="351">
        <v>0</v>
      </c>
      <c r="KG32" s="345">
        <v>192682</v>
      </c>
      <c r="KH32" s="345">
        <v>0</v>
      </c>
      <c r="KI32" s="345">
        <v>0</v>
      </c>
      <c r="KJ32" s="345">
        <v>0</v>
      </c>
      <c r="KK32" s="345">
        <v>0</v>
      </c>
      <c r="KL32" s="349">
        <v>192682</v>
      </c>
      <c r="KM32" s="354">
        <v>192682</v>
      </c>
      <c r="KN32" s="342">
        <v>0</v>
      </c>
      <c r="KO32" s="343">
        <v>0</v>
      </c>
      <c r="KP32" s="344">
        <v>0</v>
      </c>
      <c r="KQ32" s="404">
        <v>0</v>
      </c>
      <c r="KR32" s="345">
        <v>0</v>
      </c>
      <c r="KS32" s="345">
        <v>0</v>
      </c>
      <c r="KT32" s="345">
        <v>243825</v>
      </c>
      <c r="KU32" s="345">
        <v>0</v>
      </c>
      <c r="KV32" s="345">
        <v>0</v>
      </c>
      <c r="KW32" s="349">
        <v>243825</v>
      </c>
      <c r="KX32" s="347">
        <v>243825</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229472</v>
      </c>
      <c r="LQ32" s="345">
        <v>0</v>
      </c>
      <c r="LR32" s="345">
        <v>0</v>
      </c>
      <c r="LS32" s="349">
        <v>229472</v>
      </c>
      <c r="LT32" s="347">
        <v>229472</v>
      </c>
      <c r="LU32" s="348">
        <v>0</v>
      </c>
      <c r="LV32" s="345">
        <v>0</v>
      </c>
      <c r="LW32" s="349">
        <v>0</v>
      </c>
      <c r="LX32" s="404">
        <v>0</v>
      </c>
      <c r="LY32" s="345">
        <v>0</v>
      </c>
      <c r="LZ32" s="345">
        <v>0</v>
      </c>
      <c r="MA32" s="345">
        <v>0</v>
      </c>
      <c r="MB32" s="345">
        <v>0</v>
      </c>
      <c r="MC32" s="345">
        <v>0</v>
      </c>
      <c r="MD32" s="349">
        <v>0</v>
      </c>
      <c r="ME32" s="350">
        <v>0</v>
      </c>
      <c r="MF32" s="348">
        <v>0</v>
      </c>
      <c r="MG32" s="345">
        <v>0</v>
      </c>
      <c r="MH32" s="349">
        <v>0</v>
      </c>
      <c r="MI32" s="404">
        <v>0</v>
      </c>
      <c r="MJ32" s="345">
        <v>0</v>
      </c>
      <c r="MK32" s="345">
        <v>773745</v>
      </c>
      <c r="ML32" s="345">
        <v>364563</v>
      </c>
      <c r="MM32" s="345">
        <v>1331164</v>
      </c>
      <c r="MN32" s="345">
        <v>628737</v>
      </c>
      <c r="MO32" s="349">
        <v>3098209</v>
      </c>
      <c r="MP32" s="354">
        <v>3098209</v>
      </c>
      <c r="MQ32" s="348">
        <v>0</v>
      </c>
      <c r="MR32" s="345">
        <v>0</v>
      </c>
      <c r="MS32" s="349">
        <v>0</v>
      </c>
      <c r="MT32" s="404">
        <v>0</v>
      </c>
      <c r="MU32" s="345">
        <v>0</v>
      </c>
      <c r="MV32" s="345">
        <v>232800</v>
      </c>
      <c r="MW32" s="345">
        <v>105279</v>
      </c>
      <c r="MX32" s="345">
        <v>268810</v>
      </c>
      <c r="MY32" s="345">
        <v>294171</v>
      </c>
      <c r="MZ32" s="349">
        <v>901060</v>
      </c>
      <c r="NA32" s="354">
        <v>901060</v>
      </c>
      <c r="NB32" s="348">
        <v>0</v>
      </c>
      <c r="NC32" s="345">
        <v>0</v>
      </c>
      <c r="ND32" s="349">
        <v>0</v>
      </c>
      <c r="NE32" s="404">
        <v>0</v>
      </c>
      <c r="NF32" s="345">
        <v>0</v>
      </c>
      <c r="NG32" s="345">
        <v>540945</v>
      </c>
      <c r="NH32" s="345">
        <v>259284</v>
      </c>
      <c r="NI32" s="345">
        <v>1062354</v>
      </c>
      <c r="NJ32" s="345">
        <v>244589</v>
      </c>
      <c r="NK32" s="349">
        <v>2107172</v>
      </c>
      <c r="NL32" s="347">
        <v>2107172</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89977</v>
      </c>
      <c r="OG32" s="349">
        <v>89977</v>
      </c>
      <c r="OH32" s="350">
        <v>89977</v>
      </c>
      <c r="OI32" s="348">
        <v>262346</v>
      </c>
      <c r="OJ32" s="345">
        <v>233083</v>
      </c>
      <c r="OK32" s="346">
        <v>495429</v>
      </c>
      <c r="OL32" s="351">
        <v>0</v>
      </c>
      <c r="OM32" s="345">
        <v>1756109</v>
      </c>
      <c r="ON32" s="345">
        <v>1993972</v>
      </c>
      <c r="OO32" s="345">
        <v>2012958</v>
      </c>
      <c r="OP32" s="345">
        <v>2957354</v>
      </c>
      <c r="OQ32" s="345">
        <v>1265870</v>
      </c>
      <c r="OR32" s="349">
        <v>9986263</v>
      </c>
      <c r="OS32" s="354">
        <v>10481692</v>
      </c>
    </row>
    <row r="33" spans="2:409" s="70" customFormat="1" ht="21" customHeight="1" x14ac:dyDescent="0.2">
      <c r="B33" s="410" t="s">
        <v>28</v>
      </c>
      <c r="C33" s="326">
        <v>0</v>
      </c>
      <c r="D33" s="327">
        <v>800</v>
      </c>
      <c r="E33" s="328">
        <v>800</v>
      </c>
      <c r="F33" s="329">
        <v>0</v>
      </c>
      <c r="G33" s="327">
        <v>684565</v>
      </c>
      <c r="H33" s="327">
        <v>326627</v>
      </c>
      <c r="I33" s="327">
        <v>581733</v>
      </c>
      <c r="J33" s="327">
        <v>38088</v>
      </c>
      <c r="K33" s="327">
        <v>10032</v>
      </c>
      <c r="L33" s="367">
        <v>1641045</v>
      </c>
      <c r="M33" s="330">
        <v>1641845</v>
      </c>
      <c r="N33" s="326">
        <v>0</v>
      </c>
      <c r="O33" s="327">
        <v>0</v>
      </c>
      <c r="P33" s="328">
        <v>0</v>
      </c>
      <c r="Q33" s="326">
        <v>0</v>
      </c>
      <c r="R33" s="327">
        <v>85888</v>
      </c>
      <c r="S33" s="327">
        <v>31753</v>
      </c>
      <c r="T33" s="327">
        <v>161288</v>
      </c>
      <c r="U33" s="327">
        <v>8288</v>
      </c>
      <c r="V33" s="327">
        <v>10032</v>
      </c>
      <c r="W33" s="328">
        <v>297249</v>
      </c>
      <c r="X33" s="330">
        <v>297249</v>
      </c>
      <c r="Y33" s="326">
        <v>0</v>
      </c>
      <c r="Z33" s="327">
        <v>0</v>
      </c>
      <c r="AA33" s="328">
        <v>0</v>
      </c>
      <c r="AB33" s="326">
        <v>0</v>
      </c>
      <c r="AC33" s="327">
        <v>0</v>
      </c>
      <c r="AD33" s="327">
        <v>18713</v>
      </c>
      <c r="AE33" s="327">
        <v>93696</v>
      </c>
      <c r="AF33" s="327">
        <v>0</v>
      </c>
      <c r="AG33" s="327">
        <v>0</v>
      </c>
      <c r="AH33" s="328">
        <v>112409</v>
      </c>
      <c r="AI33" s="330">
        <v>112409</v>
      </c>
      <c r="AJ33" s="326">
        <v>0</v>
      </c>
      <c r="AK33" s="327">
        <v>0</v>
      </c>
      <c r="AL33" s="328">
        <v>0</v>
      </c>
      <c r="AM33" s="326">
        <v>0</v>
      </c>
      <c r="AN33" s="327">
        <v>0</v>
      </c>
      <c r="AO33" s="327">
        <v>0</v>
      </c>
      <c r="AP33" s="327">
        <v>0</v>
      </c>
      <c r="AQ33" s="327">
        <v>0</v>
      </c>
      <c r="AR33" s="327">
        <v>0</v>
      </c>
      <c r="AS33" s="328">
        <v>0</v>
      </c>
      <c r="AT33" s="330">
        <v>0</v>
      </c>
      <c r="AU33" s="326">
        <v>0</v>
      </c>
      <c r="AV33" s="327">
        <v>0</v>
      </c>
      <c r="AW33" s="328">
        <v>0</v>
      </c>
      <c r="AX33" s="326">
        <v>0</v>
      </c>
      <c r="AY33" s="327">
        <v>51632</v>
      </c>
      <c r="AZ33" s="327">
        <v>0</v>
      </c>
      <c r="BA33" s="327">
        <v>60752</v>
      </c>
      <c r="BB33" s="327">
        <v>0</v>
      </c>
      <c r="BC33" s="327">
        <v>0</v>
      </c>
      <c r="BD33" s="328">
        <v>112384</v>
      </c>
      <c r="BE33" s="330">
        <v>112384</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34256</v>
      </c>
      <c r="BV33" s="327">
        <v>13040</v>
      </c>
      <c r="BW33" s="327">
        <v>6840</v>
      </c>
      <c r="BX33" s="327">
        <v>8288</v>
      </c>
      <c r="BY33" s="327">
        <v>10032</v>
      </c>
      <c r="BZ33" s="328">
        <v>72456</v>
      </c>
      <c r="CA33" s="330">
        <v>72456</v>
      </c>
      <c r="CB33" s="326">
        <v>0</v>
      </c>
      <c r="CC33" s="327">
        <v>0</v>
      </c>
      <c r="CD33" s="328">
        <v>0</v>
      </c>
      <c r="CE33" s="326">
        <v>0</v>
      </c>
      <c r="CF33" s="327">
        <v>113223</v>
      </c>
      <c r="CG33" s="327">
        <v>185087</v>
      </c>
      <c r="CH33" s="327">
        <v>186616</v>
      </c>
      <c r="CI33" s="327">
        <v>0</v>
      </c>
      <c r="CJ33" s="327">
        <v>0</v>
      </c>
      <c r="CK33" s="328">
        <v>484926</v>
      </c>
      <c r="CL33" s="330">
        <v>484926</v>
      </c>
      <c r="CM33" s="326">
        <v>0</v>
      </c>
      <c r="CN33" s="327">
        <v>0</v>
      </c>
      <c r="CO33" s="328">
        <v>0</v>
      </c>
      <c r="CP33" s="332">
        <v>0</v>
      </c>
      <c r="CQ33" s="327">
        <v>0</v>
      </c>
      <c r="CR33" s="327">
        <v>185087</v>
      </c>
      <c r="CS33" s="327">
        <v>173783</v>
      </c>
      <c r="CT33" s="327">
        <v>0</v>
      </c>
      <c r="CU33" s="327">
        <v>0</v>
      </c>
      <c r="CV33" s="328">
        <v>358870</v>
      </c>
      <c r="CW33" s="330">
        <v>358870</v>
      </c>
      <c r="CX33" s="326">
        <v>0</v>
      </c>
      <c r="CY33" s="327">
        <v>0</v>
      </c>
      <c r="CZ33" s="328">
        <v>0</v>
      </c>
      <c r="DA33" s="326">
        <v>0</v>
      </c>
      <c r="DB33" s="327">
        <v>113223</v>
      </c>
      <c r="DC33" s="327">
        <v>0</v>
      </c>
      <c r="DD33" s="327">
        <v>12833</v>
      </c>
      <c r="DE33" s="327">
        <v>0</v>
      </c>
      <c r="DF33" s="327">
        <v>0</v>
      </c>
      <c r="DG33" s="328">
        <v>126056</v>
      </c>
      <c r="DH33" s="330">
        <v>126056</v>
      </c>
      <c r="DI33" s="326">
        <v>0</v>
      </c>
      <c r="DJ33" s="327">
        <v>0</v>
      </c>
      <c r="DK33" s="331">
        <v>0</v>
      </c>
      <c r="DL33" s="332">
        <v>0</v>
      </c>
      <c r="DM33" s="327">
        <v>0</v>
      </c>
      <c r="DN33" s="327">
        <v>0</v>
      </c>
      <c r="DO33" s="327">
        <v>89743</v>
      </c>
      <c r="DP33" s="327">
        <v>0</v>
      </c>
      <c r="DQ33" s="327">
        <v>0</v>
      </c>
      <c r="DR33" s="328">
        <v>89743</v>
      </c>
      <c r="DS33" s="330">
        <v>89743</v>
      </c>
      <c r="DT33" s="326">
        <v>0</v>
      </c>
      <c r="DU33" s="327">
        <v>0</v>
      </c>
      <c r="DV33" s="328">
        <v>0</v>
      </c>
      <c r="DW33" s="326">
        <v>0</v>
      </c>
      <c r="DX33" s="327">
        <v>0</v>
      </c>
      <c r="DY33" s="327">
        <v>0</v>
      </c>
      <c r="DZ33" s="327">
        <v>0</v>
      </c>
      <c r="EA33" s="327">
        <v>0</v>
      </c>
      <c r="EB33" s="327">
        <v>0</v>
      </c>
      <c r="EC33" s="328">
        <v>0</v>
      </c>
      <c r="ED33" s="330">
        <v>0</v>
      </c>
      <c r="EE33" s="326">
        <v>0</v>
      </c>
      <c r="EF33" s="331">
        <v>0</v>
      </c>
      <c r="EG33" s="328">
        <v>0</v>
      </c>
      <c r="EH33" s="326">
        <v>0</v>
      </c>
      <c r="EI33" s="327">
        <v>0</v>
      </c>
      <c r="EJ33" s="327">
        <v>0</v>
      </c>
      <c r="EK33" s="327">
        <v>89743</v>
      </c>
      <c r="EL33" s="327">
        <v>0</v>
      </c>
      <c r="EM33" s="327">
        <v>0</v>
      </c>
      <c r="EN33" s="331">
        <v>89743</v>
      </c>
      <c r="EO33" s="330">
        <v>89743</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0</v>
      </c>
      <c r="FM33" s="327">
        <v>800</v>
      </c>
      <c r="FN33" s="328">
        <v>800</v>
      </c>
      <c r="FO33" s="326">
        <v>0</v>
      </c>
      <c r="FP33" s="327">
        <v>17152</v>
      </c>
      <c r="FQ33" s="327">
        <v>109787</v>
      </c>
      <c r="FR33" s="327">
        <v>39160</v>
      </c>
      <c r="FS33" s="327">
        <v>29800</v>
      </c>
      <c r="FT33" s="327">
        <v>0</v>
      </c>
      <c r="FU33" s="328">
        <v>195899</v>
      </c>
      <c r="FV33" s="330">
        <v>196699</v>
      </c>
      <c r="FW33" s="333">
        <v>0</v>
      </c>
      <c r="FX33" s="327">
        <v>800</v>
      </c>
      <c r="FY33" s="331">
        <v>800</v>
      </c>
      <c r="FZ33" s="332">
        <v>0</v>
      </c>
      <c r="GA33" s="327">
        <v>17152</v>
      </c>
      <c r="GB33" s="327">
        <v>45160</v>
      </c>
      <c r="GC33" s="327">
        <v>39160</v>
      </c>
      <c r="GD33" s="327">
        <v>29800</v>
      </c>
      <c r="GE33" s="327">
        <v>0</v>
      </c>
      <c r="GF33" s="328">
        <v>131272</v>
      </c>
      <c r="GG33" s="334">
        <v>132072</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64627</v>
      </c>
      <c r="GY33" s="327">
        <v>0</v>
      </c>
      <c r="GZ33" s="327">
        <v>0</v>
      </c>
      <c r="HA33" s="327">
        <v>0</v>
      </c>
      <c r="HB33" s="331">
        <v>64627</v>
      </c>
      <c r="HC33" s="330">
        <v>64627</v>
      </c>
      <c r="HD33" s="326">
        <v>0</v>
      </c>
      <c r="HE33" s="327">
        <v>0</v>
      </c>
      <c r="HF33" s="331">
        <v>0</v>
      </c>
      <c r="HG33" s="332">
        <v>0</v>
      </c>
      <c r="HH33" s="327">
        <v>468302</v>
      </c>
      <c r="HI33" s="327">
        <v>0</v>
      </c>
      <c r="HJ33" s="327">
        <v>104926</v>
      </c>
      <c r="HK33" s="327">
        <v>0</v>
      </c>
      <c r="HL33" s="327">
        <v>0</v>
      </c>
      <c r="HM33" s="328">
        <v>573228</v>
      </c>
      <c r="HN33" s="329">
        <v>573228</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41558</v>
      </c>
      <c r="IE33" s="339">
        <v>8380</v>
      </c>
      <c r="IF33" s="337">
        <v>0</v>
      </c>
      <c r="IG33" s="336">
        <v>0</v>
      </c>
      <c r="IH33" s="337">
        <v>259584</v>
      </c>
      <c r="II33" s="340">
        <v>409522</v>
      </c>
      <c r="IJ33" s="341">
        <v>409522</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41558</v>
      </c>
      <c r="JL33" s="345">
        <v>0</v>
      </c>
      <c r="JM33" s="345">
        <v>0</v>
      </c>
      <c r="JN33" s="345">
        <v>0</v>
      </c>
      <c r="JO33" s="345">
        <v>0</v>
      </c>
      <c r="JP33" s="349">
        <v>141558</v>
      </c>
      <c r="JQ33" s="347">
        <v>141558</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8380</v>
      </c>
      <c r="KT33" s="345">
        <v>0</v>
      </c>
      <c r="KU33" s="345">
        <v>0</v>
      </c>
      <c r="KV33" s="345">
        <v>259584</v>
      </c>
      <c r="KW33" s="349">
        <v>267964</v>
      </c>
      <c r="KX33" s="347">
        <v>267964</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0</v>
      </c>
      <c r="MM33" s="345">
        <v>235618</v>
      </c>
      <c r="MN33" s="345">
        <v>254696</v>
      </c>
      <c r="MO33" s="349">
        <v>490314</v>
      </c>
      <c r="MP33" s="354">
        <v>490314</v>
      </c>
      <c r="MQ33" s="348">
        <v>0</v>
      </c>
      <c r="MR33" s="345">
        <v>0</v>
      </c>
      <c r="MS33" s="349">
        <v>0</v>
      </c>
      <c r="MT33" s="404">
        <v>0</v>
      </c>
      <c r="MU33" s="345">
        <v>0</v>
      </c>
      <c r="MV33" s="345">
        <v>0</v>
      </c>
      <c r="MW33" s="345">
        <v>0</v>
      </c>
      <c r="MX33" s="345">
        <v>235618</v>
      </c>
      <c r="MY33" s="345">
        <v>254696</v>
      </c>
      <c r="MZ33" s="349">
        <v>490314</v>
      </c>
      <c r="NA33" s="354">
        <v>490314</v>
      </c>
      <c r="NB33" s="348">
        <v>0</v>
      </c>
      <c r="NC33" s="345">
        <v>0</v>
      </c>
      <c r="ND33" s="349">
        <v>0</v>
      </c>
      <c r="NE33" s="404">
        <v>0</v>
      </c>
      <c r="NF33" s="345">
        <v>0</v>
      </c>
      <c r="NG33" s="345">
        <v>0</v>
      </c>
      <c r="NH33" s="345">
        <v>0</v>
      </c>
      <c r="NI33" s="345">
        <v>0</v>
      </c>
      <c r="NJ33" s="345">
        <v>0</v>
      </c>
      <c r="NK33" s="349">
        <v>0</v>
      </c>
      <c r="NL33" s="347">
        <v>0</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800</v>
      </c>
      <c r="OK33" s="346">
        <v>800</v>
      </c>
      <c r="OL33" s="351">
        <v>0</v>
      </c>
      <c r="OM33" s="345">
        <v>826123</v>
      </c>
      <c r="ON33" s="345">
        <v>335007</v>
      </c>
      <c r="OO33" s="345">
        <v>581733</v>
      </c>
      <c r="OP33" s="345">
        <v>273706</v>
      </c>
      <c r="OQ33" s="345">
        <v>524312</v>
      </c>
      <c r="OR33" s="349">
        <v>2540881</v>
      </c>
      <c r="OS33" s="354">
        <v>2541681</v>
      </c>
    </row>
    <row r="34" spans="2:409" s="70" customFormat="1" ht="21" customHeight="1" x14ac:dyDescent="0.2">
      <c r="B34" s="410" t="s">
        <v>29</v>
      </c>
      <c r="C34" s="326">
        <v>76980</v>
      </c>
      <c r="D34" s="327">
        <v>13888</v>
      </c>
      <c r="E34" s="328">
        <v>90868</v>
      </c>
      <c r="F34" s="329">
        <v>0</v>
      </c>
      <c r="G34" s="327">
        <v>177191</v>
      </c>
      <c r="H34" s="327">
        <v>603797</v>
      </c>
      <c r="I34" s="327">
        <v>176551</v>
      </c>
      <c r="J34" s="327">
        <v>68232</v>
      </c>
      <c r="K34" s="327">
        <v>408169</v>
      </c>
      <c r="L34" s="367">
        <v>1433940</v>
      </c>
      <c r="M34" s="330">
        <v>1524808</v>
      </c>
      <c r="N34" s="326">
        <v>9600</v>
      </c>
      <c r="O34" s="327">
        <v>13888</v>
      </c>
      <c r="P34" s="328">
        <v>23488</v>
      </c>
      <c r="Q34" s="326">
        <v>0</v>
      </c>
      <c r="R34" s="327">
        <v>20968</v>
      </c>
      <c r="S34" s="327">
        <v>197478</v>
      </c>
      <c r="T34" s="327">
        <v>75407</v>
      </c>
      <c r="U34" s="327">
        <v>36752</v>
      </c>
      <c r="V34" s="327">
        <v>84135</v>
      </c>
      <c r="W34" s="328">
        <v>414740</v>
      </c>
      <c r="X34" s="330">
        <v>438228</v>
      </c>
      <c r="Y34" s="326">
        <v>0</v>
      </c>
      <c r="Z34" s="327">
        <v>0</v>
      </c>
      <c r="AA34" s="328">
        <v>0</v>
      </c>
      <c r="AB34" s="326">
        <v>0</v>
      </c>
      <c r="AC34" s="327">
        <v>0</v>
      </c>
      <c r="AD34" s="327">
        <v>112630</v>
      </c>
      <c r="AE34" s="327">
        <v>0</v>
      </c>
      <c r="AF34" s="327">
        <v>31952</v>
      </c>
      <c r="AG34" s="327">
        <v>0</v>
      </c>
      <c r="AH34" s="328">
        <v>144582</v>
      </c>
      <c r="AI34" s="330">
        <v>144582</v>
      </c>
      <c r="AJ34" s="326">
        <v>0</v>
      </c>
      <c r="AK34" s="327">
        <v>0</v>
      </c>
      <c r="AL34" s="328">
        <v>0</v>
      </c>
      <c r="AM34" s="326">
        <v>0</v>
      </c>
      <c r="AN34" s="327">
        <v>0</v>
      </c>
      <c r="AO34" s="327">
        <v>0</v>
      </c>
      <c r="AP34" s="327">
        <v>11663</v>
      </c>
      <c r="AQ34" s="327">
        <v>0</v>
      </c>
      <c r="AR34" s="327">
        <v>58319</v>
      </c>
      <c r="AS34" s="328">
        <v>69982</v>
      </c>
      <c r="AT34" s="330">
        <v>69982</v>
      </c>
      <c r="AU34" s="326">
        <v>0</v>
      </c>
      <c r="AV34" s="327">
        <v>13888</v>
      </c>
      <c r="AW34" s="328">
        <v>13888</v>
      </c>
      <c r="AX34" s="326">
        <v>0</v>
      </c>
      <c r="AY34" s="327">
        <v>0</v>
      </c>
      <c r="AZ34" s="327">
        <v>34864</v>
      </c>
      <c r="BA34" s="327">
        <v>54144</v>
      </c>
      <c r="BB34" s="327">
        <v>0</v>
      </c>
      <c r="BC34" s="327">
        <v>0</v>
      </c>
      <c r="BD34" s="328">
        <v>89008</v>
      </c>
      <c r="BE34" s="330">
        <v>102896</v>
      </c>
      <c r="BF34" s="326">
        <v>0</v>
      </c>
      <c r="BG34" s="327">
        <v>0</v>
      </c>
      <c r="BH34" s="331">
        <v>0</v>
      </c>
      <c r="BI34" s="332">
        <v>0</v>
      </c>
      <c r="BJ34" s="327">
        <v>0</v>
      </c>
      <c r="BK34" s="327">
        <v>38240</v>
      </c>
      <c r="BL34" s="327">
        <v>0</v>
      </c>
      <c r="BM34" s="327">
        <v>0</v>
      </c>
      <c r="BN34" s="327">
        <v>0</v>
      </c>
      <c r="BO34" s="328">
        <v>38240</v>
      </c>
      <c r="BP34" s="330">
        <v>38240</v>
      </c>
      <c r="BQ34" s="326">
        <v>9600</v>
      </c>
      <c r="BR34" s="327">
        <v>0</v>
      </c>
      <c r="BS34" s="328">
        <v>9600</v>
      </c>
      <c r="BT34" s="326">
        <v>0</v>
      </c>
      <c r="BU34" s="327">
        <v>20968</v>
      </c>
      <c r="BV34" s="327">
        <v>11744</v>
      </c>
      <c r="BW34" s="327">
        <v>9600</v>
      </c>
      <c r="BX34" s="327">
        <v>4800</v>
      </c>
      <c r="BY34" s="327">
        <v>25816</v>
      </c>
      <c r="BZ34" s="328">
        <v>72928</v>
      </c>
      <c r="CA34" s="330">
        <v>82528</v>
      </c>
      <c r="CB34" s="326">
        <v>0</v>
      </c>
      <c r="CC34" s="327">
        <v>0</v>
      </c>
      <c r="CD34" s="328">
        <v>0</v>
      </c>
      <c r="CE34" s="326">
        <v>0</v>
      </c>
      <c r="CF34" s="327">
        <v>0</v>
      </c>
      <c r="CG34" s="327">
        <v>179648</v>
      </c>
      <c r="CH34" s="327">
        <v>72000</v>
      </c>
      <c r="CI34" s="327">
        <v>0</v>
      </c>
      <c r="CJ34" s="327">
        <v>24512</v>
      </c>
      <c r="CK34" s="328">
        <v>276160</v>
      </c>
      <c r="CL34" s="330">
        <v>276160</v>
      </c>
      <c r="CM34" s="326">
        <v>0</v>
      </c>
      <c r="CN34" s="327">
        <v>0</v>
      </c>
      <c r="CO34" s="328">
        <v>0</v>
      </c>
      <c r="CP34" s="332">
        <v>0</v>
      </c>
      <c r="CQ34" s="327">
        <v>0</v>
      </c>
      <c r="CR34" s="327">
        <v>179648</v>
      </c>
      <c r="CS34" s="327">
        <v>72000</v>
      </c>
      <c r="CT34" s="327">
        <v>0</v>
      </c>
      <c r="CU34" s="327">
        <v>24512</v>
      </c>
      <c r="CV34" s="328">
        <v>276160</v>
      </c>
      <c r="CW34" s="330">
        <v>276160</v>
      </c>
      <c r="CX34" s="326">
        <v>0</v>
      </c>
      <c r="CY34" s="327">
        <v>0</v>
      </c>
      <c r="CZ34" s="328">
        <v>0</v>
      </c>
      <c r="DA34" s="326">
        <v>0</v>
      </c>
      <c r="DB34" s="327">
        <v>0</v>
      </c>
      <c r="DC34" s="327">
        <v>0</v>
      </c>
      <c r="DD34" s="327">
        <v>0</v>
      </c>
      <c r="DE34" s="327">
        <v>0</v>
      </c>
      <c r="DF34" s="327">
        <v>0</v>
      </c>
      <c r="DG34" s="328">
        <v>0</v>
      </c>
      <c r="DH34" s="330">
        <v>0</v>
      </c>
      <c r="DI34" s="326">
        <v>0</v>
      </c>
      <c r="DJ34" s="327">
        <v>0</v>
      </c>
      <c r="DK34" s="331">
        <v>0</v>
      </c>
      <c r="DL34" s="332">
        <v>0</v>
      </c>
      <c r="DM34" s="327">
        <v>0</v>
      </c>
      <c r="DN34" s="327">
        <v>0</v>
      </c>
      <c r="DO34" s="327">
        <v>0</v>
      </c>
      <c r="DP34" s="327">
        <v>0</v>
      </c>
      <c r="DQ34" s="327">
        <v>226562</v>
      </c>
      <c r="DR34" s="328">
        <v>226562</v>
      </c>
      <c r="DS34" s="330">
        <v>226562</v>
      </c>
      <c r="DT34" s="326">
        <v>0</v>
      </c>
      <c r="DU34" s="327">
        <v>0</v>
      </c>
      <c r="DV34" s="328">
        <v>0</v>
      </c>
      <c r="DW34" s="326">
        <v>0</v>
      </c>
      <c r="DX34" s="327">
        <v>0</v>
      </c>
      <c r="DY34" s="327">
        <v>0</v>
      </c>
      <c r="DZ34" s="327">
        <v>0</v>
      </c>
      <c r="EA34" s="327">
        <v>0</v>
      </c>
      <c r="EB34" s="327">
        <v>226562</v>
      </c>
      <c r="EC34" s="328">
        <v>226562</v>
      </c>
      <c r="ED34" s="330">
        <v>226562</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16080</v>
      </c>
      <c r="FM34" s="327">
        <v>0</v>
      </c>
      <c r="FN34" s="328">
        <v>16080</v>
      </c>
      <c r="FO34" s="326">
        <v>0</v>
      </c>
      <c r="FP34" s="327">
        <v>0</v>
      </c>
      <c r="FQ34" s="327">
        <v>49904</v>
      </c>
      <c r="FR34" s="327">
        <v>29144</v>
      </c>
      <c r="FS34" s="327">
        <v>31480</v>
      </c>
      <c r="FT34" s="327">
        <v>72960</v>
      </c>
      <c r="FU34" s="328">
        <v>183488</v>
      </c>
      <c r="FV34" s="330">
        <v>199568</v>
      </c>
      <c r="FW34" s="333">
        <v>16080</v>
      </c>
      <c r="FX34" s="327">
        <v>0</v>
      </c>
      <c r="FY34" s="331">
        <v>16080</v>
      </c>
      <c r="FZ34" s="332">
        <v>0</v>
      </c>
      <c r="GA34" s="327">
        <v>0</v>
      </c>
      <c r="GB34" s="327">
        <v>49904</v>
      </c>
      <c r="GC34" s="327">
        <v>29144</v>
      </c>
      <c r="GD34" s="327">
        <v>31480</v>
      </c>
      <c r="GE34" s="327">
        <v>72960</v>
      </c>
      <c r="GF34" s="328">
        <v>183488</v>
      </c>
      <c r="GG34" s="334">
        <v>199568</v>
      </c>
      <c r="GH34" s="333">
        <v>0</v>
      </c>
      <c r="GI34" s="327">
        <v>0</v>
      </c>
      <c r="GJ34" s="331">
        <v>0</v>
      </c>
      <c r="GK34" s="332">
        <v>0</v>
      </c>
      <c r="GL34" s="327">
        <v>0</v>
      </c>
      <c r="GM34" s="327">
        <v>0</v>
      </c>
      <c r="GN34" s="327">
        <v>0</v>
      </c>
      <c r="GO34" s="327">
        <v>0</v>
      </c>
      <c r="GP34" s="327">
        <v>0</v>
      </c>
      <c r="GQ34" s="328">
        <v>0</v>
      </c>
      <c r="GR34" s="330">
        <v>0</v>
      </c>
      <c r="GS34" s="326">
        <v>0</v>
      </c>
      <c r="GT34" s="327">
        <v>0</v>
      </c>
      <c r="GU34" s="328">
        <v>0</v>
      </c>
      <c r="GV34" s="326">
        <v>0</v>
      </c>
      <c r="GW34" s="327">
        <v>0</v>
      </c>
      <c r="GX34" s="327">
        <v>0</v>
      </c>
      <c r="GY34" s="327">
        <v>0</v>
      </c>
      <c r="GZ34" s="327">
        <v>0</v>
      </c>
      <c r="HA34" s="327">
        <v>0</v>
      </c>
      <c r="HB34" s="331">
        <v>0</v>
      </c>
      <c r="HC34" s="330">
        <v>0</v>
      </c>
      <c r="HD34" s="326">
        <v>51300</v>
      </c>
      <c r="HE34" s="327">
        <v>0</v>
      </c>
      <c r="HF34" s="331">
        <v>51300</v>
      </c>
      <c r="HG34" s="332">
        <v>0</v>
      </c>
      <c r="HH34" s="327">
        <v>156223</v>
      </c>
      <c r="HI34" s="327">
        <v>176767</v>
      </c>
      <c r="HJ34" s="327">
        <v>0</v>
      </c>
      <c r="HK34" s="327">
        <v>0</v>
      </c>
      <c r="HL34" s="327">
        <v>0</v>
      </c>
      <c r="HM34" s="328">
        <v>332990</v>
      </c>
      <c r="HN34" s="329">
        <v>384290</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0</v>
      </c>
      <c r="IE34" s="357">
        <v>153360</v>
      </c>
      <c r="IF34" s="358">
        <v>391608</v>
      </c>
      <c r="IG34" s="356">
        <v>254912</v>
      </c>
      <c r="IH34" s="358">
        <v>0</v>
      </c>
      <c r="II34" s="359">
        <v>799880</v>
      </c>
      <c r="IJ34" s="358">
        <v>799880</v>
      </c>
      <c r="IK34" s="342">
        <v>0</v>
      </c>
      <c r="IL34" s="343">
        <v>0</v>
      </c>
      <c r="IM34" s="344">
        <v>0</v>
      </c>
      <c r="IN34" s="404">
        <v>0</v>
      </c>
      <c r="IO34" s="345">
        <v>0</v>
      </c>
      <c r="IP34" s="345">
        <v>0</v>
      </c>
      <c r="IQ34" s="345">
        <v>139560</v>
      </c>
      <c r="IR34" s="345">
        <v>0</v>
      </c>
      <c r="IS34" s="345">
        <v>0</v>
      </c>
      <c r="IT34" s="346">
        <v>139560</v>
      </c>
      <c r="IU34" s="347">
        <v>139560</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0</v>
      </c>
      <c r="JL34" s="345">
        <v>153360</v>
      </c>
      <c r="JM34" s="345">
        <v>16792</v>
      </c>
      <c r="JN34" s="345">
        <v>0</v>
      </c>
      <c r="JO34" s="345">
        <v>0</v>
      </c>
      <c r="JP34" s="349">
        <v>170152</v>
      </c>
      <c r="JQ34" s="347">
        <v>170152</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0</v>
      </c>
      <c r="KH34" s="345">
        <v>0</v>
      </c>
      <c r="KI34" s="345">
        <v>0</v>
      </c>
      <c r="KJ34" s="345">
        <v>0</v>
      </c>
      <c r="KK34" s="345">
        <v>0</v>
      </c>
      <c r="KL34" s="349">
        <v>0</v>
      </c>
      <c r="KM34" s="354">
        <v>0</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235256</v>
      </c>
      <c r="LQ34" s="345">
        <v>254912</v>
      </c>
      <c r="LR34" s="345">
        <v>0</v>
      </c>
      <c r="LS34" s="349">
        <v>490168</v>
      </c>
      <c r="LT34" s="347">
        <v>490168</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318716</v>
      </c>
      <c r="MN34" s="345">
        <v>435011</v>
      </c>
      <c r="MO34" s="349">
        <v>753727</v>
      </c>
      <c r="MP34" s="354">
        <v>753727</v>
      </c>
      <c r="MQ34" s="348">
        <v>0</v>
      </c>
      <c r="MR34" s="345">
        <v>0</v>
      </c>
      <c r="MS34" s="349">
        <v>0</v>
      </c>
      <c r="MT34" s="404">
        <v>0</v>
      </c>
      <c r="MU34" s="345">
        <v>0</v>
      </c>
      <c r="MV34" s="345">
        <v>0</v>
      </c>
      <c r="MW34" s="345">
        <v>0</v>
      </c>
      <c r="MX34" s="345">
        <v>0</v>
      </c>
      <c r="MY34" s="345">
        <v>149300</v>
      </c>
      <c r="MZ34" s="349">
        <v>149300</v>
      </c>
      <c r="NA34" s="354">
        <v>149300</v>
      </c>
      <c r="NB34" s="348">
        <v>0</v>
      </c>
      <c r="NC34" s="345">
        <v>0</v>
      </c>
      <c r="ND34" s="349">
        <v>0</v>
      </c>
      <c r="NE34" s="404">
        <v>0</v>
      </c>
      <c r="NF34" s="345">
        <v>0</v>
      </c>
      <c r="NG34" s="345">
        <v>0</v>
      </c>
      <c r="NH34" s="345">
        <v>0</v>
      </c>
      <c r="NI34" s="345">
        <v>318716</v>
      </c>
      <c r="NJ34" s="345">
        <v>285711</v>
      </c>
      <c r="NK34" s="349">
        <v>604427</v>
      </c>
      <c r="NL34" s="347">
        <v>604427</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76980</v>
      </c>
      <c r="OJ34" s="345">
        <v>13888</v>
      </c>
      <c r="OK34" s="346">
        <v>90868</v>
      </c>
      <c r="OL34" s="351">
        <v>0</v>
      </c>
      <c r="OM34" s="345">
        <v>177191</v>
      </c>
      <c r="ON34" s="345">
        <v>757157</v>
      </c>
      <c r="OO34" s="345">
        <v>568159</v>
      </c>
      <c r="OP34" s="345">
        <v>641860</v>
      </c>
      <c r="OQ34" s="345">
        <v>843180</v>
      </c>
      <c r="OR34" s="349">
        <v>2987547</v>
      </c>
      <c r="OS34" s="354">
        <v>3078415</v>
      </c>
    </row>
    <row r="35" spans="2:409" s="70" customFormat="1" ht="21" customHeight="1" x14ac:dyDescent="0.2">
      <c r="B35" s="410" t="s">
        <v>30</v>
      </c>
      <c r="C35" s="326">
        <v>75702</v>
      </c>
      <c r="D35" s="327">
        <v>61312</v>
      </c>
      <c r="E35" s="368">
        <v>137014</v>
      </c>
      <c r="F35" s="370">
        <v>0</v>
      </c>
      <c r="G35" s="369">
        <v>261736</v>
      </c>
      <c r="H35" s="369">
        <v>405632</v>
      </c>
      <c r="I35" s="369">
        <v>346348</v>
      </c>
      <c r="J35" s="369">
        <v>302040</v>
      </c>
      <c r="K35" s="369">
        <v>0</v>
      </c>
      <c r="L35" s="370">
        <v>1315756</v>
      </c>
      <c r="M35" s="330">
        <v>1452770</v>
      </c>
      <c r="N35" s="326">
        <v>0</v>
      </c>
      <c r="O35" s="327">
        <v>61312</v>
      </c>
      <c r="P35" s="328">
        <v>61312</v>
      </c>
      <c r="Q35" s="326">
        <v>0</v>
      </c>
      <c r="R35" s="327">
        <v>75228</v>
      </c>
      <c r="S35" s="327">
        <v>47344</v>
      </c>
      <c r="T35" s="327">
        <v>65656</v>
      </c>
      <c r="U35" s="327">
        <v>103464</v>
      </c>
      <c r="V35" s="327">
        <v>0</v>
      </c>
      <c r="W35" s="328">
        <v>291692</v>
      </c>
      <c r="X35" s="330">
        <v>353004</v>
      </c>
      <c r="Y35" s="326">
        <v>0</v>
      </c>
      <c r="Z35" s="327">
        <v>0</v>
      </c>
      <c r="AA35" s="328">
        <v>0</v>
      </c>
      <c r="AB35" s="326">
        <v>0</v>
      </c>
      <c r="AC35" s="327">
        <v>22812</v>
      </c>
      <c r="AD35" s="327">
        <v>26000</v>
      </c>
      <c r="AE35" s="327">
        <v>27752</v>
      </c>
      <c r="AF35" s="327">
        <v>28176</v>
      </c>
      <c r="AG35" s="327">
        <v>0</v>
      </c>
      <c r="AH35" s="328">
        <v>104740</v>
      </c>
      <c r="AI35" s="330">
        <v>104740</v>
      </c>
      <c r="AJ35" s="326">
        <v>0</v>
      </c>
      <c r="AK35" s="327">
        <v>0</v>
      </c>
      <c r="AL35" s="328">
        <v>0</v>
      </c>
      <c r="AM35" s="326">
        <v>0</v>
      </c>
      <c r="AN35" s="327">
        <v>0</v>
      </c>
      <c r="AO35" s="327">
        <v>0</v>
      </c>
      <c r="AP35" s="327">
        <v>0</v>
      </c>
      <c r="AQ35" s="327">
        <v>0</v>
      </c>
      <c r="AR35" s="327">
        <v>0</v>
      </c>
      <c r="AS35" s="328">
        <v>0</v>
      </c>
      <c r="AT35" s="330">
        <v>0</v>
      </c>
      <c r="AU35" s="326">
        <v>0</v>
      </c>
      <c r="AV35" s="327">
        <v>61312</v>
      </c>
      <c r="AW35" s="328">
        <v>61312</v>
      </c>
      <c r="AX35" s="326">
        <v>0</v>
      </c>
      <c r="AY35" s="327">
        <v>31056</v>
      </c>
      <c r="AZ35" s="327">
        <v>0</v>
      </c>
      <c r="BA35" s="327">
        <v>16608</v>
      </c>
      <c r="BB35" s="327">
        <v>44072</v>
      </c>
      <c r="BC35" s="327">
        <v>0</v>
      </c>
      <c r="BD35" s="328">
        <v>91736</v>
      </c>
      <c r="BE35" s="330">
        <v>153048</v>
      </c>
      <c r="BF35" s="326">
        <v>0</v>
      </c>
      <c r="BG35" s="327">
        <v>0</v>
      </c>
      <c r="BH35" s="331">
        <v>0</v>
      </c>
      <c r="BI35" s="332">
        <v>0</v>
      </c>
      <c r="BJ35" s="327">
        <v>0</v>
      </c>
      <c r="BK35" s="327">
        <v>0</v>
      </c>
      <c r="BL35" s="327">
        <v>0</v>
      </c>
      <c r="BM35" s="327">
        <v>0</v>
      </c>
      <c r="BN35" s="327">
        <v>0</v>
      </c>
      <c r="BO35" s="328">
        <v>0</v>
      </c>
      <c r="BP35" s="330">
        <v>0</v>
      </c>
      <c r="BQ35" s="326">
        <v>0</v>
      </c>
      <c r="BR35" s="327">
        <v>0</v>
      </c>
      <c r="BS35" s="328">
        <v>0</v>
      </c>
      <c r="BT35" s="326">
        <v>0</v>
      </c>
      <c r="BU35" s="327">
        <v>21360</v>
      </c>
      <c r="BV35" s="327">
        <v>21344</v>
      </c>
      <c r="BW35" s="327">
        <v>21296</v>
      </c>
      <c r="BX35" s="327">
        <v>31216</v>
      </c>
      <c r="BY35" s="327">
        <v>0</v>
      </c>
      <c r="BZ35" s="328">
        <v>95216</v>
      </c>
      <c r="CA35" s="330">
        <v>95216</v>
      </c>
      <c r="CB35" s="326">
        <v>41602</v>
      </c>
      <c r="CC35" s="327">
        <v>0</v>
      </c>
      <c r="CD35" s="328">
        <v>41602</v>
      </c>
      <c r="CE35" s="326">
        <v>0</v>
      </c>
      <c r="CF35" s="327">
        <v>0</v>
      </c>
      <c r="CG35" s="327">
        <v>0</v>
      </c>
      <c r="CH35" s="327">
        <v>0</v>
      </c>
      <c r="CI35" s="327">
        <v>99848</v>
      </c>
      <c r="CJ35" s="327">
        <v>0</v>
      </c>
      <c r="CK35" s="328">
        <v>99848</v>
      </c>
      <c r="CL35" s="330">
        <v>141450</v>
      </c>
      <c r="CM35" s="326">
        <v>0</v>
      </c>
      <c r="CN35" s="327">
        <v>0</v>
      </c>
      <c r="CO35" s="328">
        <v>0</v>
      </c>
      <c r="CP35" s="332">
        <v>0</v>
      </c>
      <c r="CQ35" s="327">
        <v>0</v>
      </c>
      <c r="CR35" s="327">
        <v>0</v>
      </c>
      <c r="CS35" s="327">
        <v>0</v>
      </c>
      <c r="CT35" s="327">
        <v>99848</v>
      </c>
      <c r="CU35" s="327">
        <v>0</v>
      </c>
      <c r="CV35" s="328">
        <v>99848</v>
      </c>
      <c r="CW35" s="330">
        <v>99848</v>
      </c>
      <c r="CX35" s="326">
        <v>41602</v>
      </c>
      <c r="CY35" s="327">
        <v>0</v>
      </c>
      <c r="CZ35" s="328">
        <v>41602</v>
      </c>
      <c r="DA35" s="326">
        <v>0</v>
      </c>
      <c r="DB35" s="327">
        <v>0</v>
      </c>
      <c r="DC35" s="327">
        <v>0</v>
      </c>
      <c r="DD35" s="327">
        <v>0</v>
      </c>
      <c r="DE35" s="327">
        <v>0</v>
      </c>
      <c r="DF35" s="327">
        <v>0</v>
      </c>
      <c r="DG35" s="328">
        <v>0</v>
      </c>
      <c r="DH35" s="330">
        <v>41602</v>
      </c>
      <c r="DI35" s="326">
        <v>18436</v>
      </c>
      <c r="DJ35" s="327">
        <v>0</v>
      </c>
      <c r="DK35" s="331">
        <v>18436</v>
      </c>
      <c r="DL35" s="332">
        <v>0</v>
      </c>
      <c r="DM35" s="327">
        <v>23552</v>
      </c>
      <c r="DN35" s="327">
        <v>0</v>
      </c>
      <c r="DO35" s="327">
        <v>64272</v>
      </c>
      <c r="DP35" s="327">
        <v>76872</v>
      </c>
      <c r="DQ35" s="327">
        <v>0</v>
      </c>
      <c r="DR35" s="328">
        <v>164696</v>
      </c>
      <c r="DS35" s="330">
        <v>183132</v>
      </c>
      <c r="DT35" s="326">
        <v>18436</v>
      </c>
      <c r="DU35" s="327">
        <v>0</v>
      </c>
      <c r="DV35" s="328">
        <v>18436</v>
      </c>
      <c r="DW35" s="326">
        <v>0</v>
      </c>
      <c r="DX35" s="327">
        <v>23552</v>
      </c>
      <c r="DY35" s="327">
        <v>0</v>
      </c>
      <c r="DZ35" s="327">
        <v>64272</v>
      </c>
      <c r="EA35" s="327">
        <v>76872</v>
      </c>
      <c r="EB35" s="327">
        <v>0</v>
      </c>
      <c r="EC35" s="328">
        <v>164696</v>
      </c>
      <c r="ED35" s="330">
        <v>183132</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15664</v>
      </c>
      <c r="FM35" s="327">
        <v>0</v>
      </c>
      <c r="FN35" s="328">
        <v>15664</v>
      </c>
      <c r="FO35" s="326">
        <v>0</v>
      </c>
      <c r="FP35" s="327">
        <v>1600</v>
      </c>
      <c r="FQ35" s="327">
        <v>16480</v>
      </c>
      <c r="FR35" s="327">
        <v>24400</v>
      </c>
      <c r="FS35" s="327">
        <v>21856</v>
      </c>
      <c r="FT35" s="327">
        <v>0</v>
      </c>
      <c r="FU35" s="328">
        <v>64336</v>
      </c>
      <c r="FV35" s="330">
        <v>80000</v>
      </c>
      <c r="FW35" s="333">
        <v>15664</v>
      </c>
      <c r="FX35" s="327">
        <v>0</v>
      </c>
      <c r="FY35" s="331">
        <v>15664</v>
      </c>
      <c r="FZ35" s="332">
        <v>0</v>
      </c>
      <c r="GA35" s="327">
        <v>1600</v>
      </c>
      <c r="GB35" s="327">
        <v>16480</v>
      </c>
      <c r="GC35" s="327">
        <v>24400</v>
      </c>
      <c r="GD35" s="327">
        <v>21856</v>
      </c>
      <c r="GE35" s="327">
        <v>0</v>
      </c>
      <c r="GF35" s="328">
        <v>64336</v>
      </c>
      <c r="GG35" s="334">
        <v>80000</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161356</v>
      </c>
      <c r="HI35" s="327">
        <v>341808</v>
      </c>
      <c r="HJ35" s="327">
        <v>192020</v>
      </c>
      <c r="HK35" s="327">
        <v>0</v>
      </c>
      <c r="HL35" s="327">
        <v>0</v>
      </c>
      <c r="HM35" s="328">
        <v>695184</v>
      </c>
      <c r="HN35" s="329">
        <v>695184</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49976</v>
      </c>
      <c r="IE35" s="339">
        <v>0</v>
      </c>
      <c r="IF35" s="337">
        <v>0</v>
      </c>
      <c r="IG35" s="336">
        <v>248848</v>
      </c>
      <c r="IH35" s="337">
        <v>0</v>
      </c>
      <c r="II35" s="340">
        <v>298824</v>
      </c>
      <c r="IJ35" s="341">
        <v>298824</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49976</v>
      </c>
      <c r="JL35" s="345">
        <v>0</v>
      </c>
      <c r="JM35" s="345">
        <v>0</v>
      </c>
      <c r="JN35" s="345">
        <v>0</v>
      </c>
      <c r="JO35" s="345">
        <v>0</v>
      </c>
      <c r="JP35" s="349">
        <v>49976</v>
      </c>
      <c r="JQ35" s="347">
        <v>49976</v>
      </c>
      <c r="JR35" s="348">
        <v>0</v>
      </c>
      <c r="JS35" s="345">
        <v>0</v>
      </c>
      <c r="JT35" s="346">
        <v>0</v>
      </c>
      <c r="JU35" s="351">
        <v>0</v>
      </c>
      <c r="JV35" s="345">
        <v>0</v>
      </c>
      <c r="JW35" s="345">
        <v>0</v>
      </c>
      <c r="JX35" s="345">
        <v>0</v>
      </c>
      <c r="JY35" s="345">
        <v>0</v>
      </c>
      <c r="JZ35" s="345">
        <v>0</v>
      </c>
      <c r="KA35" s="349">
        <v>0</v>
      </c>
      <c r="KB35" s="347">
        <v>0</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0</v>
      </c>
      <c r="KS35" s="345">
        <v>0</v>
      </c>
      <c r="KT35" s="345">
        <v>0</v>
      </c>
      <c r="KU35" s="345">
        <v>248848</v>
      </c>
      <c r="KV35" s="345">
        <v>0</v>
      </c>
      <c r="KW35" s="349">
        <v>248848</v>
      </c>
      <c r="KX35" s="347">
        <v>248848</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215628</v>
      </c>
      <c r="MK35" s="345">
        <v>237064</v>
      </c>
      <c r="ML35" s="345">
        <v>179464</v>
      </c>
      <c r="MM35" s="345">
        <v>1138430</v>
      </c>
      <c r="MN35" s="345">
        <v>257936</v>
      </c>
      <c r="MO35" s="349">
        <v>2028522</v>
      </c>
      <c r="MP35" s="354">
        <v>2028522</v>
      </c>
      <c r="MQ35" s="348">
        <v>0</v>
      </c>
      <c r="MR35" s="345">
        <v>0</v>
      </c>
      <c r="MS35" s="349">
        <v>0</v>
      </c>
      <c r="MT35" s="404">
        <v>0</v>
      </c>
      <c r="MU35" s="345">
        <v>0</v>
      </c>
      <c r="MV35" s="345">
        <v>0</v>
      </c>
      <c r="MW35" s="345">
        <v>179464</v>
      </c>
      <c r="MX35" s="345">
        <v>234472</v>
      </c>
      <c r="MY35" s="345">
        <v>257936</v>
      </c>
      <c r="MZ35" s="349">
        <v>671872</v>
      </c>
      <c r="NA35" s="354">
        <v>671872</v>
      </c>
      <c r="NB35" s="348">
        <v>0</v>
      </c>
      <c r="NC35" s="345">
        <v>0</v>
      </c>
      <c r="ND35" s="349">
        <v>0</v>
      </c>
      <c r="NE35" s="404">
        <v>0</v>
      </c>
      <c r="NF35" s="345">
        <v>215628</v>
      </c>
      <c r="NG35" s="345">
        <v>237064</v>
      </c>
      <c r="NH35" s="345">
        <v>0</v>
      </c>
      <c r="NI35" s="345">
        <v>523162</v>
      </c>
      <c r="NJ35" s="345">
        <v>0</v>
      </c>
      <c r="NK35" s="349">
        <v>975854</v>
      </c>
      <c r="NL35" s="347">
        <v>975854</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380796</v>
      </c>
      <c r="OF35" s="345">
        <v>0</v>
      </c>
      <c r="OG35" s="349">
        <v>380796</v>
      </c>
      <c r="OH35" s="350">
        <v>380796</v>
      </c>
      <c r="OI35" s="348">
        <v>75702</v>
      </c>
      <c r="OJ35" s="345">
        <v>61312</v>
      </c>
      <c r="OK35" s="346">
        <v>137014</v>
      </c>
      <c r="OL35" s="351">
        <v>0</v>
      </c>
      <c r="OM35" s="345">
        <v>527340</v>
      </c>
      <c r="ON35" s="345">
        <v>642696</v>
      </c>
      <c r="OO35" s="345">
        <v>525812</v>
      </c>
      <c r="OP35" s="345">
        <v>1689318</v>
      </c>
      <c r="OQ35" s="345">
        <v>257936</v>
      </c>
      <c r="OR35" s="349">
        <v>3643102</v>
      </c>
      <c r="OS35" s="354">
        <v>3780116</v>
      </c>
    </row>
    <row r="36" spans="2:409" s="70" customFormat="1" ht="21" customHeight="1" x14ac:dyDescent="0.2">
      <c r="B36" s="410" t="s">
        <v>31</v>
      </c>
      <c r="C36" s="326">
        <v>19992</v>
      </c>
      <c r="D36" s="327">
        <v>45584</v>
      </c>
      <c r="E36" s="328">
        <v>65576</v>
      </c>
      <c r="F36" s="329">
        <v>0</v>
      </c>
      <c r="G36" s="327">
        <v>119372</v>
      </c>
      <c r="H36" s="327">
        <v>146833</v>
      </c>
      <c r="I36" s="327">
        <v>580442</v>
      </c>
      <c r="J36" s="327">
        <v>70297</v>
      </c>
      <c r="K36" s="327">
        <v>16672</v>
      </c>
      <c r="L36" s="367">
        <v>933616</v>
      </c>
      <c r="M36" s="330">
        <v>999192</v>
      </c>
      <c r="N36" s="326">
        <v>0</v>
      </c>
      <c r="O36" s="327">
        <v>19184</v>
      </c>
      <c r="P36" s="328">
        <v>19184</v>
      </c>
      <c r="Q36" s="326">
        <v>0</v>
      </c>
      <c r="R36" s="327">
        <v>0</v>
      </c>
      <c r="S36" s="327">
        <v>46655</v>
      </c>
      <c r="T36" s="327">
        <v>454007</v>
      </c>
      <c r="U36" s="327">
        <v>32496</v>
      </c>
      <c r="V36" s="327">
        <v>16672</v>
      </c>
      <c r="W36" s="328">
        <v>549830</v>
      </c>
      <c r="X36" s="330">
        <v>569014</v>
      </c>
      <c r="Y36" s="326">
        <v>0</v>
      </c>
      <c r="Z36" s="327">
        <v>0</v>
      </c>
      <c r="AA36" s="328">
        <v>0</v>
      </c>
      <c r="AB36" s="326">
        <v>0</v>
      </c>
      <c r="AC36" s="327">
        <v>0</v>
      </c>
      <c r="AD36" s="327">
        <v>0</v>
      </c>
      <c r="AE36" s="327">
        <v>195156</v>
      </c>
      <c r="AF36" s="327">
        <v>0</v>
      </c>
      <c r="AG36" s="327">
        <v>0</v>
      </c>
      <c r="AH36" s="328">
        <v>195156</v>
      </c>
      <c r="AI36" s="330">
        <v>195156</v>
      </c>
      <c r="AJ36" s="326">
        <v>0</v>
      </c>
      <c r="AK36" s="327">
        <v>0</v>
      </c>
      <c r="AL36" s="328">
        <v>0</v>
      </c>
      <c r="AM36" s="326">
        <v>0</v>
      </c>
      <c r="AN36" s="327">
        <v>0</v>
      </c>
      <c r="AO36" s="327">
        <v>46655</v>
      </c>
      <c r="AP36" s="327">
        <v>104974</v>
      </c>
      <c r="AQ36" s="327">
        <v>0</v>
      </c>
      <c r="AR36" s="327">
        <v>0</v>
      </c>
      <c r="AS36" s="328">
        <v>151629</v>
      </c>
      <c r="AT36" s="330">
        <v>151629</v>
      </c>
      <c r="AU36" s="326">
        <v>0</v>
      </c>
      <c r="AV36" s="327">
        <v>19184</v>
      </c>
      <c r="AW36" s="328">
        <v>19184</v>
      </c>
      <c r="AX36" s="326">
        <v>0</v>
      </c>
      <c r="AY36" s="327">
        <v>0</v>
      </c>
      <c r="AZ36" s="327">
        <v>0</v>
      </c>
      <c r="BA36" s="327">
        <v>133920</v>
      </c>
      <c r="BB36" s="327">
        <v>0</v>
      </c>
      <c r="BC36" s="327">
        <v>0</v>
      </c>
      <c r="BD36" s="328">
        <v>133920</v>
      </c>
      <c r="BE36" s="330">
        <v>153104</v>
      </c>
      <c r="BF36" s="326">
        <v>0</v>
      </c>
      <c r="BG36" s="327">
        <v>0</v>
      </c>
      <c r="BH36" s="331">
        <v>0</v>
      </c>
      <c r="BI36" s="332">
        <v>0</v>
      </c>
      <c r="BJ36" s="327">
        <v>0</v>
      </c>
      <c r="BK36" s="327">
        <v>0</v>
      </c>
      <c r="BL36" s="327">
        <v>19957</v>
      </c>
      <c r="BM36" s="327">
        <v>0</v>
      </c>
      <c r="BN36" s="327">
        <v>0</v>
      </c>
      <c r="BO36" s="328">
        <v>19957</v>
      </c>
      <c r="BP36" s="330">
        <v>19957</v>
      </c>
      <c r="BQ36" s="326">
        <v>0</v>
      </c>
      <c r="BR36" s="327">
        <v>0</v>
      </c>
      <c r="BS36" s="328">
        <v>0</v>
      </c>
      <c r="BT36" s="326">
        <v>0</v>
      </c>
      <c r="BU36" s="327">
        <v>0</v>
      </c>
      <c r="BV36" s="327">
        <v>0</v>
      </c>
      <c r="BW36" s="327">
        <v>0</v>
      </c>
      <c r="BX36" s="327">
        <v>32496</v>
      </c>
      <c r="BY36" s="327">
        <v>16672</v>
      </c>
      <c r="BZ36" s="328">
        <v>49168</v>
      </c>
      <c r="CA36" s="330">
        <v>49168</v>
      </c>
      <c r="CB36" s="326">
        <v>0</v>
      </c>
      <c r="CC36" s="327">
        <v>0</v>
      </c>
      <c r="CD36" s="328">
        <v>0</v>
      </c>
      <c r="CE36" s="326">
        <v>0</v>
      </c>
      <c r="CF36" s="327">
        <v>114172</v>
      </c>
      <c r="CG36" s="327">
        <v>63818</v>
      </c>
      <c r="CH36" s="327">
        <v>51459</v>
      </c>
      <c r="CI36" s="327">
        <v>0</v>
      </c>
      <c r="CJ36" s="327">
        <v>0</v>
      </c>
      <c r="CK36" s="328">
        <v>229449</v>
      </c>
      <c r="CL36" s="330">
        <v>229449</v>
      </c>
      <c r="CM36" s="326">
        <v>0</v>
      </c>
      <c r="CN36" s="327">
        <v>0</v>
      </c>
      <c r="CO36" s="328">
        <v>0</v>
      </c>
      <c r="CP36" s="332">
        <v>0</v>
      </c>
      <c r="CQ36" s="327">
        <v>73240</v>
      </c>
      <c r="CR36" s="327">
        <v>0</v>
      </c>
      <c r="CS36" s="327">
        <v>0</v>
      </c>
      <c r="CT36" s="327">
        <v>0</v>
      </c>
      <c r="CU36" s="327">
        <v>0</v>
      </c>
      <c r="CV36" s="328">
        <v>73240</v>
      </c>
      <c r="CW36" s="330">
        <v>73240</v>
      </c>
      <c r="CX36" s="326">
        <v>0</v>
      </c>
      <c r="CY36" s="327">
        <v>0</v>
      </c>
      <c r="CZ36" s="328">
        <v>0</v>
      </c>
      <c r="DA36" s="326">
        <v>0</v>
      </c>
      <c r="DB36" s="327">
        <v>40932</v>
      </c>
      <c r="DC36" s="327">
        <v>63818</v>
      </c>
      <c r="DD36" s="327">
        <v>51459</v>
      </c>
      <c r="DE36" s="327">
        <v>0</v>
      </c>
      <c r="DF36" s="327">
        <v>0</v>
      </c>
      <c r="DG36" s="328">
        <v>156209</v>
      </c>
      <c r="DH36" s="330">
        <v>156209</v>
      </c>
      <c r="DI36" s="326">
        <v>0</v>
      </c>
      <c r="DJ36" s="327">
        <v>0</v>
      </c>
      <c r="DK36" s="331">
        <v>0</v>
      </c>
      <c r="DL36" s="332">
        <v>0</v>
      </c>
      <c r="DM36" s="327">
        <v>0</v>
      </c>
      <c r="DN36" s="327">
        <v>0</v>
      </c>
      <c r="DO36" s="327">
        <v>0</v>
      </c>
      <c r="DP36" s="327">
        <v>27201</v>
      </c>
      <c r="DQ36" s="327">
        <v>0</v>
      </c>
      <c r="DR36" s="328">
        <v>27201</v>
      </c>
      <c r="DS36" s="330">
        <v>27201</v>
      </c>
      <c r="DT36" s="326">
        <v>0</v>
      </c>
      <c r="DU36" s="327">
        <v>0</v>
      </c>
      <c r="DV36" s="328">
        <v>0</v>
      </c>
      <c r="DW36" s="326">
        <v>0</v>
      </c>
      <c r="DX36" s="327">
        <v>0</v>
      </c>
      <c r="DY36" s="327">
        <v>0</v>
      </c>
      <c r="DZ36" s="327">
        <v>0</v>
      </c>
      <c r="EA36" s="327">
        <v>27201</v>
      </c>
      <c r="EB36" s="327">
        <v>0</v>
      </c>
      <c r="EC36" s="328">
        <v>27201</v>
      </c>
      <c r="ED36" s="330">
        <v>27201</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19992</v>
      </c>
      <c r="FM36" s="327">
        <v>26400</v>
      </c>
      <c r="FN36" s="328">
        <v>46392</v>
      </c>
      <c r="FO36" s="326">
        <v>0</v>
      </c>
      <c r="FP36" s="327">
        <v>5200</v>
      </c>
      <c r="FQ36" s="327">
        <v>36360</v>
      </c>
      <c r="FR36" s="327">
        <v>74976</v>
      </c>
      <c r="FS36" s="327">
        <v>10600</v>
      </c>
      <c r="FT36" s="327">
        <v>0</v>
      </c>
      <c r="FU36" s="328">
        <v>127136</v>
      </c>
      <c r="FV36" s="330">
        <v>173528</v>
      </c>
      <c r="FW36" s="333">
        <v>19992</v>
      </c>
      <c r="FX36" s="327">
        <v>26400</v>
      </c>
      <c r="FY36" s="331">
        <v>46392</v>
      </c>
      <c r="FZ36" s="332">
        <v>0</v>
      </c>
      <c r="GA36" s="327">
        <v>5200</v>
      </c>
      <c r="GB36" s="327">
        <v>36360</v>
      </c>
      <c r="GC36" s="327">
        <v>74976</v>
      </c>
      <c r="GD36" s="327">
        <v>10600</v>
      </c>
      <c r="GE36" s="327">
        <v>0</v>
      </c>
      <c r="GF36" s="328">
        <v>127136</v>
      </c>
      <c r="GG36" s="334">
        <v>173528</v>
      </c>
      <c r="GH36" s="333">
        <v>0</v>
      </c>
      <c r="GI36" s="327">
        <v>0</v>
      </c>
      <c r="GJ36" s="331">
        <v>0</v>
      </c>
      <c r="GK36" s="332">
        <v>0</v>
      </c>
      <c r="GL36" s="327">
        <v>0</v>
      </c>
      <c r="GM36" s="327">
        <v>0</v>
      </c>
      <c r="GN36" s="327">
        <v>0</v>
      </c>
      <c r="GO36" s="327">
        <v>0</v>
      </c>
      <c r="GP36" s="327">
        <v>0</v>
      </c>
      <c r="GQ36" s="328">
        <v>0</v>
      </c>
      <c r="GR36" s="330">
        <v>0</v>
      </c>
      <c r="GS36" s="326">
        <v>0</v>
      </c>
      <c r="GT36" s="327">
        <v>0</v>
      </c>
      <c r="GU36" s="328">
        <v>0</v>
      </c>
      <c r="GV36" s="326">
        <v>0</v>
      </c>
      <c r="GW36" s="327">
        <v>0</v>
      </c>
      <c r="GX36" s="327">
        <v>0</v>
      </c>
      <c r="GY36" s="327">
        <v>0</v>
      </c>
      <c r="GZ36" s="327">
        <v>0</v>
      </c>
      <c r="HA36" s="327">
        <v>0</v>
      </c>
      <c r="HB36" s="331">
        <v>0</v>
      </c>
      <c r="HC36" s="330">
        <v>0</v>
      </c>
      <c r="HD36" s="326">
        <v>0</v>
      </c>
      <c r="HE36" s="327">
        <v>0</v>
      </c>
      <c r="HF36" s="331">
        <v>0</v>
      </c>
      <c r="HG36" s="332">
        <v>0</v>
      </c>
      <c r="HH36" s="327">
        <v>0</v>
      </c>
      <c r="HI36" s="327">
        <v>0</v>
      </c>
      <c r="HJ36" s="327">
        <v>0</v>
      </c>
      <c r="HK36" s="327">
        <v>0</v>
      </c>
      <c r="HL36" s="327">
        <v>0</v>
      </c>
      <c r="HM36" s="328">
        <v>0</v>
      </c>
      <c r="HN36" s="329">
        <v>0</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138376</v>
      </c>
      <c r="IE36" s="357">
        <v>239700</v>
      </c>
      <c r="IF36" s="358">
        <v>0</v>
      </c>
      <c r="IG36" s="356">
        <v>424348</v>
      </c>
      <c r="IH36" s="358">
        <v>246216</v>
      </c>
      <c r="II36" s="359">
        <v>1048640</v>
      </c>
      <c r="IJ36" s="358">
        <v>1048640</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0</v>
      </c>
      <c r="JL36" s="345">
        <v>4591</v>
      </c>
      <c r="JM36" s="345">
        <v>0</v>
      </c>
      <c r="JN36" s="345">
        <v>0</v>
      </c>
      <c r="JO36" s="345">
        <v>0</v>
      </c>
      <c r="JP36" s="349">
        <v>4591</v>
      </c>
      <c r="JQ36" s="347">
        <v>4591</v>
      </c>
      <c r="JR36" s="348">
        <v>0</v>
      </c>
      <c r="JS36" s="345">
        <v>0</v>
      </c>
      <c r="JT36" s="346">
        <v>0</v>
      </c>
      <c r="JU36" s="351">
        <v>0</v>
      </c>
      <c r="JV36" s="345">
        <v>0</v>
      </c>
      <c r="JW36" s="345">
        <v>0</v>
      </c>
      <c r="JX36" s="345">
        <v>0</v>
      </c>
      <c r="JY36" s="345">
        <v>194060</v>
      </c>
      <c r="JZ36" s="345">
        <v>0</v>
      </c>
      <c r="KA36" s="349">
        <v>194060</v>
      </c>
      <c r="KB36" s="347">
        <v>194060</v>
      </c>
      <c r="KC36" s="352">
        <v>0</v>
      </c>
      <c r="KD36" s="353">
        <v>0</v>
      </c>
      <c r="KE36" s="349">
        <v>0</v>
      </c>
      <c r="KF36" s="351">
        <v>0</v>
      </c>
      <c r="KG36" s="345">
        <v>138376</v>
      </c>
      <c r="KH36" s="345">
        <v>0</v>
      </c>
      <c r="KI36" s="345">
        <v>0</v>
      </c>
      <c r="KJ36" s="345">
        <v>0</v>
      </c>
      <c r="KK36" s="345">
        <v>0</v>
      </c>
      <c r="KL36" s="349">
        <v>138376</v>
      </c>
      <c r="KM36" s="354">
        <v>138376</v>
      </c>
      <c r="KN36" s="342">
        <v>0</v>
      </c>
      <c r="KO36" s="343">
        <v>0</v>
      </c>
      <c r="KP36" s="344">
        <v>0</v>
      </c>
      <c r="KQ36" s="404">
        <v>0</v>
      </c>
      <c r="KR36" s="345">
        <v>0</v>
      </c>
      <c r="KS36" s="345">
        <v>235109</v>
      </c>
      <c r="KT36" s="345">
        <v>0</v>
      </c>
      <c r="KU36" s="345">
        <v>230288</v>
      </c>
      <c r="KV36" s="345">
        <v>246216</v>
      </c>
      <c r="KW36" s="349">
        <v>711613</v>
      </c>
      <c r="KX36" s="347">
        <v>711613</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0</v>
      </c>
      <c r="LR36" s="345">
        <v>0</v>
      </c>
      <c r="LS36" s="349">
        <v>0</v>
      </c>
      <c r="LT36" s="347">
        <v>0</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290442</v>
      </c>
      <c r="MK36" s="345">
        <v>0</v>
      </c>
      <c r="ML36" s="345">
        <v>447813</v>
      </c>
      <c r="MM36" s="345">
        <v>271892</v>
      </c>
      <c r="MN36" s="345">
        <v>0</v>
      </c>
      <c r="MO36" s="349">
        <v>1010147</v>
      </c>
      <c r="MP36" s="354">
        <v>1010147</v>
      </c>
      <c r="MQ36" s="348">
        <v>0</v>
      </c>
      <c r="MR36" s="345">
        <v>0</v>
      </c>
      <c r="MS36" s="349">
        <v>0</v>
      </c>
      <c r="MT36" s="404">
        <v>0</v>
      </c>
      <c r="MU36" s="345">
        <v>0</v>
      </c>
      <c r="MV36" s="345">
        <v>0</v>
      </c>
      <c r="MW36" s="345">
        <v>447813</v>
      </c>
      <c r="MX36" s="345">
        <v>271892</v>
      </c>
      <c r="MY36" s="345">
        <v>0</v>
      </c>
      <c r="MZ36" s="349">
        <v>719705</v>
      </c>
      <c r="NA36" s="354">
        <v>719705</v>
      </c>
      <c r="NB36" s="348">
        <v>0</v>
      </c>
      <c r="NC36" s="345">
        <v>0</v>
      </c>
      <c r="ND36" s="349">
        <v>0</v>
      </c>
      <c r="NE36" s="404">
        <v>0</v>
      </c>
      <c r="NF36" s="345">
        <v>290442</v>
      </c>
      <c r="NG36" s="345">
        <v>0</v>
      </c>
      <c r="NH36" s="345">
        <v>0</v>
      </c>
      <c r="NI36" s="345">
        <v>0</v>
      </c>
      <c r="NJ36" s="345">
        <v>0</v>
      </c>
      <c r="NK36" s="349">
        <v>290442</v>
      </c>
      <c r="NL36" s="347">
        <v>290442</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19992</v>
      </c>
      <c r="OJ36" s="345">
        <v>45584</v>
      </c>
      <c r="OK36" s="346">
        <v>65576</v>
      </c>
      <c r="OL36" s="351">
        <v>0</v>
      </c>
      <c r="OM36" s="345">
        <v>548190</v>
      </c>
      <c r="ON36" s="345">
        <v>386533</v>
      </c>
      <c r="OO36" s="345">
        <v>1028255</v>
      </c>
      <c r="OP36" s="345">
        <v>766537</v>
      </c>
      <c r="OQ36" s="345">
        <v>262888</v>
      </c>
      <c r="OR36" s="349">
        <v>2992403</v>
      </c>
      <c r="OS36" s="354">
        <v>3057979</v>
      </c>
    </row>
    <row r="37" spans="2:409" s="70" customFormat="1" ht="21" customHeight="1" x14ac:dyDescent="0.2">
      <c r="B37" s="410" t="s">
        <v>32</v>
      </c>
      <c r="C37" s="326">
        <v>2400</v>
      </c>
      <c r="D37" s="327">
        <v>14400</v>
      </c>
      <c r="E37" s="368">
        <v>16800</v>
      </c>
      <c r="F37" s="370">
        <v>0</v>
      </c>
      <c r="G37" s="369">
        <v>481716</v>
      </c>
      <c r="H37" s="369">
        <v>1065998</v>
      </c>
      <c r="I37" s="369">
        <v>213600</v>
      </c>
      <c r="J37" s="369">
        <v>712685</v>
      </c>
      <c r="K37" s="369">
        <v>492338</v>
      </c>
      <c r="L37" s="370">
        <v>2966337</v>
      </c>
      <c r="M37" s="330">
        <v>2983137</v>
      </c>
      <c r="N37" s="326">
        <v>0</v>
      </c>
      <c r="O37" s="327">
        <v>0</v>
      </c>
      <c r="P37" s="328">
        <v>0</v>
      </c>
      <c r="Q37" s="326">
        <v>0</v>
      </c>
      <c r="R37" s="327">
        <v>197437</v>
      </c>
      <c r="S37" s="327">
        <v>413360</v>
      </c>
      <c r="T37" s="327">
        <v>21696</v>
      </c>
      <c r="U37" s="327">
        <v>494427</v>
      </c>
      <c r="V37" s="327">
        <v>248634</v>
      </c>
      <c r="W37" s="328">
        <v>1375554</v>
      </c>
      <c r="X37" s="330">
        <v>1375554</v>
      </c>
      <c r="Y37" s="326">
        <v>0</v>
      </c>
      <c r="Z37" s="327">
        <v>0</v>
      </c>
      <c r="AA37" s="328">
        <v>0</v>
      </c>
      <c r="AB37" s="326">
        <v>0</v>
      </c>
      <c r="AC37" s="327">
        <v>126864</v>
      </c>
      <c r="AD37" s="327">
        <v>229471</v>
      </c>
      <c r="AE37" s="327">
        <v>0</v>
      </c>
      <c r="AF37" s="327">
        <v>465627</v>
      </c>
      <c r="AG37" s="327">
        <v>166200</v>
      </c>
      <c r="AH37" s="328">
        <v>988162</v>
      </c>
      <c r="AI37" s="330">
        <v>988162</v>
      </c>
      <c r="AJ37" s="326">
        <v>0</v>
      </c>
      <c r="AK37" s="327">
        <v>0</v>
      </c>
      <c r="AL37" s="328">
        <v>0</v>
      </c>
      <c r="AM37" s="326">
        <v>0</v>
      </c>
      <c r="AN37" s="327">
        <v>0</v>
      </c>
      <c r="AO37" s="327">
        <v>0</v>
      </c>
      <c r="AP37" s="327">
        <v>0</v>
      </c>
      <c r="AQ37" s="327">
        <v>0</v>
      </c>
      <c r="AR37" s="327">
        <v>58738</v>
      </c>
      <c r="AS37" s="328">
        <v>58738</v>
      </c>
      <c r="AT37" s="330">
        <v>58738</v>
      </c>
      <c r="AU37" s="326">
        <v>0</v>
      </c>
      <c r="AV37" s="327">
        <v>0</v>
      </c>
      <c r="AW37" s="328">
        <v>0</v>
      </c>
      <c r="AX37" s="326">
        <v>0</v>
      </c>
      <c r="AY37" s="327">
        <v>70573</v>
      </c>
      <c r="AZ37" s="327">
        <v>132145</v>
      </c>
      <c r="BA37" s="327">
        <v>0</v>
      </c>
      <c r="BB37" s="327">
        <v>0</v>
      </c>
      <c r="BC37" s="327">
        <v>0</v>
      </c>
      <c r="BD37" s="328">
        <v>202718</v>
      </c>
      <c r="BE37" s="330">
        <v>202718</v>
      </c>
      <c r="BF37" s="326">
        <v>0</v>
      </c>
      <c r="BG37" s="327">
        <v>0</v>
      </c>
      <c r="BH37" s="331">
        <v>0</v>
      </c>
      <c r="BI37" s="332">
        <v>0</v>
      </c>
      <c r="BJ37" s="327">
        <v>0</v>
      </c>
      <c r="BK37" s="327">
        <v>22944</v>
      </c>
      <c r="BL37" s="327">
        <v>0</v>
      </c>
      <c r="BM37" s="327">
        <v>0</v>
      </c>
      <c r="BN37" s="327">
        <v>0</v>
      </c>
      <c r="BO37" s="328">
        <v>22944</v>
      </c>
      <c r="BP37" s="330">
        <v>22944</v>
      </c>
      <c r="BQ37" s="326">
        <v>0</v>
      </c>
      <c r="BR37" s="327">
        <v>0</v>
      </c>
      <c r="BS37" s="328">
        <v>0</v>
      </c>
      <c r="BT37" s="326">
        <v>0</v>
      </c>
      <c r="BU37" s="327">
        <v>0</v>
      </c>
      <c r="BV37" s="327">
        <v>28800</v>
      </c>
      <c r="BW37" s="327">
        <v>21696</v>
      </c>
      <c r="BX37" s="327">
        <v>28800</v>
      </c>
      <c r="BY37" s="327">
        <v>23696</v>
      </c>
      <c r="BZ37" s="328">
        <v>102992</v>
      </c>
      <c r="CA37" s="330">
        <v>102992</v>
      </c>
      <c r="CB37" s="326">
        <v>0</v>
      </c>
      <c r="CC37" s="327">
        <v>0</v>
      </c>
      <c r="CD37" s="328">
        <v>0</v>
      </c>
      <c r="CE37" s="326">
        <v>0</v>
      </c>
      <c r="CF37" s="327">
        <v>101983</v>
      </c>
      <c r="CG37" s="327">
        <v>319055</v>
      </c>
      <c r="CH37" s="327">
        <v>181304</v>
      </c>
      <c r="CI37" s="327">
        <v>0</v>
      </c>
      <c r="CJ37" s="327">
        <v>0</v>
      </c>
      <c r="CK37" s="328">
        <v>602342</v>
      </c>
      <c r="CL37" s="330">
        <v>602342</v>
      </c>
      <c r="CM37" s="326">
        <v>0</v>
      </c>
      <c r="CN37" s="327">
        <v>0</v>
      </c>
      <c r="CO37" s="328">
        <v>0</v>
      </c>
      <c r="CP37" s="332">
        <v>0</v>
      </c>
      <c r="CQ37" s="327">
        <v>101983</v>
      </c>
      <c r="CR37" s="327">
        <v>232816</v>
      </c>
      <c r="CS37" s="327">
        <v>181304</v>
      </c>
      <c r="CT37" s="327">
        <v>0</v>
      </c>
      <c r="CU37" s="327">
        <v>0</v>
      </c>
      <c r="CV37" s="328">
        <v>516103</v>
      </c>
      <c r="CW37" s="330">
        <v>516103</v>
      </c>
      <c r="CX37" s="326">
        <v>0</v>
      </c>
      <c r="CY37" s="327">
        <v>0</v>
      </c>
      <c r="CZ37" s="328">
        <v>0</v>
      </c>
      <c r="DA37" s="326">
        <v>0</v>
      </c>
      <c r="DB37" s="327">
        <v>0</v>
      </c>
      <c r="DC37" s="327">
        <v>86239</v>
      </c>
      <c r="DD37" s="327">
        <v>0</v>
      </c>
      <c r="DE37" s="327">
        <v>0</v>
      </c>
      <c r="DF37" s="327">
        <v>0</v>
      </c>
      <c r="DG37" s="328">
        <v>86239</v>
      </c>
      <c r="DH37" s="330">
        <v>86239</v>
      </c>
      <c r="DI37" s="326">
        <v>0</v>
      </c>
      <c r="DJ37" s="327">
        <v>0</v>
      </c>
      <c r="DK37" s="331">
        <v>0</v>
      </c>
      <c r="DL37" s="332">
        <v>0</v>
      </c>
      <c r="DM37" s="327">
        <v>0</v>
      </c>
      <c r="DN37" s="327">
        <v>43111</v>
      </c>
      <c r="DO37" s="327">
        <v>0</v>
      </c>
      <c r="DP37" s="327">
        <v>0</v>
      </c>
      <c r="DQ37" s="327">
        <v>0</v>
      </c>
      <c r="DR37" s="328">
        <v>43111</v>
      </c>
      <c r="DS37" s="330">
        <v>43111</v>
      </c>
      <c r="DT37" s="326">
        <v>0</v>
      </c>
      <c r="DU37" s="327">
        <v>0</v>
      </c>
      <c r="DV37" s="328">
        <v>0</v>
      </c>
      <c r="DW37" s="326">
        <v>0</v>
      </c>
      <c r="DX37" s="327">
        <v>0</v>
      </c>
      <c r="DY37" s="327">
        <v>43111</v>
      </c>
      <c r="DZ37" s="327">
        <v>0</v>
      </c>
      <c r="EA37" s="327">
        <v>0</v>
      </c>
      <c r="EB37" s="327">
        <v>0</v>
      </c>
      <c r="EC37" s="328">
        <v>43111</v>
      </c>
      <c r="ED37" s="330">
        <v>43111</v>
      </c>
      <c r="EE37" s="326">
        <v>0</v>
      </c>
      <c r="EF37" s="331">
        <v>0</v>
      </c>
      <c r="EG37" s="328">
        <v>0</v>
      </c>
      <c r="EH37" s="326">
        <v>0</v>
      </c>
      <c r="EI37" s="327">
        <v>0</v>
      </c>
      <c r="EJ37" s="327">
        <v>0</v>
      </c>
      <c r="EK37" s="327">
        <v>0</v>
      </c>
      <c r="EL37" s="327">
        <v>0</v>
      </c>
      <c r="EM37" s="327">
        <v>0</v>
      </c>
      <c r="EN37" s="331">
        <v>0</v>
      </c>
      <c r="EO37" s="330">
        <v>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2400</v>
      </c>
      <c r="FM37" s="327">
        <v>14400</v>
      </c>
      <c r="FN37" s="328">
        <v>16800</v>
      </c>
      <c r="FO37" s="326">
        <v>0</v>
      </c>
      <c r="FP37" s="327">
        <v>32800</v>
      </c>
      <c r="FQ37" s="327">
        <v>115992</v>
      </c>
      <c r="FR37" s="327">
        <v>10600</v>
      </c>
      <c r="FS37" s="327">
        <v>4000</v>
      </c>
      <c r="FT37" s="327">
        <v>22080</v>
      </c>
      <c r="FU37" s="328">
        <v>185472</v>
      </c>
      <c r="FV37" s="330">
        <v>202272</v>
      </c>
      <c r="FW37" s="333">
        <v>2400</v>
      </c>
      <c r="FX37" s="327">
        <v>14400</v>
      </c>
      <c r="FY37" s="331">
        <v>16800</v>
      </c>
      <c r="FZ37" s="332">
        <v>0</v>
      </c>
      <c r="GA37" s="327">
        <v>32800</v>
      </c>
      <c r="GB37" s="327">
        <v>91192</v>
      </c>
      <c r="GC37" s="327">
        <v>10600</v>
      </c>
      <c r="GD37" s="327">
        <v>4000</v>
      </c>
      <c r="GE37" s="327">
        <v>22080</v>
      </c>
      <c r="GF37" s="328">
        <v>160672</v>
      </c>
      <c r="GG37" s="334">
        <v>177472</v>
      </c>
      <c r="GH37" s="333">
        <v>0</v>
      </c>
      <c r="GI37" s="327">
        <v>0</v>
      </c>
      <c r="GJ37" s="331">
        <v>0</v>
      </c>
      <c r="GK37" s="332">
        <v>0</v>
      </c>
      <c r="GL37" s="327">
        <v>0</v>
      </c>
      <c r="GM37" s="327">
        <v>24800</v>
      </c>
      <c r="GN37" s="327">
        <v>0</v>
      </c>
      <c r="GO37" s="327">
        <v>0</v>
      </c>
      <c r="GP37" s="327">
        <v>0</v>
      </c>
      <c r="GQ37" s="328">
        <v>24800</v>
      </c>
      <c r="GR37" s="330">
        <v>24800</v>
      </c>
      <c r="GS37" s="326">
        <v>0</v>
      </c>
      <c r="GT37" s="327">
        <v>0</v>
      </c>
      <c r="GU37" s="328">
        <v>0</v>
      </c>
      <c r="GV37" s="326">
        <v>0</v>
      </c>
      <c r="GW37" s="327">
        <v>0</v>
      </c>
      <c r="GX37" s="327">
        <v>0</v>
      </c>
      <c r="GY37" s="327">
        <v>0</v>
      </c>
      <c r="GZ37" s="327">
        <v>0</v>
      </c>
      <c r="HA37" s="327">
        <v>0</v>
      </c>
      <c r="HB37" s="331">
        <v>0</v>
      </c>
      <c r="HC37" s="330">
        <v>0</v>
      </c>
      <c r="HD37" s="326">
        <v>0</v>
      </c>
      <c r="HE37" s="327">
        <v>0</v>
      </c>
      <c r="HF37" s="331">
        <v>0</v>
      </c>
      <c r="HG37" s="332">
        <v>0</v>
      </c>
      <c r="HH37" s="327">
        <v>149496</v>
      </c>
      <c r="HI37" s="327">
        <v>174480</v>
      </c>
      <c r="HJ37" s="327">
        <v>0</v>
      </c>
      <c r="HK37" s="327">
        <v>214258</v>
      </c>
      <c r="HL37" s="327">
        <v>221624</v>
      </c>
      <c r="HM37" s="328">
        <v>759858</v>
      </c>
      <c r="HN37" s="329">
        <v>759858</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80360</v>
      </c>
      <c r="IE37" s="339">
        <v>228053</v>
      </c>
      <c r="IF37" s="337">
        <v>441208</v>
      </c>
      <c r="IG37" s="336">
        <v>224848</v>
      </c>
      <c r="IH37" s="337">
        <v>42268</v>
      </c>
      <c r="II37" s="340">
        <v>1016737</v>
      </c>
      <c r="IJ37" s="341">
        <v>1016737</v>
      </c>
      <c r="IK37" s="342">
        <v>0</v>
      </c>
      <c r="IL37" s="343">
        <v>0</v>
      </c>
      <c r="IM37" s="344">
        <v>0</v>
      </c>
      <c r="IN37" s="404">
        <v>0</v>
      </c>
      <c r="IO37" s="345">
        <v>0</v>
      </c>
      <c r="IP37" s="345">
        <v>0</v>
      </c>
      <c r="IQ37" s="345">
        <v>0</v>
      </c>
      <c r="IR37" s="345">
        <v>0</v>
      </c>
      <c r="IS37" s="345">
        <v>0</v>
      </c>
      <c r="IT37" s="346">
        <v>0</v>
      </c>
      <c r="IU37" s="347">
        <v>0</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80360</v>
      </c>
      <c r="JL37" s="345">
        <v>228053</v>
      </c>
      <c r="JM37" s="345">
        <v>0</v>
      </c>
      <c r="JN37" s="345">
        <v>0</v>
      </c>
      <c r="JO37" s="345">
        <v>42268</v>
      </c>
      <c r="JP37" s="349">
        <v>350681</v>
      </c>
      <c r="JQ37" s="347">
        <v>350681</v>
      </c>
      <c r="JR37" s="348">
        <v>0</v>
      </c>
      <c r="JS37" s="345">
        <v>0</v>
      </c>
      <c r="JT37" s="346">
        <v>0</v>
      </c>
      <c r="JU37" s="351">
        <v>0</v>
      </c>
      <c r="JV37" s="345">
        <v>0</v>
      </c>
      <c r="JW37" s="345">
        <v>0</v>
      </c>
      <c r="JX37" s="345">
        <v>0</v>
      </c>
      <c r="JY37" s="345">
        <v>0</v>
      </c>
      <c r="JZ37" s="345">
        <v>0</v>
      </c>
      <c r="KA37" s="349">
        <v>0</v>
      </c>
      <c r="KB37" s="347">
        <v>0</v>
      </c>
      <c r="KC37" s="352">
        <v>0</v>
      </c>
      <c r="KD37" s="353">
        <v>0</v>
      </c>
      <c r="KE37" s="349">
        <v>0</v>
      </c>
      <c r="KF37" s="351">
        <v>0</v>
      </c>
      <c r="KG37" s="345">
        <v>0</v>
      </c>
      <c r="KH37" s="345">
        <v>0</v>
      </c>
      <c r="KI37" s="345">
        <v>0</v>
      </c>
      <c r="KJ37" s="345">
        <v>0</v>
      </c>
      <c r="KK37" s="345">
        <v>0</v>
      </c>
      <c r="KL37" s="349">
        <v>0</v>
      </c>
      <c r="KM37" s="354">
        <v>0</v>
      </c>
      <c r="KN37" s="342">
        <v>0</v>
      </c>
      <c r="KO37" s="343">
        <v>0</v>
      </c>
      <c r="KP37" s="344">
        <v>0</v>
      </c>
      <c r="KQ37" s="404">
        <v>0</v>
      </c>
      <c r="KR37" s="345">
        <v>0</v>
      </c>
      <c r="KS37" s="345">
        <v>0</v>
      </c>
      <c r="KT37" s="345">
        <v>235752</v>
      </c>
      <c r="KU37" s="345">
        <v>0</v>
      </c>
      <c r="KV37" s="345">
        <v>0</v>
      </c>
      <c r="KW37" s="349">
        <v>235752</v>
      </c>
      <c r="KX37" s="347">
        <v>235752</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205456</v>
      </c>
      <c r="LQ37" s="345">
        <v>224848</v>
      </c>
      <c r="LR37" s="345">
        <v>0</v>
      </c>
      <c r="LS37" s="349">
        <v>430304</v>
      </c>
      <c r="LT37" s="347">
        <v>430304</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1028586</v>
      </c>
      <c r="MN37" s="345">
        <v>601592</v>
      </c>
      <c r="MO37" s="349">
        <v>1630178</v>
      </c>
      <c r="MP37" s="354">
        <v>1630178</v>
      </c>
      <c r="MQ37" s="348">
        <v>0</v>
      </c>
      <c r="MR37" s="345">
        <v>0</v>
      </c>
      <c r="MS37" s="349">
        <v>0</v>
      </c>
      <c r="MT37" s="404">
        <v>0</v>
      </c>
      <c r="MU37" s="345">
        <v>0</v>
      </c>
      <c r="MV37" s="345">
        <v>0</v>
      </c>
      <c r="MW37" s="345">
        <v>0</v>
      </c>
      <c r="MX37" s="345">
        <v>744330</v>
      </c>
      <c r="MY37" s="345">
        <v>294547</v>
      </c>
      <c r="MZ37" s="349">
        <v>1038877</v>
      </c>
      <c r="NA37" s="354">
        <v>1038877</v>
      </c>
      <c r="NB37" s="348">
        <v>0</v>
      </c>
      <c r="NC37" s="345">
        <v>0</v>
      </c>
      <c r="ND37" s="349">
        <v>0</v>
      </c>
      <c r="NE37" s="404">
        <v>0</v>
      </c>
      <c r="NF37" s="345">
        <v>0</v>
      </c>
      <c r="NG37" s="345">
        <v>0</v>
      </c>
      <c r="NH37" s="345">
        <v>0</v>
      </c>
      <c r="NI37" s="345">
        <v>284256</v>
      </c>
      <c r="NJ37" s="345">
        <v>307045</v>
      </c>
      <c r="NK37" s="349">
        <v>591301</v>
      </c>
      <c r="NL37" s="347">
        <v>591301</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2400</v>
      </c>
      <c r="OJ37" s="345">
        <v>14400</v>
      </c>
      <c r="OK37" s="346">
        <v>16800</v>
      </c>
      <c r="OL37" s="351">
        <v>0</v>
      </c>
      <c r="OM37" s="345">
        <v>562076</v>
      </c>
      <c r="ON37" s="345">
        <v>1294051</v>
      </c>
      <c r="OO37" s="345">
        <v>654808</v>
      </c>
      <c r="OP37" s="345">
        <v>1966119</v>
      </c>
      <c r="OQ37" s="345">
        <v>1136198</v>
      </c>
      <c r="OR37" s="349">
        <v>5613252</v>
      </c>
      <c r="OS37" s="354">
        <v>5630052</v>
      </c>
    </row>
    <row r="38" spans="2:409" s="70" customFormat="1" ht="21" customHeight="1" x14ac:dyDescent="0.2">
      <c r="B38" s="410" t="s">
        <v>33</v>
      </c>
      <c r="C38" s="326">
        <v>63122</v>
      </c>
      <c r="D38" s="327">
        <v>77267</v>
      </c>
      <c r="E38" s="328">
        <v>140389</v>
      </c>
      <c r="F38" s="329">
        <v>0</v>
      </c>
      <c r="G38" s="327">
        <v>465813</v>
      </c>
      <c r="H38" s="327">
        <v>205521</v>
      </c>
      <c r="I38" s="327">
        <v>152658</v>
      </c>
      <c r="J38" s="327">
        <v>0</v>
      </c>
      <c r="K38" s="327">
        <v>260920</v>
      </c>
      <c r="L38" s="367">
        <v>1084912</v>
      </c>
      <c r="M38" s="330">
        <v>1225301</v>
      </c>
      <c r="N38" s="326">
        <v>60506</v>
      </c>
      <c r="O38" s="327">
        <v>37588</v>
      </c>
      <c r="P38" s="328">
        <v>98094</v>
      </c>
      <c r="Q38" s="326">
        <v>0</v>
      </c>
      <c r="R38" s="327">
        <v>337876</v>
      </c>
      <c r="S38" s="327">
        <v>18536</v>
      </c>
      <c r="T38" s="327">
        <v>152658</v>
      </c>
      <c r="U38" s="327">
        <v>0</v>
      </c>
      <c r="V38" s="327">
        <v>17040</v>
      </c>
      <c r="W38" s="328">
        <v>526110</v>
      </c>
      <c r="X38" s="330">
        <v>624204</v>
      </c>
      <c r="Y38" s="326">
        <v>0</v>
      </c>
      <c r="Z38" s="327">
        <v>0</v>
      </c>
      <c r="AA38" s="328">
        <v>0</v>
      </c>
      <c r="AB38" s="326">
        <v>0</v>
      </c>
      <c r="AC38" s="327">
        <v>50335</v>
      </c>
      <c r="AD38" s="327">
        <v>0</v>
      </c>
      <c r="AE38" s="327">
        <v>36584</v>
      </c>
      <c r="AF38" s="327">
        <v>0</v>
      </c>
      <c r="AG38" s="327">
        <v>17040</v>
      </c>
      <c r="AH38" s="328">
        <v>103959</v>
      </c>
      <c r="AI38" s="330">
        <v>103959</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80009</v>
      </c>
      <c r="AZ38" s="327">
        <v>8936</v>
      </c>
      <c r="BA38" s="327">
        <v>20044</v>
      </c>
      <c r="BB38" s="327">
        <v>0</v>
      </c>
      <c r="BC38" s="327">
        <v>0</v>
      </c>
      <c r="BD38" s="328">
        <v>108989</v>
      </c>
      <c r="BE38" s="330">
        <v>108989</v>
      </c>
      <c r="BF38" s="326">
        <v>60506</v>
      </c>
      <c r="BG38" s="327">
        <v>37588</v>
      </c>
      <c r="BH38" s="331">
        <v>98094</v>
      </c>
      <c r="BI38" s="332">
        <v>0</v>
      </c>
      <c r="BJ38" s="327">
        <v>198628</v>
      </c>
      <c r="BK38" s="327">
        <v>0</v>
      </c>
      <c r="BL38" s="327">
        <v>91894</v>
      </c>
      <c r="BM38" s="327">
        <v>0</v>
      </c>
      <c r="BN38" s="327">
        <v>0</v>
      </c>
      <c r="BO38" s="328">
        <v>290522</v>
      </c>
      <c r="BP38" s="330">
        <v>388616</v>
      </c>
      <c r="BQ38" s="326">
        <v>0</v>
      </c>
      <c r="BR38" s="327">
        <v>0</v>
      </c>
      <c r="BS38" s="328">
        <v>0</v>
      </c>
      <c r="BT38" s="326">
        <v>0</v>
      </c>
      <c r="BU38" s="327">
        <v>8904</v>
      </c>
      <c r="BV38" s="327">
        <v>9600</v>
      </c>
      <c r="BW38" s="327">
        <v>4136</v>
      </c>
      <c r="BX38" s="327">
        <v>0</v>
      </c>
      <c r="BY38" s="327">
        <v>0</v>
      </c>
      <c r="BZ38" s="328">
        <v>22640</v>
      </c>
      <c r="CA38" s="330">
        <v>22640</v>
      </c>
      <c r="CB38" s="326">
        <v>0</v>
      </c>
      <c r="CC38" s="327">
        <v>39679</v>
      </c>
      <c r="CD38" s="328">
        <v>39679</v>
      </c>
      <c r="CE38" s="326">
        <v>0</v>
      </c>
      <c r="CF38" s="327">
        <v>18909</v>
      </c>
      <c r="CG38" s="327">
        <v>0</v>
      </c>
      <c r="CH38" s="327">
        <v>0</v>
      </c>
      <c r="CI38" s="327">
        <v>0</v>
      </c>
      <c r="CJ38" s="327">
        <v>0</v>
      </c>
      <c r="CK38" s="328">
        <v>18909</v>
      </c>
      <c r="CL38" s="330">
        <v>58588</v>
      </c>
      <c r="CM38" s="326">
        <v>0</v>
      </c>
      <c r="CN38" s="327">
        <v>0</v>
      </c>
      <c r="CO38" s="328">
        <v>0</v>
      </c>
      <c r="CP38" s="332">
        <v>0</v>
      </c>
      <c r="CQ38" s="327">
        <v>18909</v>
      </c>
      <c r="CR38" s="327">
        <v>0</v>
      </c>
      <c r="CS38" s="327">
        <v>0</v>
      </c>
      <c r="CT38" s="327">
        <v>0</v>
      </c>
      <c r="CU38" s="327">
        <v>0</v>
      </c>
      <c r="CV38" s="328">
        <v>18909</v>
      </c>
      <c r="CW38" s="330">
        <v>18909</v>
      </c>
      <c r="CX38" s="326">
        <v>0</v>
      </c>
      <c r="CY38" s="327">
        <v>39679</v>
      </c>
      <c r="CZ38" s="328">
        <v>39679</v>
      </c>
      <c r="DA38" s="326">
        <v>0</v>
      </c>
      <c r="DB38" s="327">
        <v>0</v>
      </c>
      <c r="DC38" s="327">
        <v>0</v>
      </c>
      <c r="DD38" s="327">
        <v>0</v>
      </c>
      <c r="DE38" s="327">
        <v>0</v>
      </c>
      <c r="DF38" s="327">
        <v>0</v>
      </c>
      <c r="DG38" s="328">
        <v>0</v>
      </c>
      <c r="DH38" s="330">
        <v>39679</v>
      </c>
      <c r="DI38" s="326">
        <v>0</v>
      </c>
      <c r="DJ38" s="327">
        <v>0</v>
      </c>
      <c r="DK38" s="331">
        <v>0</v>
      </c>
      <c r="DL38" s="332">
        <v>0</v>
      </c>
      <c r="DM38" s="327">
        <v>0</v>
      </c>
      <c r="DN38" s="327">
        <v>0</v>
      </c>
      <c r="DO38" s="327">
        <v>0</v>
      </c>
      <c r="DP38" s="327">
        <v>0</v>
      </c>
      <c r="DQ38" s="327">
        <v>240680</v>
      </c>
      <c r="DR38" s="328">
        <v>240680</v>
      </c>
      <c r="DS38" s="330">
        <v>240680</v>
      </c>
      <c r="DT38" s="326">
        <v>0</v>
      </c>
      <c r="DU38" s="327">
        <v>0</v>
      </c>
      <c r="DV38" s="328">
        <v>0</v>
      </c>
      <c r="DW38" s="326">
        <v>0</v>
      </c>
      <c r="DX38" s="327">
        <v>0</v>
      </c>
      <c r="DY38" s="327">
        <v>0</v>
      </c>
      <c r="DZ38" s="327">
        <v>0</v>
      </c>
      <c r="EA38" s="327">
        <v>0</v>
      </c>
      <c r="EB38" s="327">
        <v>240680</v>
      </c>
      <c r="EC38" s="328">
        <v>240680</v>
      </c>
      <c r="ED38" s="330">
        <v>240680</v>
      </c>
      <c r="EE38" s="326">
        <v>0</v>
      </c>
      <c r="EF38" s="331">
        <v>0</v>
      </c>
      <c r="EG38" s="328">
        <v>0</v>
      </c>
      <c r="EH38" s="326">
        <v>0</v>
      </c>
      <c r="EI38" s="327">
        <v>0</v>
      </c>
      <c r="EJ38" s="327">
        <v>0</v>
      </c>
      <c r="EK38" s="327">
        <v>0</v>
      </c>
      <c r="EL38" s="327">
        <v>0</v>
      </c>
      <c r="EM38" s="327">
        <v>0</v>
      </c>
      <c r="EN38" s="331">
        <v>0</v>
      </c>
      <c r="EO38" s="330">
        <v>0</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2616</v>
      </c>
      <c r="FM38" s="327">
        <v>0</v>
      </c>
      <c r="FN38" s="328">
        <v>2616</v>
      </c>
      <c r="FO38" s="326">
        <v>0</v>
      </c>
      <c r="FP38" s="327">
        <v>44840</v>
      </c>
      <c r="FQ38" s="327">
        <v>11200</v>
      </c>
      <c r="FR38" s="327">
        <v>0</v>
      </c>
      <c r="FS38" s="327">
        <v>0</v>
      </c>
      <c r="FT38" s="327">
        <v>3200</v>
      </c>
      <c r="FU38" s="328">
        <v>59240</v>
      </c>
      <c r="FV38" s="330">
        <v>61856</v>
      </c>
      <c r="FW38" s="333">
        <v>2616</v>
      </c>
      <c r="FX38" s="327">
        <v>0</v>
      </c>
      <c r="FY38" s="331">
        <v>2616</v>
      </c>
      <c r="FZ38" s="332">
        <v>0</v>
      </c>
      <c r="GA38" s="327">
        <v>44840</v>
      </c>
      <c r="GB38" s="327">
        <v>11200</v>
      </c>
      <c r="GC38" s="327">
        <v>0</v>
      </c>
      <c r="GD38" s="327">
        <v>0</v>
      </c>
      <c r="GE38" s="327">
        <v>3200</v>
      </c>
      <c r="GF38" s="328">
        <v>59240</v>
      </c>
      <c r="GG38" s="334">
        <v>61856</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0</v>
      </c>
      <c r="HF38" s="331">
        <v>0</v>
      </c>
      <c r="HG38" s="332">
        <v>0</v>
      </c>
      <c r="HH38" s="327">
        <v>64188</v>
      </c>
      <c r="HI38" s="327">
        <v>175785</v>
      </c>
      <c r="HJ38" s="327">
        <v>0</v>
      </c>
      <c r="HK38" s="327">
        <v>0</v>
      </c>
      <c r="HL38" s="327">
        <v>0</v>
      </c>
      <c r="HM38" s="328">
        <v>239973</v>
      </c>
      <c r="HN38" s="329">
        <v>239973</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190792</v>
      </c>
      <c r="IE38" s="339">
        <v>0</v>
      </c>
      <c r="IF38" s="337">
        <v>0</v>
      </c>
      <c r="IG38" s="336">
        <v>0</v>
      </c>
      <c r="IH38" s="337">
        <v>0</v>
      </c>
      <c r="II38" s="340">
        <v>190792</v>
      </c>
      <c r="IJ38" s="358">
        <v>190792</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53530</v>
      </c>
      <c r="JL38" s="345">
        <v>0</v>
      </c>
      <c r="JM38" s="345">
        <v>0</v>
      </c>
      <c r="JN38" s="345">
        <v>0</v>
      </c>
      <c r="JO38" s="345">
        <v>0</v>
      </c>
      <c r="JP38" s="349">
        <v>53530</v>
      </c>
      <c r="JQ38" s="347">
        <v>53530</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0</v>
      </c>
      <c r="KU38" s="345">
        <v>0</v>
      </c>
      <c r="KV38" s="345">
        <v>0</v>
      </c>
      <c r="KW38" s="349">
        <v>0</v>
      </c>
      <c r="KX38" s="347">
        <v>0</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137262</v>
      </c>
      <c r="LZ38" s="345">
        <v>0</v>
      </c>
      <c r="MA38" s="345">
        <v>0</v>
      </c>
      <c r="MB38" s="345">
        <v>0</v>
      </c>
      <c r="MC38" s="345">
        <v>0</v>
      </c>
      <c r="MD38" s="349">
        <v>137262</v>
      </c>
      <c r="ME38" s="350">
        <v>137262</v>
      </c>
      <c r="MF38" s="348">
        <v>0</v>
      </c>
      <c r="MG38" s="345">
        <v>0</v>
      </c>
      <c r="MH38" s="349">
        <v>0</v>
      </c>
      <c r="MI38" s="404">
        <v>0</v>
      </c>
      <c r="MJ38" s="345">
        <v>0</v>
      </c>
      <c r="MK38" s="345">
        <v>225790</v>
      </c>
      <c r="ML38" s="345">
        <v>0</v>
      </c>
      <c r="MM38" s="345">
        <v>0</v>
      </c>
      <c r="MN38" s="345">
        <v>0</v>
      </c>
      <c r="MO38" s="349">
        <v>225790</v>
      </c>
      <c r="MP38" s="354">
        <v>225790</v>
      </c>
      <c r="MQ38" s="348">
        <v>0</v>
      </c>
      <c r="MR38" s="345">
        <v>0</v>
      </c>
      <c r="MS38" s="349">
        <v>0</v>
      </c>
      <c r="MT38" s="404">
        <v>0</v>
      </c>
      <c r="MU38" s="345">
        <v>0</v>
      </c>
      <c r="MV38" s="345">
        <v>0</v>
      </c>
      <c r="MW38" s="345">
        <v>0</v>
      </c>
      <c r="MX38" s="345">
        <v>0</v>
      </c>
      <c r="MY38" s="345">
        <v>0</v>
      </c>
      <c r="MZ38" s="349">
        <v>0</v>
      </c>
      <c r="NA38" s="354">
        <v>0</v>
      </c>
      <c r="NB38" s="348">
        <v>0</v>
      </c>
      <c r="NC38" s="345">
        <v>0</v>
      </c>
      <c r="ND38" s="349">
        <v>0</v>
      </c>
      <c r="NE38" s="404">
        <v>0</v>
      </c>
      <c r="NF38" s="345">
        <v>0</v>
      </c>
      <c r="NG38" s="345">
        <v>0</v>
      </c>
      <c r="NH38" s="345">
        <v>0</v>
      </c>
      <c r="NI38" s="345">
        <v>0</v>
      </c>
      <c r="NJ38" s="345">
        <v>0</v>
      </c>
      <c r="NK38" s="349">
        <v>0</v>
      </c>
      <c r="NL38" s="347">
        <v>0</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0</v>
      </c>
      <c r="OC38" s="345">
        <v>225790</v>
      </c>
      <c r="OD38" s="345">
        <v>0</v>
      </c>
      <c r="OE38" s="345">
        <v>0</v>
      </c>
      <c r="OF38" s="345">
        <v>0</v>
      </c>
      <c r="OG38" s="349">
        <v>225790</v>
      </c>
      <c r="OH38" s="350">
        <v>225790</v>
      </c>
      <c r="OI38" s="348">
        <v>63122</v>
      </c>
      <c r="OJ38" s="345">
        <v>77267</v>
      </c>
      <c r="OK38" s="346">
        <v>140389</v>
      </c>
      <c r="OL38" s="351">
        <v>0</v>
      </c>
      <c r="OM38" s="345">
        <v>656605</v>
      </c>
      <c r="ON38" s="345">
        <v>431311</v>
      </c>
      <c r="OO38" s="345">
        <v>152658</v>
      </c>
      <c r="OP38" s="345">
        <v>0</v>
      </c>
      <c r="OQ38" s="345">
        <v>260920</v>
      </c>
      <c r="OR38" s="349">
        <v>1501494</v>
      </c>
      <c r="OS38" s="354">
        <v>1641883</v>
      </c>
    </row>
    <row r="39" spans="2:409" s="70" customFormat="1" ht="21" customHeight="1" x14ac:dyDescent="0.2">
      <c r="B39" s="410" t="s">
        <v>34</v>
      </c>
      <c r="C39" s="326">
        <v>0</v>
      </c>
      <c r="D39" s="327">
        <v>0</v>
      </c>
      <c r="E39" s="368">
        <v>0</v>
      </c>
      <c r="F39" s="370">
        <v>0</v>
      </c>
      <c r="G39" s="369">
        <v>76280</v>
      </c>
      <c r="H39" s="369">
        <v>525372</v>
      </c>
      <c r="I39" s="369">
        <v>56768</v>
      </c>
      <c r="J39" s="369">
        <v>21712</v>
      </c>
      <c r="K39" s="369">
        <v>454259</v>
      </c>
      <c r="L39" s="370">
        <v>1134391</v>
      </c>
      <c r="M39" s="330">
        <v>1134391</v>
      </c>
      <c r="N39" s="326">
        <v>0</v>
      </c>
      <c r="O39" s="327">
        <v>0</v>
      </c>
      <c r="P39" s="328">
        <v>0</v>
      </c>
      <c r="Q39" s="326">
        <v>0</v>
      </c>
      <c r="R39" s="327">
        <v>39432</v>
      </c>
      <c r="S39" s="327">
        <v>87724</v>
      </c>
      <c r="T39" s="327">
        <v>0</v>
      </c>
      <c r="U39" s="327">
        <v>8352</v>
      </c>
      <c r="V39" s="327">
        <v>194280</v>
      </c>
      <c r="W39" s="328">
        <v>329788</v>
      </c>
      <c r="X39" s="330">
        <v>329788</v>
      </c>
      <c r="Y39" s="326">
        <v>0</v>
      </c>
      <c r="Z39" s="327">
        <v>0</v>
      </c>
      <c r="AA39" s="328">
        <v>0</v>
      </c>
      <c r="AB39" s="326">
        <v>0</v>
      </c>
      <c r="AC39" s="327">
        <v>0</v>
      </c>
      <c r="AD39" s="327">
        <v>0</v>
      </c>
      <c r="AE39" s="327">
        <v>0</v>
      </c>
      <c r="AF39" s="327">
        <v>0</v>
      </c>
      <c r="AG39" s="327">
        <v>0</v>
      </c>
      <c r="AH39" s="328">
        <v>0</v>
      </c>
      <c r="AI39" s="330">
        <v>0</v>
      </c>
      <c r="AJ39" s="326">
        <v>0</v>
      </c>
      <c r="AK39" s="327">
        <v>0</v>
      </c>
      <c r="AL39" s="328">
        <v>0</v>
      </c>
      <c r="AM39" s="326">
        <v>0</v>
      </c>
      <c r="AN39" s="327">
        <v>0</v>
      </c>
      <c r="AO39" s="327">
        <v>0</v>
      </c>
      <c r="AP39" s="327">
        <v>0</v>
      </c>
      <c r="AQ39" s="327">
        <v>0</v>
      </c>
      <c r="AR39" s="327">
        <v>47440</v>
      </c>
      <c r="AS39" s="328">
        <v>47440</v>
      </c>
      <c r="AT39" s="330">
        <v>47440</v>
      </c>
      <c r="AU39" s="326">
        <v>0</v>
      </c>
      <c r="AV39" s="327">
        <v>0</v>
      </c>
      <c r="AW39" s="328">
        <v>0</v>
      </c>
      <c r="AX39" s="326">
        <v>0</v>
      </c>
      <c r="AY39" s="327">
        <v>39432</v>
      </c>
      <c r="AZ39" s="327">
        <v>57396</v>
      </c>
      <c r="BA39" s="327">
        <v>0</v>
      </c>
      <c r="BB39" s="327">
        <v>8352</v>
      </c>
      <c r="BC39" s="327">
        <v>82720</v>
      </c>
      <c r="BD39" s="328">
        <v>187900</v>
      </c>
      <c r="BE39" s="330">
        <v>187900</v>
      </c>
      <c r="BF39" s="326">
        <v>0</v>
      </c>
      <c r="BG39" s="327">
        <v>0</v>
      </c>
      <c r="BH39" s="331">
        <v>0</v>
      </c>
      <c r="BI39" s="332">
        <v>0</v>
      </c>
      <c r="BJ39" s="327">
        <v>0</v>
      </c>
      <c r="BK39" s="327">
        <v>0</v>
      </c>
      <c r="BL39" s="327">
        <v>0</v>
      </c>
      <c r="BM39" s="327">
        <v>0</v>
      </c>
      <c r="BN39" s="327">
        <v>33040</v>
      </c>
      <c r="BO39" s="328">
        <v>33040</v>
      </c>
      <c r="BP39" s="330">
        <v>33040</v>
      </c>
      <c r="BQ39" s="326">
        <v>0</v>
      </c>
      <c r="BR39" s="327">
        <v>0</v>
      </c>
      <c r="BS39" s="328">
        <v>0</v>
      </c>
      <c r="BT39" s="326">
        <v>0</v>
      </c>
      <c r="BU39" s="327">
        <v>0</v>
      </c>
      <c r="BV39" s="327">
        <v>30328</v>
      </c>
      <c r="BW39" s="327">
        <v>0</v>
      </c>
      <c r="BX39" s="327">
        <v>0</v>
      </c>
      <c r="BY39" s="327">
        <v>31080</v>
      </c>
      <c r="BZ39" s="328">
        <v>61408</v>
      </c>
      <c r="CA39" s="330">
        <v>61408</v>
      </c>
      <c r="CB39" s="326">
        <v>0</v>
      </c>
      <c r="CC39" s="327">
        <v>0</v>
      </c>
      <c r="CD39" s="328">
        <v>0</v>
      </c>
      <c r="CE39" s="326">
        <v>0</v>
      </c>
      <c r="CF39" s="327">
        <v>27648</v>
      </c>
      <c r="CG39" s="327">
        <v>49432</v>
      </c>
      <c r="CH39" s="327">
        <v>33088</v>
      </c>
      <c r="CI39" s="327">
        <v>0</v>
      </c>
      <c r="CJ39" s="327">
        <v>0</v>
      </c>
      <c r="CK39" s="328">
        <v>110168</v>
      </c>
      <c r="CL39" s="330">
        <v>110168</v>
      </c>
      <c r="CM39" s="326">
        <v>0</v>
      </c>
      <c r="CN39" s="327">
        <v>0</v>
      </c>
      <c r="CO39" s="328">
        <v>0</v>
      </c>
      <c r="CP39" s="332">
        <v>0</v>
      </c>
      <c r="CQ39" s="327">
        <v>27648</v>
      </c>
      <c r="CR39" s="327">
        <v>49432</v>
      </c>
      <c r="CS39" s="327">
        <v>33088</v>
      </c>
      <c r="CT39" s="327">
        <v>0</v>
      </c>
      <c r="CU39" s="327">
        <v>0</v>
      </c>
      <c r="CV39" s="328">
        <v>110168</v>
      </c>
      <c r="CW39" s="330">
        <v>110168</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0</v>
      </c>
      <c r="DP39" s="327">
        <v>0</v>
      </c>
      <c r="DQ39" s="327">
        <v>0</v>
      </c>
      <c r="DR39" s="328">
        <v>0</v>
      </c>
      <c r="DS39" s="330">
        <v>0</v>
      </c>
      <c r="DT39" s="326">
        <v>0</v>
      </c>
      <c r="DU39" s="327">
        <v>0</v>
      </c>
      <c r="DV39" s="328">
        <v>0</v>
      </c>
      <c r="DW39" s="326">
        <v>0</v>
      </c>
      <c r="DX39" s="327">
        <v>0</v>
      </c>
      <c r="DY39" s="327">
        <v>0</v>
      </c>
      <c r="DZ39" s="327">
        <v>0</v>
      </c>
      <c r="EA39" s="327">
        <v>0</v>
      </c>
      <c r="EB39" s="327">
        <v>0</v>
      </c>
      <c r="EC39" s="328">
        <v>0</v>
      </c>
      <c r="ED39" s="330">
        <v>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0</v>
      </c>
      <c r="FM39" s="327">
        <v>0</v>
      </c>
      <c r="FN39" s="328">
        <v>0</v>
      </c>
      <c r="FO39" s="326">
        <v>0</v>
      </c>
      <c r="FP39" s="327">
        <v>9200</v>
      </c>
      <c r="FQ39" s="327">
        <v>225768</v>
      </c>
      <c r="FR39" s="327">
        <v>23680</v>
      </c>
      <c r="FS39" s="327">
        <v>13360</v>
      </c>
      <c r="FT39" s="327">
        <v>32504</v>
      </c>
      <c r="FU39" s="328">
        <v>304512</v>
      </c>
      <c r="FV39" s="330">
        <v>304512</v>
      </c>
      <c r="FW39" s="333">
        <v>0</v>
      </c>
      <c r="FX39" s="327">
        <v>0</v>
      </c>
      <c r="FY39" s="331">
        <v>0</v>
      </c>
      <c r="FZ39" s="332">
        <v>0</v>
      </c>
      <c r="GA39" s="327">
        <v>9200</v>
      </c>
      <c r="GB39" s="327">
        <v>65768</v>
      </c>
      <c r="GC39" s="327">
        <v>23680</v>
      </c>
      <c r="GD39" s="327">
        <v>13360</v>
      </c>
      <c r="GE39" s="327">
        <v>32504</v>
      </c>
      <c r="GF39" s="328">
        <v>144512</v>
      </c>
      <c r="GG39" s="334">
        <v>144512</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0</v>
      </c>
      <c r="GX39" s="327">
        <v>160000</v>
      </c>
      <c r="GY39" s="327">
        <v>0</v>
      </c>
      <c r="GZ39" s="327">
        <v>0</v>
      </c>
      <c r="HA39" s="327">
        <v>0</v>
      </c>
      <c r="HB39" s="331">
        <v>160000</v>
      </c>
      <c r="HC39" s="330">
        <v>160000</v>
      </c>
      <c r="HD39" s="326">
        <v>0</v>
      </c>
      <c r="HE39" s="327">
        <v>0</v>
      </c>
      <c r="HF39" s="331">
        <v>0</v>
      </c>
      <c r="HG39" s="332">
        <v>0</v>
      </c>
      <c r="HH39" s="327">
        <v>0</v>
      </c>
      <c r="HI39" s="327">
        <v>162448</v>
      </c>
      <c r="HJ39" s="327">
        <v>0</v>
      </c>
      <c r="HK39" s="327">
        <v>0</v>
      </c>
      <c r="HL39" s="327">
        <v>227475</v>
      </c>
      <c r="HM39" s="328">
        <v>389923</v>
      </c>
      <c r="HN39" s="329">
        <v>389923</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88840</v>
      </c>
      <c r="IE39" s="339">
        <v>254528</v>
      </c>
      <c r="IF39" s="337">
        <v>465800</v>
      </c>
      <c r="IG39" s="336">
        <v>0</v>
      </c>
      <c r="IH39" s="337">
        <v>0</v>
      </c>
      <c r="II39" s="340">
        <v>809168</v>
      </c>
      <c r="IJ39" s="341">
        <v>809168</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88840</v>
      </c>
      <c r="JL39" s="345">
        <v>88672</v>
      </c>
      <c r="JM39" s="345">
        <v>0</v>
      </c>
      <c r="JN39" s="345">
        <v>0</v>
      </c>
      <c r="JO39" s="345">
        <v>0</v>
      </c>
      <c r="JP39" s="349">
        <v>177512</v>
      </c>
      <c r="JQ39" s="347">
        <v>177512</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0</v>
      </c>
      <c r="KH39" s="345">
        <v>165856</v>
      </c>
      <c r="KI39" s="345">
        <v>222216</v>
      </c>
      <c r="KJ39" s="345">
        <v>0</v>
      </c>
      <c r="KK39" s="345">
        <v>0</v>
      </c>
      <c r="KL39" s="349">
        <v>388072</v>
      </c>
      <c r="KM39" s="354">
        <v>388072</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243584</v>
      </c>
      <c r="MB39" s="345">
        <v>0</v>
      </c>
      <c r="MC39" s="345">
        <v>0</v>
      </c>
      <c r="MD39" s="349">
        <v>243584</v>
      </c>
      <c r="ME39" s="350">
        <v>243584</v>
      </c>
      <c r="MF39" s="348">
        <v>0</v>
      </c>
      <c r="MG39" s="345">
        <v>0</v>
      </c>
      <c r="MH39" s="349">
        <v>0</v>
      </c>
      <c r="MI39" s="404">
        <v>0</v>
      </c>
      <c r="MJ39" s="345">
        <v>0</v>
      </c>
      <c r="MK39" s="345">
        <v>0</v>
      </c>
      <c r="ML39" s="345">
        <v>245232</v>
      </c>
      <c r="MM39" s="345">
        <v>236008</v>
      </c>
      <c r="MN39" s="345">
        <v>0</v>
      </c>
      <c r="MO39" s="349">
        <v>481240</v>
      </c>
      <c r="MP39" s="354">
        <v>481240</v>
      </c>
      <c r="MQ39" s="348">
        <v>0</v>
      </c>
      <c r="MR39" s="345">
        <v>0</v>
      </c>
      <c r="MS39" s="349">
        <v>0</v>
      </c>
      <c r="MT39" s="404">
        <v>0</v>
      </c>
      <c r="MU39" s="345">
        <v>0</v>
      </c>
      <c r="MV39" s="345">
        <v>0</v>
      </c>
      <c r="MW39" s="345">
        <v>0</v>
      </c>
      <c r="MX39" s="345">
        <v>236008</v>
      </c>
      <c r="MY39" s="345">
        <v>0</v>
      </c>
      <c r="MZ39" s="349">
        <v>236008</v>
      </c>
      <c r="NA39" s="354">
        <v>236008</v>
      </c>
      <c r="NB39" s="348">
        <v>0</v>
      </c>
      <c r="NC39" s="345">
        <v>0</v>
      </c>
      <c r="ND39" s="349">
        <v>0</v>
      </c>
      <c r="NE39" s="404">
        <v>0</v>
      </c>
      <c r="NF39" s="345">
        <v>0</v>
      </c>
      <c r="NG39" s="345">
        <v>0</v>
      </c>
      <c r="NH39" s="345">
        <v>245232</v>
      </c>
      <c r="NI39" s="345">
        <v>0</v>
      </c>
      <c r="NJ39" s="345">
        <v>0</v>
      </c>
      <c r="NK39" s="349">
        <v>245232</v>
      </c>
      <c r="NL39" s="347">
        <v>245232</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0</v>
      </c>
      <c r="OJ39" s="345">
        <v>0</v>
      </c>
      <c r="OK39" s="346">
        <v>0</v>
      </c>
      <c r="OL39" s="351">
        <v>0</v>
      </c>
      <c r="OM39" s="345">
        <v>165120</v>
      </c>
      <c r="ON39" s="345">
        <v>779900</v>
      </c>
      <c r="OO39" s="345">
        <v>767800</v>
      </c>
      <c r="OP39" s="345">
        <v>257720</v>
      </c>
      <c r="OQ39" s="345">
        <v>454259</v>
      </c>
      <c r="OR39" s="349">
        <v>2424799</v>
      </c>
      <c r="OS39" s="354">
        <v>2424799</v>
      </c>
    </row>
    <row r="40" spans="2:409" s="70" customFormat="1" ht="21" customHeight="1" x14ac:dyDescent="0.2">
      <c r="B40" s="410" t="s">
        <v>35</v>
      </c>
      <c r="C40" s="326">
        <v>104056</v>
      </c>
      <c r="D40" s="327">
        <v>37968</v>
      </c>
      <c r="E40" s="328">
        <v>142024</v>
      </c>
      <c r="F40" s="329">
        <v>0</v>
      </c>
      <c r="G40" s="327">
        <v>1459092</v>
      </c>
      <c r="H40" s="327">
        <v>589405</v>
      </c>
      <c r="I40" s="327">
        <v>818705</v>
      </c>
      <c r="J40" s="327">
        <v>1575195</v>
      </c>
      <c r="K40" s="327">
        <v>686933</v>
      </c>
      <c r="L40" s="367">
        <v>5129330</v>
      </c>
      <c r="M40" s="330">
        <v>5271354</v>
      </c>
      <c r="N40" s="326">
        <v>25696</v>
      </c>
      <c r="O40" s="327">
        <v>30048</v>
      </c>
      <c r="P40" s="328">
        <v>55744</v>
      </c>
      <c r="Q40" s="326">
        <v>0</v>
      </c>
      <c r="R40" s="327">
        <v>243097</v>
      </c>
      <c r="S40" s="327">
        <v>87704</v>
      </c>
      <c r="T40" s="327">
        <v>287649</v>
      </c>
      <c r="U40" s="327">
        <v>359712</v>
      </c>
      <c r="V40" s="327">
        <v>7528</v>
      </c>
      <c r="W40" s="328">
        <v>985690</v>
      </c>
      <c r="X40" s="330">
        <v>1041434</v>
      </c>
      <c r="Y40" s="326">
        <v>0</v>
      </c>
      <c r="Z40" s="327">
        <v>0</v>
      </c>
      <c r="AA40" s="328">
        <v>0</v>
      </c>
      <c r="AB40" s="326">
        <v>0</v>
      </c>
      <c r="AC40" s="327">
        <v>117553</v>
      </c>
      <c r="AD40" s="327">
        <v>43848</v>
      </c>
      <c r="AE40" s="327">
        <v>35769</v>
      </c>
      <c r="AF40" s="327">
        <v>179320</v>
      </c>
      <c r="AG40" s="327">
        <v>0</v>
      </c>
      <c r="AH40" s="328">
        <v>376490</v>
      </c>
      <c r="AI40" s="330">
        <v>376490</v>
      </c>
      <c r="AJ40" s="326">
        <v>0</v>
      </c>
      <c r="AK40" s="327">
        <v>0</v>
      </c>
      <c r="AL40" s="328">
        <v>0</v>
      </c>
      <c r="AM40" s="326">
        <v>0</v>
      </c>
      <c r="AN40" s="327">
        <v>0</v>
      </c>
      <c r="AO40" s="327">
        <v>0</v>
      </c>
      <c r="AP40" s="327">
        <v>0</v>
      </c>
      <c r="AQ40" s="327">
        <v>9880</v>
      </c>
      <c r="AR40" s="327">
        <v>0</v>
      </c>
      <c r="AS40" s="328">
        <v>9880</v>
      </c>
      <c r="AT40" s="330">
        <v>9880</v>
      </c>
      <c r="AU40" s="326">
        <v>0</v>
      </c>
      <c r="AV40" s="327">
        <v>0</v>
      </c>
      <c r="AW40" s="328">
        <v>0</v>
      </c>
      <c r="AX40" s="326">
        <v>0</v>
      </c>
      <c r="AY40" s="327">
        <v>24304</v>
      </c>
      <c r="AZ40" s="327">
        <v>0</v>
      </c>
      <c r="BA40" s="327">
        <v>151544</v>
      </c>
      <c r="BB40" s="327">
        <v>72040</v>
      </c>
      <c r="BC40" s="327">
        <v>0</v>
      </c>
      <c r="BD40" s="328">
        <v>247888</v>
      </c>
      <c r="BE40" s="330">
        <v>247888</v>
      </c>
      <c r="BF40" s="326">
        <v>14784</v>
      </c>
      <c r="BG40" s="327">
        <v>30048</v>
      </c>
      <c r="BH40" s="331">
        <v>44832</v>
      </c>
      <c r="BI40" s="332">
        <v>0</v>
      </c>
      <c r="BJ40" s="327">
        <v>8952</v>
      </c>
      <c r="BK40" s="327">
        <v>0</v>
      </c>
      <c r="BL40" s="327">
        <v>59520</v>
      </c>
      <c r="BM40" s="327">
        <v>0</v>
      </c>
      <c r="BN40" s="327">
        <v>0</v>
      </c>
      <c r="BO40" s="328">
        <v>68472</v>
      </c>
      <c r="BP40" s="330">
        <v>113304</v>
      </c>
      <c r="BQ40" s="326">
        <v>10912</v>
      </c>
      <c r="BR40" s="327">
        <v>0</v>
      </c>
      <c r="BS40" s="328">
        <v>10912</v>
      </c>
      <c r="BT40" s="326">
        <v>0</v>
      </c>
      <c r="BU40" s="327">
        <v>92288</v>
      </c>
      <c r="BV40" s="327">
        <v>43856</v>
      </c>
      <c r="BW40" s="327">
        <v>40816</v>
      </c>
      <c r="BX40" s="327">
        <v>98472</v>
      </c>
      <c r="BY40" s="327">
        <v>7528</v>
      </c>
      <c r="BZ40" s="328">
        <v>282960</v>
      </c>
      <c r="CA40" s="330">
        <v>293872</v>
      </c>
      <c r="CB40" s="326">
        <v>20560</v>
      </c>
      <c r="CC40" s="327">
        <v>0</v>
      </c>
      <c r="CD40" s="328">
        <v>20560</v>
      </c>
      <c r="CE40" s="326">
        <v>0</v>
      </c>
      <c r="CF40" s="327">
        <v>315211</v>
      </c>
      <c r="CG40" s="327">
        <v>96722</v>
      </c>
      <c r="CH40" s="327">
        <v>301104</v>
      </c>
      <c r="CI40" s="327">
        <v>122104</v>
      </c>
      <c r="CJ40" s="327">
        <v>0</v>
      </c>
      <c r="CK40" s="328">
        <v>835141</v>
      </c>
      <c r="CL40" s="330">
        <v>855701</v>
      </c>
      <c r="CM40" s="326">
        <v>0</v>
      </c>
      <c r="CN40" s="327">
        <v>0</v>
      </c>
      <c r="CO40" s="328">
        <v>0</v>
      </c>
      <c r="CP40" s="332">
        <v>0</v>
      </c>
      <c r="CQ40" s="327">
        <v>139304</v>
      </c>
      <c r="CR40" s="327">
        <v>96722</v>
      </c>
      <c r="CS40" s="327">
        <v>141264</v>
      </c>
      <c r="CT40" s="327">
        <v>7280</v>
      </c>
      <c r="CU40" s="327">
        <v>0</v>
      </c>
      <c r="CV40" s="328">
        <v>384570</v>
      </c>
      <c r="CW40" s="330">
        <v>384570</v>
      </c>
      <c r="CX40" s="326">
        <v>20560</v>
      </c>
      <c r="CY40" s="327">
        <v>0</v>
      </c>
      <c r="CZ40" s="328">
        <v>20560</v>
      </c>
      <c r="DA40" s="326">
        <v>0</v>
      </c>
      <c r="DB40" s="327">
        <v>175907</v>
      </c>
      <c r="DC40" s="327">
        <v>0</v>
      </c>
      <c r="DD40" s="327">
        <v>159840</v>
      </c>
      <c r="DE40" s="327">
        <v>114824</v>
      </c>
      <c r="DF40" s="327">
        <v>0</v>
      </c>
      <c r="DG40" s="328">
        <v>450571</v>
      </c>
      <c r="DH40" s="330">
        <v>471131</v>
      </c>
      <c r="DI40" s="326">
        <v>0</v>
      </c>
      <c r="DJ40" s="327">
        <v>0</v>
      </c>
      <c r="DK40" s="331">
        <v>0</v>
      </c>
      <c r="DL40" s="332">
        <v>0</v>
      </c>
      <c r="DM40" s="327">
        <v>0</v>
      </c>
      <c r="DN40" s="327">
        <v>0</v>
      </c>
      <c r="DO40" s="327">
        <v>111456</v>
      </c>
      <c r="DP40" s="327">
        <v>0</v>
      </c>
      <c r="DQ40" s="327">
        <v>0</v>
      </c>
      <c r="DR40" s="328">
        <v>111456</v>
      </c>
      <c r="DS40" s="330">
        <v>111456</v>
      </c>
      <c r="DT40" s="326">
        <v>0</v>
      </c>
      <c r="DU40" s="327">
        <v>0</v>
      </c>
      <c r="DV40" s="328">
        <v>0</v>
      </c>
      <c r="DW40" s="326">
        <v>0</v>
      </c>
      <c r="DX40" s="327">
        <v>0</v>
      </c>
      <c r="DY40" s="327">
        <v>0</v>
      </c>
      <c r="DZ40" s="327">
        <v>111456</v>
      </c>
      <c r="EA40" s="327">
        <v>0</v>
      </c>
      <c r="EB40" s="327">
        <v>0</v>
      </c>
      <c r="EC40" s="328">
        <v>111456</v>
      </c>
      <c r="ED40" s="330">
        <v>111456</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1600</v>
      </c>
      <c r="FM40" s="327">
        <v>7920</v>
      </c>
      <c r="FN40" s="328">
        <v>9520</v>
      </c>
      <c r="FO40" s="326">
        <v>0</v>
      </c>
      <c r="FP40" s="327">
        <v>12160</v>
      </c>
      <c r="FQ40" s="327">
        <v>47128</v>
      </c>
      <c r="FR40" s="327">
        <v>118496</v>
      </c>
      <c r="FS40" s="327">
        <v>44000</v>
      </c>
      <c r="FT40" s="327">
        <v>0</v>
      </c>
      <c r="FU40" s="328">
        <v>221784</v>
      </c>
      <c r="FV40" s="330">
        <v>231304</v>
      </c>
      <c r="FW40" s="333">
        <v>1600</v>
      </c>
      <c r="FX40" s="327">
        <v>7920</v>
      </c>
      <c r="FY40" s="331">
        <v>9520</v>
      </c>
      <c r="FZ40" s="332">
        <v>0</v>
      </c>
      <c r="GA40" s="327">
        <v>12160</v>
      </c>
      <c r="GB40" s="327">
        <v>47128</v>
      </c>
      <c r="GC40" s="327">
        <v>118496</v>
      </c>
      <c r="GD40" s="327">
        <v>44000</v>
      </c>
      <c r="GE40" s="327">
        <v>0</v>
      </c>
      <c r="GF40" s="328">
        <v>221784</v>
      </c>
      <c r="GG40" s="334">
        <v>231304</v>
      </c>
      <c r="GH40" s="333">
        <v>0</v>
      </c>
      <c r="GI40" s="327">
        <v>0</v>
      </c>
      <c r="GJ40" s="331">
        <v>0</v>
      </c>
      <c r="GK40" s="332">
        <v>0</v>
      </c>
      <c r="GL40" s="327">
        <v>0</v>
      </c>
      <c r="GM40" s="327">
        <v>0</v>
      </c>
      <c r="GN40" s="327">
        <v>0</v>
      </c>
      <c r="GO40" s="327">
        <v>0</v>
      </c>
      <c r="GP40" s="327">
        <v>0</v>
      </c>
      <c r="GQ40" s="328">
        <v>0</v>
      </c>
      <c r="GR40" s="330">
        <v>0</v>
      </c>
      <c r="GS40" s="326">
        <v>0</v>
      </c>
      <c r="GT40" s="327">
        <v>0</v>
      </c>
      <c r="GU40" s="328">
        <v>0</v>
      </c>
      <c r="GV40" s="326">
        <v>0</v>
      </c>
      <c r="GW40" s="327">
        <v>0</v>
      </c>
      <c r="GX40" s="327">
        <v>0</v>
      </c>
      <c r="GY40" s="327">
        <v>0</v>
      </c>
      <c r="GZ40" s="327">
        <v>0</v>
      </c>
      <c r="HA40" s="327">
        <v>0</v>
      </c>
      <c r="HB40" s="331">
        <v>0</v>
      </c>
      <c r="HC40" s="330">
        <v>0</v>
      </c>
      <c r="HD40" s="326">
        <v>56200</v>
      </c>
      <c r="HE40" s="327">
        <v>0</v>
      </c>
      <c r="HF40" s="331">
        <v>56200</v>
      </c>
      <c r="HG40" s="332">
        <v>0</v>
      </c>
      <c r="HH40" s="327">
        <v>888624</v>
      </c>
      <c r="HI40" s="327">
        <v>357851</v>
      </c>
      <c r="HJ40" s="327">
        <v>0</v>
      </c>
      <c r="HK40" s="327">
        <v>1049379</v>
      </c>
      <c r="HL40" s="327">
        <v>679405</v>
      </c>
      <c r="HM40" s="328">
        <v>2975259</v>
      </c>
      <c r="HN40" s="329">
        <v>3031459</v>
      </c>
      <c r="HO40" s="333">
        <v>0</v>
      </c>
      <c r="HP40" s="327">
        <v>0</v>
      </c>
      <c r="HQ40" s="328">
        <v>0</v>
      </c>
      <c r="HR40" s="326">
        <v>0</v>
      </c>
      <c r="HS40" s="327">
        <v>0</v>
      </c>
      <c r="HT40" s="327">
        <v>0</v>
      </c>
      <c r="HU40" s="327">
        <v>0</v>
      </c>
      <c r="HV40" s="327">
        <v>0</v>
      </c>
      <c r="HW40" s="327">
        <v>0</v>
      </c>
      <c r="HX40" s="331">
        <v>0</v>
      </c>
      <c r="HY40" s="330">
        <v>0</v>
      </c>
      <c r="HZ40" s="358">
        <v>0</v>
      </c>
      <c r="IA40" s="356">
        <v>0</v>
      </c>
      <c r="IB40" s="358">
        <v>0</v>
      </c>
      <c r="IC40" s="338">
        <v>0</v>
      </c>
      <c r="ID40" s="336">
        <v>0</v>
      </c>
      <c r="IE40" s="339">
        <v>171640</v>
      </c>
      <c r="IF40" s="337">
        <v>146760</v>
      </c>
      <c r="IG40" s="336">
        <v>0</v>
      </c>
      <c r="IH40" s="337">
        <v>0</v>
      </c>
      <c r="II40" s="340">
        <v>318400</v>
      </c>
      <c r="IJ40" s="358">
        <v>318400</v>
      </c>
      <c r="IK40" s="342">
        <v>0</v>
      </c>
      <c r="IL40" s="343">
        <v>0</v>
      </c>
      <c r="IM40" s="344">
        <v>0</v>
      </c>
      <c r="IN40" s="404">
        <v>0</v>
      </c>
      <c r="IO40" s="345">
        <v>0</v>
      </c>
      <c r="IP40" s="345">
        <v>0</v>
      </c>
      <c r="IQ40" s="345">
        <v>146760</v>
      </c>
      <c r="IR40" s="345">
        <v>0</v>
      </c>
      <c r="IS40" s="345">
        <v>0</v>
      </c>
      <c r="IT40" s="346">
        <v>146760</v>
      </c>
      <c r="IU40" s="347">
        <v>146760</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0</v>
      </c>
      <c r="JL40" s="345">
        <v>0</v>
      </c>
      <c r="JM40" s="345">
        <v>0</v>
      </c>
      <c r="JN40" s="345">
        <v>0</v>
      </c>
      <c r="JO40" s="345">
        <v>0</v>
      </c>
      <c r="JP40" s="349">
        <v>0</v>
      </c>
      <c r="JQ40" s="347">
        <v>0</v>
      </c>
      <c r="JR40" s="348">
        <v>0</v>
      </c>
      <c r="JS40" s="345">
        <v>0</v>
      </c>
      <c r="JT40" s="346">
        <v>0</v>
      </c>
      <c r="JU40" s="351">
        <v>0</v>
      </c>
      <c r="JV40" s="345">
        <v>0</v>
      </c>
      <c r="JW40" s="345">
        <v>0</v>
      </c>
      <c r="JX40" s="345">
        <v>0</v>
      </c>
      <c r="JY40" s="345">
        <v>0</v>
      </c>
      <c r="JZ40" s="345">
        <v>0</v>
      </c>
      <c r="KA40" s="349">
        <v>0</v>
      </c>
      <c r="KB40" s="347">
        <v>0</v>
      </c>
      <c r="KC40" s="352">
        <v>0</v>
      </c>
      <c r="KD40" s="353">
        <v>0</v>
      </c>
      <c r="KE40" s="349">
        <v>0</v>
      </c>
      <c r="KF40" s="351">
        <v>0</v>
      </c>
      <c r="KG40" s="345">
        <v>0</v>
      </c>
      <c r="KH40" s="345">
        <v>171640</v>
      </c>
      <c r="KI40" s="345">
        <v>0</v>
      </c>
      <c r="KJ40" s="345">
        <v>0</v>
      </c>
      <c r="KK40" s="345">
        <v>0</v>
      </c>
      <c r="KL40" s="349">
        <v>171640</v>
      </c>
      <c r="KM40" s="354">
        <v>171640</v>
      </c>
      <c r="KN40" s="342">
        <v>0</v>
      </c>
      <c r="KO40" s="343">
        <v>0</v>
      </c>
      <c r="KP40" s="344">
        <v>0</v>
      </c>
      <c r="KQ40" s="404">
        <v>0</v>
      </c>
      <c r="KR40" s="345">
        <v>0</v>
      </c>
      <c r="KS40" s="345">
        <v>0</v>
      </c>
      <c r="KT40" s="345">
        <v>0</v>
      </c>
      <c r="KU40" s="345">
        <v>0</v>
      </c>
      <c r="KV40" s="345">
        <v>0</v>
      </c>
      <c r="KW40" s="349">
        <v>0</v>
      </c>
      <c r="KX40" s="347">
        <v>0</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0</v>
      </c>
      <c r="MK40" s="345">
        <v>0</v>
      </c>
      <c r="ML40" s="345">
        <v>283838</v>
      </c>
      <c r="MM40" s="345">
        <v>262856</v>
      </c>
      <c r="MN40" s="345">
        <v>527680</v>
      </c>
      <c r="MO40" s="349">
        <v>1074374</v>
      </c>
      <c r="MP40" s="354">
        <v>1074374</v>
      </c>
      <c r="MQ40" s="348">
        <v>0</v>
      </c>
      <c r="MR40" s="345">
        <v>0</v>
      </c>
      <c r="MS40" s="349">
        <v>0</v>
      </c>
      <c r="MT40" s="404">
        <v>0</v>
      </c>
      <c r="MU40" s="345">
        <v>0</v>
      </c>
      <c r="MV40" s="345">
        <v>0</v>
      </c>
      <c r="MW40" s="345">
        <v>0</v>
      </c>
      <c r="MX40" s="345">
        <v>262856</v>
      </c>
      <c r="MY40" s="345">
        <v>527680</v>
      </c>
      <c r="MZ40" s="349">
        <v>790536</v>
      </c>
      <c r="NA40" s="354">
        <v>790536</v>
      </c>
      <c r="NB40" s="348">
        <v>0</v>
      </c>
      <c r="NC40" s="345">
        <v>0</v>
      </c>
      <c r="ND40" s="349">
        <v>0</v>
      </c>
      <c r="NE40" s="404">
        <v>0</v>
      </c>
      <c r="NF40" s="345">
        <v>0</v>
      </c>
      <c r="NG40" s="345">
        <v>0</v>
      </c>
      <c r="NH40" s="345">
        <v>283838</v>
      </c>
      <c r="NI40" s="345">
        <v>0</v>
      </c>
      <c r="NJ40" s="345">
        <v>0</v>
      </c>
      <c r="NK40" s="349">
        <v>283838</v>
      </c>
      <c r="NL40" s="347">
        <v>283838</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104056</v>
      </c>
      <c r="OJ40" s="345">
        <v>37968</v>
      </c>
      <c r="OK40" s="346">
        <v>142024</v>
      </c>
      <c r="OL40" s="351">
        <v>0</v>
      </c>
      <c r="OM40" s="345">
        <v>1459092</v>
      </c>
      <c r="ON40" s="345">
        <v>761045</v>
      </c>
      <c r="OO40" s="345">
        <v>1249303</v>
      </c>
      <c r="OP40" s="345">
        <v>1838051</v>
      </c>
      <c r="OQ40" s="345">
        <v>1214613</v>
      </c>
      <c r="OR40" s="349">
        <v>6522104</v>
      </c>
      <c r="OS40" s="354">
        <v>6664128</v>
      </c>
    </row>
    <row r="41" spans="2:409" s="70" customFormat="1" ht="21" customHeight="1" x14ac:dyDescent="0.2">
      <c r="B41" s="410" t="s">
        <v>36</v>
      </c>
      <c r="C41" s="326">
        <v>4000</v>
      </c>
      <c r="D41" s="327">
        <v>67489</v>
      </c>
      <c r="E41" s="328">
        <v>71489</v>
      </c>
      <c r="F41" s="329">
        <v>0</v>
      </c>
      <c r="G41" s="327">
        <v>724768</v>
      </c>
      <c r="H41" s="327">
        <v>348835</v>
      </c>
      <c r="I41" s="327">
        <v>233540</v>
      </c>
      <c r="J41" s="327">
        <v>653087</v>
      </c>
      <c r="K41" s="327">
        <v>471285</v>
      </c>
      <c r="L41" s="367">
        <v>2431515</v>
      </c>
      <c r="M41" s="330">
        <v>2503004</v>
      </c>
      <c r="N41" s="326">
        <v>0</v>
      </c>
      <c r="O41" s="327">
        <v>20593</v>
      </c>
      <c r="P41" s="328">
        <v>20593</v>
      </c>
      <c r="Q41" s="326">
        <v>0</v>
      </c>
      <c r="R41" s="327">
        <v>91672</v>
      </c>
      <c r="S41" s="327">
        <v>41859</v>
      </c>
      <c r="T41" s="327">
        <v>196500</v>
      </c>
      <c r="U41" s="327">
        <v>195445</v>
      </c>
      <c r="V41" s="327">
        <v>438885</v>
      </c>
      <c r="W41" s="328">
        <v>964361</v>
      </c>
      <c r="X41" s="330">
        <v>984954</v>
      </c>
      <c r="Y41" s="326">
        <v>0</v>
      </c>
      <c r="Z41" s="327">
        <v>0</v>
      </c>
      <c r="AA41" s="328">
        <v>0</v>
      </c>
      <c r="AB41" s="326">
        <v>0</v>
      </c>
      <c r="AC41" s="327">
        <v>51960</v>
      </c>
      <c r="AD41" s="327">
        <v>0</v>
      </c>
      <c r="AE41" s="327">
        <v>40697</v>
      </c>
      <c r="AF41" s="327">
        <v>0</v>
      </c>
      <c r="AG41" s="327">
        <v>331177</v>
      </c>
      <c r="AH41" s="328">
        <v>423834</v>
      </c>
      <c r="AI41" s="330">
        <v>423834</v>
      </c>
      <c r="AJ41" s="326">
        <v>0</v>
      </c>
      <c r="AK41" s="327">
        <v>0</v>
      </c>
      <c r="AL41" s="328">
        <v>0</v>
      </c>
      <c r="AM41" s="326">
        <v>0</v>
      </c>
      <c r="AN41" s="327">
        <v>0</v>
      </c>
      <c r="AO41" s="327">
        <v>0</v>
      </c>
      <c r="AP41" s="327">
        <v>0</v>
      </c>
      <c r="AQ41" s="327">
        <v>59820</v>
      </c>
      <c r="AR41" s="327">
        <v>85804</v>
      </c>
      <c r="AS41" s="328">
        <v>145624</v>
      </c>
      <c r="AT41" s="330">
        <v>145624</v>
      </c>
      <c r="AU41" s="326">
        <v>0</v>
      </c>
      <c r="AV41" s="327">
        <v>0</v>
      </c>
      <c r="AW41" s="328">
        <v>0</v>
      </c>
      <c r="AX41" s="326">
        <v>0</v>
      </c>
      <c r="AY41" s="327">
        <v>0</v>
      </c>
      <c r="AZ41" s="327">
        <v>0</v>
      </c>
      <c r="BA41" s="327">
        <v>98504</v>
      </c>
      <c r="BB41" s="327">
        <v>101686</v>
      </c>
      <c r="BC41" s="327">
        <v>0</v>
      </c>
      <c r="BD41" s="328">
        <v>200190</v>
      </c>
      <c r="BE41" s="330">
        <v>200190</v>
      </c>
      <c r="BF41" s="326">
        <v>0</v>
      </c>
      <c r="BG41" s="327">
        <v>20593</v>
      </c>
      <c r="BH41" s="331">
        <v>20593</v>
      </c>
      <c r="BI41" s="332">
        <v>0</v>
      </c>
      <c r="BJ41" s="327">
        <v>0</v>
      </c>
      <c r="BK41" s="327">
        <v>20931</v>
      </c>
      <c r="BL41" s="327">
        <v>20931</v>
      </c>
      <c r="BM41" s="327">
        <v>20931</v>
      </c>
      <c r="BN41" s="327">
        <v>0</v>
      </c>
      <c r="BO41" s="328">
        <v>62793</v>
      </c>
      <c r="BP41" s="330">
        <v>83386</v>
      </c>
      <c r="BQ41" s="326">
        <v>0</v>
      </c>
      <c r="BR41" s="327">
        <v>0</v>
      </c>
      <c r="BS41" s="328">
        <v>0</v>
      </c>
      <c r="BT41" s="326">
        <v>0</v>
      </c>
      <c r="BU41" s="327">
        <v>39712</v>
      </c>
      <c r="BV41" s="327">
        <v>20928</v>
      </c>
      <c r="BW41" s="327">
        <v>36368</v>
      </c>
      <c r="BX41" s="327">
        <v>13008</v>
      </c>
      <c r="BY41" s="327">
        <v>21904</v>
      </c>
      <c r="BZ41" s="328">
        <v>131920</v>
      </c>
      <c r="CA41" s="330">
        <v>131920</v>
      </c>
      <c r="CB41" s="326">
        <v>0</v>
      </c>
      <c r="CC41" s="327">
        <v>37296</v>
      </c>
      <c r="CD41" s="328">
        <v>37296</v>
      </c>
      <c r="CE41" s="326">
        <v>0</v>
      </c>
      <c r="CF41" s="327">
        <v>119927</v>
      </c>
      <c r="CG41" s="327">
        <v>85222</v>
      </c>
      <c r="CH41" s="327">
        <v>0</v>
      </c>
      <c r="CI41" s="327">
        <v>96739</v>
      </c>
      <c r="CJ41" s="327">
        <v>0</v>
      </c>
      <c r="CK41" s="328">
        <v>301888</v>
      </c>
      <c r="CL41" s="330">
        <v>339184</v>
      </c>
      <c r="CM41" s="326">
        <v>0</v>
      </c>
      <c r="CN41" s="327">
        <v>0</v>
      </c>
      <c r="CO41" s="328">
        <v>0</v>
      </c>
      <c r="CP41" s="332">
        <v>0</v>
      </c>
      <c r="CQ41" s="327">
        <v>85028</v>
      </c>
      <c r="CR41" s="327">
        <v>85222</v>
      </c>
      <c r="CS41" s="327">
        <v>0</v>
      </c>
      <c r="CT41" s="327">
        <v>0</v>
      </c>
      <c r="CU41" s="327">
        <v>0</v>
      </c>
      <c r="CV41" s="328">
        <v>170250</v>
      </c>
      <c r="CW41" s="330">
        <v>170250</v>
      </c>
      <c r="CX41" s="326">
        <v>0</v>
      </c>
      <c r="CY41" s="327">
        <v>37296</v>
      </c>
      <c r="CZ41" s="328">
        <v>37296</v>
      </c>
      <c r="DA41" s="326">
        <v>0</v>
      </c>
      <c r="DB41" s="327">
        <v>34899</v>
      </c>
      <c r="DC41" s="327">
        <v>0</v>
      </c>
      <c r="DD41" s="327">
        <v>0</v>
      </c>
      <c r="DE41" s="327">
        <v>96739</v>
      </c>
      <c r="DF41" s="327">
        <v>0</v>
      </c>
      <c r="DG41" s="328">
        <v>131638</v>
      </c>
      <c r="DH41" s="330">
        <v>168934</v>
      </c>
      <c r="DI41" s="326">
        <v>0</v>
      </c>
      <c r="DJ41" s="327">
        <v>0</v>
      </c>
      <c r="DK41" s="331">
        <v>0</v>
      </c>
      <c r="DL41" s="332">
        <v>0</v>
      </c>
      <c r="DM41" s="327">
        <v>0</v>
      </c>
      <c r="DN41" s="327">
        <v>0</v>
      </c>
      <c r="DO41" s="327">
        <v>0</v>
      </c>
      <c r="DP41" s="327">
        <v>256887</v>
      </c>
      <c r="DQ41" s="327">
        <v>0</v>
      </c>
      <c r="DR41" s="328">
        <v>256887</v>
      </c>
      <c r="DS41" s="330">
        <v>256887</v>
      </c>
      <c r="DT41" s="326">
        <v>0</v>
      </c>
      <c r="DU41" s="327">
        <v>0</v>
      </c>
      <c r="DV41" s="328">
        <v>0</v>
      </c>
      <c r="DW41" s="326">
        <v>0</v>
      </c>
      <c r="DX41" s="327">
        <v>0</v>
      </c>
      <c r="DY41" s="327">
        <v>0</v>
      </c>
      <c r="DZ41" s="327">
        <v>0</v>
      </c>
      <c r="EA41" s="327">
        <v>256887</v>
      </c>
      <c r="EB41" s="327">
        <v>0</v>
      </c>
      <c r="EC41" s="328">
        <v>256887</v>
      </c>
      <c r="ED41" s="330">
        <v>256887</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4000</v>
      </c>
      <c r="FM41" s="327">
        <v>9600</v>
      </c>
      <c r="FN41" s="328">
        <v>13600</v>
      </c>
      <c r="FO41" s="326">
        <v>0</v>
      </c>
      <c r="FP41" s="327">
        <v>52080</v>
      </c>
      <c r="FQ41" s="327">
        <v>50640</v>
      </c>
      <c r="FR41" s="327">
        <v>37040</v>
      </c>
      <c r="FS41" s="327">
        <v>104016</v>
      </c>
      <c r="FT41" s="327">
        <v>32400</v>
      </c>
      <c r="FU41" s="328">
        <v>276176</v>
      </c>
      <c r="FV41" s="330">
        <v>289776</v>
      </c>
      <c r="FW41" s="333">
        <v>4000</v>
      </c>
      <c r="FX41" s="327">
        <v>9600</v>
      </c>
      <c r="FY41" s="331">
        <v>13600</v>
      </c>
      <c r="FZ41" s="332">
        <v>0</v>
      </c>
      <c r="GA41" s="327">
        <v>52080</v>
      </c>
      <c r="GB41" s="327">
        <v>50640</v>
      </c>
      <c r="GC41" s="327">
        <v>37040</v>
      </c>
      <c r="GD41" s="327">
        <v>104016</v>
      </c>
      <c r="GE41" s="327">
        <v>32400</v>
      </c>
      <c r="GF41" s="328">
        <v>276176</v>
      </c>
      <c r="GG41" s="334">
        <v>289776</v>
      </c>
      <c r="GH41" s="333">
        <v>0</v>
      </c>
      <c r="GI41" s="327">
        <v>0</v>
      </c>
      <c r="GJ41" s="331">
        <v>0</v>
      </c>
      <c r="GK41" s="332">
        <v>0</v>
      </c>
      <c r="GL41" s="327">
        <v>0</v>
      </c>
      <c r="GM41" s="327">
        <v>0</v>
      </c>
      <c r="GN41" s="327">
        <v>0</v>
      </c>
      <c r="GO41" s="327">
        <v>0</v>
      </c>
      <c r="GP41" s="327">
        <v>0</v>
      </c>
      <c r="GQ41" s="328">
        <v>0</v>
      </c>
      <c r="GR41" s="330">
        <v>0</v>
      </c>
      <c r="GS41" s="326">
        <v>0</v>
      </c>
      <c r="GT41" s="327">
        <v>0</v>
      </c>
      <c r="GU41" s="328">
        <v>0</v>
      </c>
      <c r="GV41" s="326">
        <v>0</v>
      </c>
      <c r="GW41" s="327">
        <v>0</v>
      </c>
      <c r="GX41" s="327">
        <v>0</v>
      </c>
      <c r="GY41" s="327">
        <v>0</v>
      </c>
      <c r="GZ41" s="327">
        <v>0</v>
      </c>
      <c r="HA41" s="327">
        <v>0</v>
      </c>
      <c r="HB41" s="331">
        <v>0</v>
      </c>
      <c r="HC41" s="330">
        <v>0</v>
      </c>
      <c r="HD41" s="326">
        <v>0</v>
      </c>
      <c r="HE41" s="327">
        <v>0</v>
      </c>
      <c r="HF41" s="331">
        <v>0</v>
      </c>
      <c r="HG41" s="332">
        <v>0</v>
      </c>
      <c r="HH41" s="327">
        <v>461089</v>
      </c>
      <c r="HI41" s="327">
        <v>171114</v>
      </c>
      <c r="HJ41" s="327">
        <v>0</v>
      </c>
      <c r="HK41" s="327">
        <v>0</v>
      </c>
      <c r="HL41" s="327">
        <v>0</v>
      </c>
      <c r="HM41" s="328">
        <v>632203</v>
      </c>
      <c r="HN41" s="329">
        <v>632203</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73982</v>
      </c>
      <c r="IE41" s="339">
        <v>211122</v>
      </c>
      <c r="IF41" s="337">
        <v>0</v>
      </c>
      <c r="IG41" s="336">
        <v>345292</v>
      </c>
      <c r="IH41" s="337">
        <v>0</v>
      </c>
      <c r="II41" s="340">
        <v>630396</v>
      </c>
      <c r="IJ41" s="341">
        <v>630396</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73982</v>
      </c>
      <c r="JL41" s="345">
        <v>52189</v>
      </c>
      <c r="JM41" s="345">
        <v>0</v>
      </c>
      <c r="JN41" s="345">
        <v>94292</v>
      </c>
      <c r="JO41" s="345">
        <v>0</v>
      </c>
      <c r="JP41" s="349">
        <v>220463</v>
      </c>
      <c r="JQ41" s="347">
        <v>220463</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158933</v>
      </c>
      <c r="KI41" s="345">
        <v>0</v>
      </c>
      <c r="KJ41" s="345">
        <v>0</v>
      </c>
      <c r="KK41" s="345">
        <v>0</v>
      </c>
      <c r="KL41" s="349">
        <v>158933</v>
      </c>
      <c r="KM41" s="354">
        <v>158933</v>
      </c>
      <c r="KN41" s="342">
        <v>0</v>
      </c>
      <c r="KO41" s="343">
        <v>0</v>
      </c>
      <c r="KP41" s="344">
        <v>0</v>
      </c>
      <c r="KQ41" s="404">
        <v>0</v>
      </c>
      <c r="KR41" s="345">
        <v>0</v>
      </c>
      <c r="KS41" s="345">
        <v>0</v>
      </c>
      <c r="KT41" s="345">
        <v>0</v>
      </c>
      <c r="KU41" s="345">
        <v>251000</v>
      </c>
      <c r="KV41" s="345">
        <v>0</v>
      </c>
      <c r="KW41" s="349">
        <v>251000</v>
      </c>
      <c r="KX41" s="347">
        <v>251000</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0</v>
      </c>
      <c r="MM41" s="345">
        <v>521067</v>
      </c>
      <c r="MN41" s="345">
        <v>1052674</v>
      </c>
      <c r="MO41" s="349">
        <v>1573741</v>
      </c>
      <c r="MP41" s="354">
        <v>1573741</v>
      </c>
      <c r="MQ41" s="348">
        <v>0</v>
      </c>
      <c r="MR41" s="345">
        <v>0</v>
      </c>
      <c r="MS41" s="349">
        <v>0</v>
      </c>
      <c r="MT41" s="404">
        <v>0</v>
      </c>
      <c r="MU41" s="345">
        <v>0</v>
      </c>
      <c r="MV41" s="345">
        <v>0</v>
      </c>
      <c r="MW41" s="345">
        <v>0</v>
      </c>
      <c r="MX41" s="345">
        <v>255328</v>
      </c>
      <c r="MY41" s="345">
        <v>0</v>
      </c>
      <c r="MZ41" s="349">
        <v>255328</v>
      </c>
      <c r="NA41" s="354">
        <v>255328</v>
      </c>
      <c r="NB41" s="348">
        <v>0</v>
      </c>
      <c r="NC41" s="345">
        <v>0</v>
      </c>
      <c r="ND41" s="349">
        <v>0</v>
      </c>
      <c r="NE41" s="404">
        <v>0</v>
      </c>
      <c r="NF41" s="345">
        <v>0</v>
      </c>
      <c r="NG41" s="345">
        <v>0</v>
      </c>
      <c r="NH41" s="345">
        <v>0</v>
      </c>
      <c r="NI41" s="345">
        <v>265739</v>
      </c>
      <c r="NJ41" s="345">
        <v>668378</v>
      </c>
      <c r="NK41" s="349">
        <v>934117</v>
      </c>
      <c r="NL41" s="347">
        <v>934117</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0</v>
      </c>
      <c r="OF41" s="345">
        <v>384296</v>
      </c>
      <c r="OG41" s="349">
        <v>384296</v>
      </c>
      <c r="OH41" s="350">
        <v>384296</v>
      </c>
      <c r="OI41" s="348">
        <v>4000</v>
      </c>
      <c r="OJ41" s="345">
        <v>67489</v>
      </c>
      <c r="OK41" s="346">
        <v>71489</v>
      </c>
      <c r="OL41" s="351">
        <v>0</v>
      </c>
      <c r="OM41" s="345">
        <v>798750</v>
      </c>
      <c r="ON41" s="345">
        <v>559957</v>
      </c>
      <c r="OO41" s="345">
        <v>233540</v>
      </c>
      <c r="OP41" s="345">
        <v>1519446</v>
      </c>
      <c r="OQ41" s="345">
        <v>1523959</v>
      </c>
      <c r="OR41" s="349">
        <v>4635652</v>
      </c>
      <c r="OS41" s="354">
        <v>4707141</v>
      </c>
    </row>
    <row r="42" spans="2:409" s="70" customFormat="1" ht="21" customHeight="1" thickBot="1" x14ac:dyDescent="0.25">
      <c r="B42" s="411" t="s">
        <v>37</v>
      </c>
      <c r="C42" s="371">
        <v>0</v>
      </c>
      <c r="D42" s="372">
        <v>0</v>
      </c>
      <c r="E42" s="373">
        <v>0</v>
      </c>
      <c r="F42" s="374">
        <v>0</v>
      </c>
      <c r="G42" s="372">
        <v>19073</v>
      </c>
      <c r="H42" s="372">
        <v>99305</v>
      </c>
      <c r="I42" s="372">
        <v>124966</v>
      </c>
      <c r="J42" s="372">
        <v>0</v>
      </c>
      <c r="K42" s="372">
        <v>0</v>
      </c>
      <c r="L42" s="374">
        <v>243344</v>
      </c>
      <c r="M42" s="375">
        <v>243344</v>
      </c>
      <c r="N42" s="371">
        <v>0</v>
      </c>
      <c r="O42" s="372">
        <v>0</v>
      </c>
      <c r="P42" s="373">
        <v>0</v>
      </c>
      <c r="Q42" s="371">
        <v>0</v>
      </c>
      <c r="R42" s="372">
        <v>0</v>
      </c>
      <c r="S42" s="372">
        <v>0</v>
      </c>
      <c r="T42" s="372">
        <v>0</v>
      </c>
      <c r="U42" s="372">
        <v>0</v>
      </c>
      <c r="V42" s="372">
        <v>0</v>
      </c>
      <c r="W42" s="373">
        <v>0</v>
      </c>
      <c r="X42" s="375">
        <v>0</v>
      </c>
      <c r="Y42" s="371">
        <v>0</v>
      </c>
      <c r="Z42" s="372">
        <v>0</v>
      </c>
      <c r="AA42" s="373">
        <v>0</v>
      </c>
      <c r="AB42" s="371">
        <v>0</v>
      </c>
      <c r="AC42" s="372">
        <v>0</v>
      </c>
      <c r="AD42" s="372">
        <v>0</v>
      </c>
      <c r="AE42" s="372">
        <v>0</v>
      </c>
      <c r="AF42" s="372">
        <v>0</v>
      </c>
      <c r="AG42" s="372">
        <v>0</v>
      </c>
      <c r="AH42" s="373">
        <v>0</v>
      </c>
      <c r="AI42" s="375">
        <v>0</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0</v>
      </c>
      <c r="BA42" s="372">
        <v>0</v>
      </c>
      <c r="BB42" s="372">
        <v>0</v>
      </c>
      <c r="BC42" s="372">
        <v>0</v>
      </c>
      <c r="BD42" s="373">
        <v>0</v>
      </c>
      <c r="BE42" s="375">
        <v>0</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0</v>
      </c>
      <c r="BZ42" s="373">
        <v>0</v>
      </c>
      <c r="CA42" s="375">
        <v>0</v>
      </c>
      <c r="CB42" s="371">
        <v>0</v>
      </c>
      <c r="CC42" s="372">
        <v>0</v>
      </c>
      <c r="CD42" s="373">
        <v>0</v>
      </c>
      <c r="CE42" s="371">
        <v>0</v>
      </c>
      <c r="CF42" s="372">
        <v>17873</v>
      </c>
      <c r="CG42" s="372">
        <v>80697</v>
      </c>
      <c r="CH42" s="372">
        <v>91006</v>
      </c>
      <c r="CI42" s="372">
        <v>0</v>
      </c>
      <c r="CJ42" s="372">
        <v>0</v>
      </c>
      <c r="CK42" s="373">
        <v>189576</v>
      </c>
      <c r="CL42" s="375">
        <v>189576</v>
      </c>
      <c r="CM42" s="371">
        <v>0</v>
      </c>
      <c r="CN42" s="372">
        <v>0</v>
      </c>
      <c r="CO42" s="373">
        <v>0</v>
      </c>
      <c r="CP42" s="377">
        <v>0</v>
      </c>
      <c r="CQ42" s="372">
        <v>0</v>
      </c>
      <c r="CR42" s="372">
        <v>80697</v>
      </c>
      <c r="CS42" s="372">
        <v>0</v>
      </c>
      <c r="CT42" s="372">
        <v>0</v>
      </c>
      <c r="CU42" s="372">
        <v>0</v>
      </c>
      <c r="CV42" s="373">
        <v>80697</v>
      </c>
      <c r="CW42" s="375">
        <v>80697</v>
      </c>
      <c r="CX42" s="371">
        <v>0</v>
      </c>
      <c r="CY42" s="372">
        <v>0</v>
      </c>
      <c r="CZ42" s="373">
        <v>0</v>
      </c>
      <c r="DA42" s="371">
        <v>0</v>
      </c>
      <c r="DB42" s="372">
        <v>17873</v>
      </c>
      <c r="DC42" s="372">
        <v>0</v>
      </c>
      <c r="DD42" s="372">
        <v>91006</v>
      </c>
      <c r="DE42" s="372">
        <v>0</v>
      </c>
      <c r="DF42" s="372">
        <v>0</v>
      </c>
      <c r="DG42" s="373">
        <v>108879</v>
      </c>
      <c r="DH42" s="375">
        <v>108879</v>
      </c>
      <c r="DI42" s="371">
        <v>0</v>
      </c>
      <c r="DJ42" s="372">
        <v>0</v>
      </c>
      <c r="DK42" s="376">
        <v>0</v>
      </c>
      <c r="DL42" s="377">
        <v>0</v>
      </c>
      <c r="DM42" s="372">
        <v>0</v>
      </c>
      <c r="DN42" s="372">
        <v>0</v>
      </c>
      <c r="DO42" s="372">
        <v>0</v>
      </c>
      <c r="DP42" s="372">
        <v>0</v>
      </c>
      <c r="DQ42" s="372">
        <v>0</v>
      </c>
      <c r="DR42" s="373">
        <v>0</v>
      </c>
      <c r="DS42" s="375">
        <v>0</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0</v>
      </c>
      <c r="EN42" s="376">
        <v>0</v>
      </c>
      <c r="EO42" s="375">
        <v>0</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0</v>
      </c>
      <c r="FM42" s="372">
        <v>0</v>
      </c>
      <c r="FN42" s="373">
        <v>0</v>
      </c>
      <c r="FO42" s="371">
        <v>0</v>
      </c>
      <c r="FP42" s="372">
        <v>1200</v>
      </c>
      <c r="FQ42" s="372">
        <v>18608</v>
      </c>
      <c r="FR42" s="372">
        <v>33960</v>
      </c>
      <c r="FS42" s="372">
        <v>0</v>
      </c>
      <c r="FT42" s="372">
        <v>0</v>
      </c>
      <c r="FU42" s="373">
        <v>53768</v>
      </c>
      <c r="FV42" s="375">
        <v>53768</v>
      </c>
      <c r="FW42" s="378">
        <v>0</v>
      </c>
      <c r="FX42" s="372">
        <v>0</v>
      </c>
      <c r="FY42" s="376">
        <v>0</v>
      </c>
      <c r="FZ42" s="377">
        <v>0</v>
      </c>
      <c r="GA42" s="372">
        <v>1200</v>
      </c>
      <c r="GB42" s="372">
        <v>18608</v>
      </c>
      <c r="GC42" s="372">
        <v>33960</v>
      </c>
      <c r="GD42" s="372">
        <v>0</v>
      </c>
      <c r="GE42" s="372">
        <v>0</v>
      </c>
      <c r="GF42" s="373">
        <v>53768</v>
      </c>
      <c r="GG42" s="379">
        <v>53768</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0</v>
      </c>
      <c r="II42" s="387">
        <v>0</v>
      </c>
      <c r="IJ42" s="388">
        <v>0</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0</v>
      </c>
      <c r="JP42" s="396">
        <v>0</v>
      </c>
      <c r="JQ42" s="394">
        <v>0</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230892</v>
      </c>
      <c r="MM42" s="392">
        <v>0</v>
      </c>
      <c r="MN42" s="392">
        <v>0</v>
      </c>
      <c r="MO42" s="396">
        <v>230892</v>
      </c>
      <c r="MP42" s="401">
        <v>230892</v>
      </c>
      <c r="MQ42" s="395">
        <v>0</v>
      </c>
      <c r="MR42" s="392">
        <v>0</v>
      </c>
      <c r="MS42" s="396">
        <v>0</v>
      </c>
      <c r="MT42" s="405">
        <v>0</v>
      </c>
      <c r="MU42" s="392">
        <v>0</v>
      </c>
      <c r="MV42" s="392">
        <v>0</v>
      </c>
      <c r="MW42" s="392">
        <v>230892</v>
      </c>
      <c r="MX42" s="392">
        <v>0</v>
      </c>
      <c r="MY42" s="392">
        <v>0</v>
      </c>
      <c r="MZ42" s="396">
        <v>230892</v>
      </c>
      <c r="NA42" s="401">
        <v>230892</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19073</v>
      </c>
      <c r="ON42" s="392">
        <v>99305</v>
      </c>
      <c r="OO42" s="392">
        <v>355858</v>
      </c>
      <c r="OP42" s="392">
        <v>0</v>
      </c>
      <c r="OQ42" s="392">
        <v>0</v>
      </c>
      <c r="OR42" s="396">
        <v>474236</v>
      </c>
      <c r="OS42" s="401">
        <v>474236</v>
      </c>
    </row>
    <row r="43" spans="2:409" x14ac:dyDescent="0.2">
      <c r="B43" s="71"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777343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8.21875"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2:409" ht="24" customHeight="1" x14ac:dyDescent="0.2">
      <c r="B1" s="10" t="s">
        <v>133</v>
      </c>
      <c r="E1" s="63">
        <f>第１表!F2</f>
        <v>6</v>
      </c>
      <c r="F1" s="16">
        <f>第１表!G2</f>
        <v>6</v>
      </c>
      <c r="G1" s="572">
        <f>IF(F1&lt;3,F1-2+12,F1-2)</f>
        <v>4</v>
      </c>
      <c r="H1" s="572"/>
      <c r="IB1" s="42"/>
      <c r="IC1" s="22"/>
      <c r="ID1" s="547"/>
      <c r="IE1" s="547"/>
    </row>
    <row r="2" spans="2:409" ht="24" customHeight="1" x14ac:dyDescent="0.2">
      <c r="B2" s="10" t="s">
        <v>144</v>
      </c>
      <c r="E2" s="19"/>
      <c r="F2" s="20"/>
      <c r="G2" s="248"/>
      <c r="H2" s="248"/>
      <c r="IB2" s="21"/>
      <c r="IC2" s="22"/>
      <c r="ID2" s="248"/>
      <c r="IE2" s="248"/>
    </row>
    <row r="3" spans="2:409" ht="24" customHeight="1" thickBot="1" x14ac:dyDescent="0.25">
      <c r="B3" s="10" t="s">
        <v>153</v>
      </c>
    </row>
    <row r="4" spans="2: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2: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2: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73" t="s">
        <v>71</v>
      </c>
      <c r="AK6" s="574"/>
      <c r="AL6" s="574"/>
      <c r="AM6" s="574"/>
      <c r="AN6" s="574"/>
      <c r="AO6" s="574"/>
      <c r="AP6" s="574"/>
      <c r="AQ6" s="574"/>
      <c r="AR6" s="574"/>
      <c r="AS6" s="574"/>
      <c r="AT6" s="57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2: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18" t="s">
        <v>61</v>
      </c>
      <c r="AK7" s="512"/>
      <c r="AL7" s="513"/>
      <c r="AM7" s="534" t="s">
        <v>62</v>
      </c>
      <c r="AN7" s="512"/>
      <c r="AO7" s="512"/>
      <c r="AP7" s="512"/>
      <c r="AQ7" s="512"/>
      <c r="AR7" s="512"/>
      <c r="AS7" s="535"/>
      <c r="AT7" s="435"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2: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76"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2:409" s="407" customFormat="1" ht="21" customHeight="1" x14ac:dyDescent="0.2">
      <c r="B9" s="84" t="s">
        <v>4</v>
      </c>
      <c r="C9" s="255">
        <v>27571750</v>
      </c>
      <c r="D9" s="256">
        <v>48617535</v>
      </c>
      <c r="E9" s="257">
        <v>76189285</v>
      </c>
      <c r="F9" s="258">
        <v>0</v>
      </c>
      <c r="G9" s="256">
        <v>267010133</v>
      </c>
      <c r="H9" s="256">
        <v>366481489</v>
      </c>
      <c r="I9" s="256">
        <v>305709853</v>
      </c>
      <c r="J9" s="256">
        <v>303240160</v>
      </c>
      <c r="K9" s="256">
        <v>229207474</v>
      </c>
      <c r="L9" s="259">
        <v>1471649109</v>
      </c>
      <c r="M9" s="260">
        <v>1547838394</v>
      </c>
      <c r="N9" s="255">
        <v>7875800</v>
      </c>
      <c r="O9" s="256">
        <v>18005089</v>
      </c>
      <c r="P9" s="261">
        <v>25880889</v>
      </c>
      <c r="Q9" s="255">
        <v>0</v>
      </c>
      <c r="R9" s="256">
        <v>86133049</v>
      </c>
      <c r="S9" s="256">
        <v>129316311</v>
      </c>
      <c r="T9" s="256">
        <v>102335384</v>
      </c>
      <c r="U9" s="256">
        <v>113974558</v>
      </c>
      <c r="V9" s="256">
        <v>106306075</v>
      </c>
      <c r="W9" s="261">
        <v>538065377</v>
      </c>
      <c r="X9" s="260">
        <v>563946266</v>
      </c>
      <c r="Y9" s="255">
        <v>0</v>
      </c>
      <c r="Z9" s="256">
        <v>0</v>
      </c>
      <c r="AA9" s="261">
        <v>0</v>
      </c>
      <c r="AB9" s="262">
        <v>0</v>
      </c>
      <c r="AC9" s="263">
        <v>33909239</v>
      </c>
      <c r="AD9" s="263">
        <v>50901610</v>
      </c>
      <c r="AE9" s="263">
        <v>47604394</v>
      </c>
      <c r="AF9" s="263">
        <v>59241982</v>
      </c>
      <c r="AG9" s="263">
        <v>55949407</v>
      </c>
      <c r="AH9" s="261">
        <v>247606632</v>
      </c>
      <c r="AI9" s="260">
        <v>247606632</v>
      </c>
      <c r="AJ9" s="264">
        <v>0</v>
      </c>
      <c r="AK9" s="263">
        <v>66759</v>
      </c>
      <c r="AL9" s="261">
        <v>66759</v>
      </c>
      <c r="AM9" s="262">
        <v>0</v>
      </c>
      <c r="AN9" s="263">
        <v>453241</v>
      </c>
      <c r="AO9" s="259">
        <v>1016514</v>
      </c>
      <c r="AP9" s="263">
        <v>2482537</v>
      </c>
      <c r="AQ9" s="263">
        <v>7039414</v>
      </c>
      <c r="AR9" s="263">
        <v>12826427</v>
      </c>
      <c r="AS9" s="261">
        <v>23818133</v>
      </c>
      <c r="AT9" s="260">
        <v>23884892</v>
      </c>
      <c r="AU9" s="264">
        <v>4221861</v>
      </c>
      <c r="AV9" s="263">
        <v>12803559</v>
      </c>
      <c r="AW9" s="261">
        <v>17025420</v>
      </c>
      <c r="AX9" s="262">
        <v>0</v>
      </c>
      <c r="AY9" s="263">
        <v>32868653</v>
      </c>
      <c r="AZ9" s="263">
        <v>53018360</v>
      </c>
      <c r="BA9" s="263">
        <v>32562019</v>
      </c>
      <c r="BB9" s="263">
        <v>27556698</v>
      </c>
      <c r="BC9" s="263">
        <v>22094895</v>
      </c>
      <c r="BD9" s="261">
        <v>168100625</v>
      </c>
      <c r="BE9" s="265">
        <v>185126045</v>
      </c>
      <c r="BF9" s="264">
        <v>413338</v>
      </c>
      <c r="BG9" s="259">
        <v>1521896</v>
      </c>
      <c r="BH9" s="266">
        <v>1935234</v>
      </c>
      <c r="BI9" s="262">
        <v>0</v>
      </c>
      <c r="BJ9" s="263">
        <v>2748576</v>
      </c>
      <c r="BK9" s="263">
        <v>5116043</v>
      </c>
      <c r="BL9" s="263">
        <v>2371185</v>
      </c>
      <c r="BM9" s="263">
        <v>2697130</v>
      </c>
      <c r="BN9" s="263">
        <v>1738166</v>
      </c>
      <c r="BO9" s="261">
        <v>14671100</v>
      </c>
      <c r="BP9" s="260">
        <v>16606334</v>
      </c>
      <c r="BQ9" s="264">
        <v>3240601</v>
      </c>
      <c r="BR9" s="263">
        <v>3612875</v>
      </c>
      <c r="BS9" s="261">
        <v>6853476</v>
      </c>
      <c r="BT9" s="262">
        <v>0</v>
      </c>
      <c r="BU9" s="263">
        <v>16153340</v>
      </c>
      <c r="BV9" s="263">
        <v>19263784</v>
      </c>
      <c r="BW9" s="263">
        <v>17315249</v>
      </c>
      <c r="BX9" s="263">
        <v>17439334</v>
      </c>
      <c r="BY9" s="263">
        <v>13697180</v>
      </c>
      <c r="BZ9" s="261">
        <v>83868887</v>
      </c>
      <c r="CA9" s="260">
        <v>90722363</v>
      </c>
      <c r="CB9" s="264">
        <v>2507294</v>
      </c>
      <c r="CC9" s="263">
        <v>6057808</v>
      </c>
      <c r="CD9" s="261">
        <v>8565102</v>
      </c>
      <c r="CE9" s="262">
        <v>0</v>
      </c>
      <c r="CF9" s="263">
        <v>68413366</v>
      </c>
      <c r="CG9" s="263">
        <v>86966371</v>
      </c>
      <c r="CH9" s="267">
        <v>60569454</v>
      </c>
      <c r="CI9" s="263">
        <v>36503600</v>
      </c>
      <c r="CJ9" s="263">
        <v>18913504</v>
      </c>
      <c r="CK9" s="261">
        <v>271366295</v>
      </c>
      <c r="CL9" s="260">
        <v>279931397</v>
      </c>
      <c r="CM9" s="255">
        <v>0</v>
      </c>
      <c r="CN9" s="256">
        <v>0</v>
      </c>
      <c r="CO9" s="261">
        <v>0</v>
      </c>
      <c r="CP9" s="262">
        <v>0</v>
      </c>
      <c r="CQ9" s="263">
        <v>54558694</v>
      </c>
      <c r="CR9" s="263">
        <v>62291102</v>
      </c>
      <c r="CS9" s="263">
        <v>41205811</v>
      </c>
      <c r="CT9" s="263">
        <v>24621454</v>
      </c>
      <c r="CU9" s="263">
        <v>13313439</v>
      </c>
      <c r="CV9" s="268">
        <v>195990500</v>
      </c>
      <c r="CW9" s="260">
        <v>195990500</v>
      </c>
      <c r="CX9" s="264">
        <v>2507294</v>
      </c>
      <c r="CY9" s="263">
        <v>6057808</v>
      </c>
      <c r="CZ9" s="261">
        <v>8565102</v>
      </c>
      <c r="DA9" s="262">
        <v>0</v>
      </c>
      <c r="DB9" s="263">
        <v>13854672</v>
      </c>
      <c r="DC9" s="263">
        <v>24675269</v>
      </c>
      <c r="DD9" s="263">
        <v>19363643</v>
      </c>
      <c r="DE9" s="263">
        <v>11882146</v>
      </c>
      <c r="DF9" s="263">
        <v>5600065</v>
      </c>
      <c r="DG9" s="261">
        <v>75375795</v>
      </c>
      <c r="DH9" s="260">
        <v>83940897</v>
      </c>
      <c r="DI9" s="264">
        <v>111295</v>
      </c>
      <c r="DJ9" s="263">
        <v>601291</v>
      </c>
      <c r="DK9" s="266">
        <v>712586</v>
      </c>
      <c r="DL9" s="262">
        <v>0</v>
      </c>
      <c r="DM9" s="263">
        <v>7405917</v>
      </c>
      <c r="DN9" s="263">
        <v>15716599</v>
      </c>
      <c r="DO9" s="263">
        <v>20997400</v>
      </c>
      <c r="DP9" s="263">
        <v>18138498</v>
      </c>
      <c r="DQ9" s="263">
        <v>10148394</v>
      </c>
      <c r="DR9" s="269">
        <v>72406808</v>
      </c>
      <c r="DS9" s="260">
        <v>73119394</v>
      </c>
      <c r="DT9" s="264">
        <v>89159</v>
      </c>
      <c r="DU9" s="263">
        <v>521698</v>
      </c>
      <c r="DV9" s="261">
        <v>610857</v>
      </c>
      <c r="DW9" s="262">
        <v>0</v>
      </c>
      <c r="DX9" s="263">
        <v>6324362</v>
      </c>
      <c r="DY9" s="263">
        <v>12931496</v>
      </c>
      <c r="DZ9" s="263">
        <v>17771186</v>
      </c>
      <c r="EA9" s="263">
        <v>15766264</v>
      </c>
      <c r="EB9" s="263">
        <v>8017656</v>
      </c>
      <c r="EC9" s="261">
        <v>60810964</v>
      </c>
      <c r="ED9" s="260">
        <v>61421821</v>
      </c>
      <c r="EE9" s="264">
        <v>22136</v>
      </c>
      <c r="EF9" s="259">
        <v>79593</v>
      </c>
      <c r="EG9" s="261">
        <v>101729</v>
      </c>
      <c r="EH9" s="265">
        <v>0</v>
      </c>
      <c r="EI9" s="263">
        <v>1081555</v>
      </c>
      <c r="EJ9" s="263">
        <v>2785103</v>
      </c>
      <c r="EK9" s="263">
        <v>3226214</v>
      </c>
      <c r="EL9" s="263">
        <v>2372234</v>
      </c>
      <c r="EM9" s="267">
        <v>2130738</v>
      </c>
      <c r="EN9" s="259">
        <v>11595844</v>
      </c>
      <c r="EO9" s="260">
        <v>11697573</v>
      </c>
      <c r="EP9" s="264">
        <v>0</v>
      </c>
      <c r="EQ9" s="263">
        <v>0</v>
      </c>
      <c r="ER9" s="259">
        <v>0</v>
      </c>
      <c r="ES9" s="262">
        <v>0</v>
      </c>
      <c r="ET9" s="263">
        <v>0</v>
      </c>
      <c r="EU9" s="263">
        <v>0</v>
      </c>
      <c r="EV9" s="263">
        <v>0</v>
      </c>
      <c r="EW9" s="263">
        <v>0</v>
      </c>
      <c r="EX9" s="263">
        <v>0</v>
      </c>
      <c r="EY9" s="268">
        <v>0</v>
      </c>
      <c r="EZ9" s="260">
        <v>0</v>
      </c>
      <c r="FA9" s="264">
        <v>0</v>
      </c>
      <c r="FB9" s="263">
        <v>0</v>
      </c>
      <c r="FC9" s="259">
        <v>0</v>
      </c>
      <c r="FD9" s="402">
        <v>0</v>
      </c>
      <c r="FE9" s="263">
        <v>0</v>
      </c>
      <c r="FF9" s="263">
        <v>0</v>
      </c>
      <c r="FG9" s="263">
        <v>0</v>
      </c>
      <c r="FH9" s="263">
        <v>0</v>
      </c>
      <c r="FI9" s="263">
        <v>0</v>
      </c>
      <c r="FJ9" s="268">
        <v>0</v>
      </c>
      <c r="FK9" s="260">
        <v>0</v>
      </c>
      <c r="FL9" s="264">
        <v>6036409</v>
      </c>
      <c r="FM9" s="263">
        <v>9971628</v>
      </c>
      <c r="FN9" s="261">
        <v>16008037</v>
      </c>
      <c r="FO9" s="262">
        <v>0</v>
      </c>
      <c r="FP9" s="263">
        <v>12972491</v>
      </c>
      <c r="FQ9" s="263">
        <v>32401611</v>
      </c>
      <c r="FR9" s="263">
        <v>22405894</v>
      </c>
      <c r="FS9" s="263">
        <v>20651580</v>
      </c>
      <c r="FT9" s="263">
        <v>15000393</v>
      </c>
      <c r="FU9" s="261">
        <v>103431969</v>
      </c>
      <c r="FV9" s="260">
        <v>119440006</v>
      </c>
      <c r="FW9" s="264">
        <v>2640475</v>
      </c>
      <c r="FX9" s="263">
        <v>6740908</v>
      </c>
      <c r="FY9" s="259">
        <v>9381383</v>
      </c>
      <c r="FZ9" s="265">
        <v>0</v>
      </c>
      <c r="GA9" s="263">
        <v>9818461</v>
      </c>
      <c r="GB9" s="270">
        <v>28786968</v>
      </c>
      <c r="GC9" s="263">
        <v>20703151</v>
      </c>
      <c r="GD9" s="270">
        <v>18847052</v>
      </c>
      <c r="GE9" s="263">
        <v>13998446</v>
      </c>
      <c r="GF9" s="268">
        <v>92154078</v>
      </c>
      <c r="GG9" s="271">
        <v>101535461</v>
      </c>
      <c r="GH9" s="272">
        <v>637557</v>
      </c>
      <c r="GI9" s="263">
        <v>390956</v>
      </c>
      <c r="GJ9" s="270">
        <v>1028513</v>
      </c>
      <c r="GK9" s="258">
        <v>0</v>
      </c>
      <c r="GL9" s="263">
        <v>537162</v>
      </c>
      <c r="GM9" s="259">
        <v>1007922</v>
      </c>
      <c r="GN9" s="263">
        <v>690782</v>
      </c>
      <c r="GO9" s="259">
        <v>1126900</v>
      </c>
      <c r="GP9" s="263">
        <v>243973</v>
      </c>
      <c r="GQ9" s="269">
        <v>3606739</v>
      </c>
      <c r="GR9" s="260">
        <v>4635252</v>
      </c>
      <c r="GS9" s="259">
        <v>2758377</v>
      </c>
      <c r="GT9" s="263">
        <v>2839764</v>
      </c>
      <c r="GU9" s="261">
        <v>5598141</v>
      </c>
      <c r="GV9" s="259">
        <v>0</v>
      </c>
      <c r="GW9" s="263">
        <v>2616868</v>
      </c>
      <c r="GX9" s="259">
        <v>2606721</v>
      </c>
      <c r="GY9" s="263">
        <v>1011961</v>
      </c>
      <c r="GZ9" s="259">
        <v>677628</v>
      </c>
      <c r="HA9" s="263">
        <v>757974</v>
      </c>
      <c r="HB9" s="259">
        <v>7671152</v>
      </c>
      <c r="HC9" s="260">
        <v>13269293</v>
      </c>
      <c r="HD9" s="259">
        <v>11040952</v>
      </c>
      <c r="HE9" s="263">
        <v>13981719</v>
      </c>
      <c r="HF9" s="259">
        <v>25022671</v>
      </c>
      <c r="HG9" s="265">
        <v>0</v>
      </c>
      <c r="HH9" s="263">
        <v>92085310</v>
      </c>
      <c r="HI9" s="270">
        <v>102080597</v>
      </c>
      <c r="HJ9" s="263">
        <v>99401721</v>
      </c>
      <c r="HK9" s="270">
        <v>113971924</v>
      </c>
      <c r="HL9" s="263">
        <v>78839108</v>
      </c>
      <c r="HM9" s="268">
        <v>486378660</v>
      </c>
      <c r="HN9" s="259">
        <v>511401331</v>
      </c>
      <c r="HO9" s="272">
        <v>0</v>
      </c>
      <c r="HP9" s="263">
        <v>0</v>
      </c>
      <c r="HQ9" s="268">
        <v>0</v>
      </c>
      <c r="HR9" s="270">
        <v>0</v>
      </c>
      <c r="HS9" s="263">
        <v>0</v>
      </c>
      <c r="HT9" s="270">
        <v>0</v>
      </c>
      <c r="HU9" s="263">
        <v>0</v>
      </c>
      <c r="HV9" s="270">
        <v>0</v>
      </c>
      <c r="HW9" s="263">
        <v>0</v>
      </c>
      <c r="HX9" s="270">
        <v>0</v>
      </c>
      <c r="HY9" s="260">
        <v>0</v>
      </c>
      <c r="HZ9" s="273">
        <v>327469</v>
      </c>
      <c r="IA9" s="274">
        <v>1407937</v>
      </c>
      <c r="IB9" s="275">
        <v>1735406</v>
      </c>
      <c r="IC9" s="276">
        <v>0</v>
      </c>
      <c r="ID9" s="274">
        <v>49956772</v>
      </c>
      <c r="IE9" s="277">
        <v>69192770</v>
      </c>
      <c r="IF9" s="278">
        <v>80443767</v>
      </c>
      <c r="IG9" s="274">
        <v>53598944</v>
      </c>
      <c r="IH9" s="278">
        <v>47414472</v>
      </c>
      <c r="II9" s="279">
        <v>300606725</v>
      </c>
      <c r="IJ9" s="280">
        <v>302342131</v>
      </c>
      <c r="IK9" s="281">
        <v>0</v>
      </c>
      <c r="IL9" s="282">
        <v>0</v>
      </c>
      <c r="IM9" s="283">
        <v>0</v>
      </c>
      <c r="IN9" s="402">
        <v>0</v>
      </c>
      <c r="IO9" s="284">
        <v>1098556</v>
      </c>
      <c r="IP9" s="284">
        <v>3382100</v>
      </c>
      <c r="IQ9" s="284">
        <v>4615062</v>
      </c>
      <c r="IR9" s="284">
        <v>4421389</v>
      </c>
      <c r="IS9" s="284">
        <v>5073742</v>
      </c>
      <c r="IT9" s="285">
        <v>18590849</v>
      </c>
      <c r="IU9" s="286">
        <v>18590849</v>
      </c>
      <c r="IV9" s="287">
        <v>0</v>
      </c>
      <c r="IW9" s="284">
        <v>0</v>
      </c>
      <c r="IX9" s="288">
        <v>0</v>
      </c>
      <c r="IY9" s="402">
        <v>0</v>
      </c>
      <c r="IZ9" s="284">
        <v>151064</v>
      </c>
      <c r="JA9" s="284">
        <v>583679</v>
      </c>
      <c r="JB9" s="284">
        <v>347865</v>
      </c>
      <c r="JC9" s="284">
        <v>750334</v>
      </c>
      <c r="JD9" s="284">
        <v>1249569</v>
      </c>
      <c r="JE9" s="288">
        <v>3082511</v>
      </c>
      <c r="JF9" s="289">
        <v>3082511</v>
      </c>
      <c r="JG9" s="287">
        <v>0</v>
      </c>
      <c r="JH9" s="284">
        <v>0</v>
      </c>
      <c r="JI9" s="285">
        <v>0</v>
      </c>
      <c r="JJ9" s="290">
        <v>0</v>
      </c>
      <c r="JK9" s="284">
        <v>25269752</v>
      </c>
      <c r="JL9" s="284">
        <v>28933854</v>
      </c>
      <c r="JM9" s="284">
        <v>19695666</v>
      </c>
      <c r="JN9" s="284">
        <v>9462131</v>
      </c>
      <c r="JO9" s="284">
        <v>5400300</v>
      </c>
      <c r="JP9" s="288">
        <v>88761703</v>
      </c>
      <c r="JQ9" s="286">
        <v>88761703</v>
      </c>
      <c r="JR9" s="287">
        <v>31491</v>
      </c>
      <c r="JS9" s="284">
        <v>0</v>
      </c>
      <c r="JT9" s="285">
        <v>31491</v>
      </c>
      <c r="JU9" s="290">
        <v>0</v>
      </c>
      <c r="JV9" s="284">
        <v>3203084</v>
      </c>
      <c r="JW9" s="284">
        <v>5241792</v>
      </c>
      <c r="JX9" s="284">
        <v>7427600</v>
      </c>
      <c r="JY9" s="284">
        <v>2010216</v>
      </c>
      <c r="JZ9" s="284">
        <v>2671589</v>
      </c>
      <c r="KA9" s="288">
        <v>20554281</v>
      </c>
      <c r="KB9" s="286">
        <v>20585772</v>
      </c>
      <c r="KC9" s="291">
        <v>295978</v>
      </c>
      <c r="KD9" s="292">
        <v>1407937</v>
      </c>
      <c r="KE9" s="288">
        <v>1703915</v>
      </c>
      <c r="KF9" s="290">
        <v>0</v>
      </c>
      <c r="KG9" s="284">
        <v>6261880</v>
      </c>
      <c r="KH9" s="284">
        <v>7961344</v>
      </c>
      <c r="KI9" s="284">
        <v>14686938</v>
      </c>
      <c r="KJ9" s="284">
        <v>8740759</v>
      </c>
      <c r="KK9" s="284">
        <v>4603996</v>
      </c>
      <c r="KL9" s="288">
        <v>42254917</v>
      </c>
      <c r="KM9" s="293">
        <v>43958832</v>
      </c>
      <c r="KN9" s="281">
        <v>0</v>
      </c>
      <c r="KO9" s="282">
        <v>0</v>
      </c>
      <c r="KP9" s="283">
        <v>0</v>
      </c>
      <c r="KQ9" s="406">
        <v>0</v>
      </c>
      <c r="KR9" s="284">
        <v>12841928</v>
      </c>
      <c r="KS9" s="284">
        <v>19576939</v>
      </c>
      <c r="KT9" s="284">
        <v>27939334</v>
      </c>
      <c r="KU9" s="284">
        <v>17995878</v>
      </c>
      <c r="KV9" s="284">
        <v>15767123</v>
      </c>
      <c r="KW9" s="288">
        <v>94121202</v>
      </c>
      <c r="KX9" s="286">
        <v>94121202</v>
      </c>
      <c r="KY9" s="287">
        <v>0</v>
      </c>
      <c r="KZ9" s="284">
        <v>0</v>
      </c>
      <c r="LA9" s="288">
        <v>0</v>
      </c>
      <c r="LB9" s="406">
        <v>0</v>
      </c>
      <c r="LC9" s="284">
        <v>135172</v>
      </c>
      <c r="LD9" s="284">
        <v>617648</v>
      </c>
      <c r="LE9" s="284">
        <v>940853</v>
      </c>
      <c r="LF9" s="284">
        <v>876046</v>
      </c>
      <c r="LG9" s="284">
        <v>1009427</v>
      </c>
      <c r="LH9" s="288">
        <v>3579146</v>
      </c>
      <c r="LI9" s="289">
        <v>3579146</v>
      </c>
      <c r="LJ9" s="287">
        <v>0</v>
      </c>
      <c r="LK9" s="284">
        <v>0</v>
      </c>
      <c r="LL9" s="288">
        <v>0</v>
      </c>
      <c r="LM9" s="406">
        <v>0</v>
      </c>
      <c r="LN9" s="284">
        <v>0</v>
      </c>
      <c r="LO9" s="284">
        <v>206614</v>
      </c>
      <c r="LP9" s="284">
        <v>1386099</v>
      </c>
      <c r="LQ9" s="284">
        <v>5089908</v>
      </c>
      <c r="LR9" s="284">
        <v>2065744</v>
      </c>
      <c r="LS9" s="288">
        <v>8748365</v>
      </c>
      <c r="LT9" s="286">
        <v>8748365</v>
      </c>
      <c r="LU9" s="287">
        <v>0</v>
      </c>
      <c r="LV9" s="284">
        <v>0</v>
      </c>
      <c r="LW9" s="288">
        <v>0</v>
      </c>
      <c r="LX9" s="406">
        <v>0</v>
      </c>
      <c r="LY9" s="284">
        <v>995336</v>
      </c>
      <c r="LZ9" s="284">
        <v>2688800</v>
      </c>
      <c r="MA9" s="284">
        <v>3404350</v>
      </c>
      <c r="MB9" s="284">
        <v>4252283</v>
      </c>
      <c r="MC9" s="284">
        <v>9572982</v>
      </c>
      <c r="MD9" s="288">
        <v>20913751</v>
      </c>
      <c r="ME9" s="289">
        <v>20913751</v>
      </c>
      <c r="MF9" s="287">
        <v>0</v>
      </c>
      <c r="MG9" s="284">
        <v>0</v>
      </c>
      <c r="MH9" s="288">
        <v>0</v>
      </c>
      <c r="MI9" s="406">
        <v>0</v>
      </c>
      <c r="MJ9" s="284">
        <v>15039251</v>
      </c>
      <c r="MK9" s="284">
        <v>37312291</v>
      </c>
      <c r="ML9" s="284">
        <v>109068049</v>
      </c>
      <c r="MM9" s="284">
        <v>161901737</v>
      </c>
      <c r="MN9" s="284">
        <v>103534279</v>
      </c>
      <c r="MO9" s="288">
        <v>426855607</v>
      </c>
      <c r="MP9" s="293">
        <v>426855607</v>
      </c>
      <c r="MQ9" s="287">
        <v>0</v>
      </c>
      <c r="MR9" s="284">
        <v>0</v>
      </c>
      <c r="MS9" s="288">
        <v>0</v>
      </c>
      <c r="MT9" s="406">
        <v>0</v>
      </c>
      <c r="MU9" s="284">
        <v>1975323</v>
      </c>
      <c r="MV9" s="284">
        <v>8655004</v>
      </c>
      <c r="MW9" s="284">
        <v>61815375</v>
      </c>
      <c r="MX9" s="284">
        <v>91843200</v>
      </c>
      <c r="MY9" s="284">
        <v>67322592</v>
      </c>
      <c r="MZ9" s="288">
        <v>231611494</v>
      </c>
      <c r="NA9" s="293">
        <v>231611494</v>
      </c>
      <c r="NB9" s="287">
        <v>0</v>
      </c>
      <c r="NC9" s="284">
        <v>0</v>
      </c>
      <c r="ND9" s="288">
        <v>0</v>
      </c>
      <c r="NE9" s="406">
        <v>0</v>
      </c>
      <c r="NF9" s="284">
        <v>12688677</v>
      </c>
      <c r="NG9" s="284">
        <v>28166040</v>
      </c>
      <c r="NH9" s="284">
        <v>46688095</v>
      </c>
      <c r="NI9" s="284">
        <v>67301379</v>
      </c>
      <c r="NJ9" s="284">
        <v>30039725</v>
      </c>
      <c r="NK9" s="288">
        <v>184883916</v>
      </c>
      <c r="NL9" s="286">
        <v>184883916</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375251</v>
      </c>
      <c r="OC9" s="284">
        <v>491247</v>
      </c>
      <c r="OD9" s="284">
        <v>564579</v>
      </c>
      <c r="OE9" s="284">
        <v>2757158</v>
      </c>
      <c r="OF9" s="284">
        <v>6171962</v>
      </c>
      <c r="OG9" s="288">
        <v>10360197</v>
      </c>
      <c r="OH9" s="289">
        <v>10360197</v>
      </c>
      <c r="OI9" s="287">
        <v>27899219</v>
      </c>
      <c r="OJ9" s="284">
        <v>50025472</v>
      </c>
      <c r="OK9" s="285">
        <v>77924691</v>
      </c>
      <c r="OL9" s="290">
        <v>0</v>
      </c>
      <c r="OM9" s="284">
        <v>332006156</v>
      </c>
      <c r="ON9" s="284">
        <v>472986550</v>
      </c>
      <c r="OO9" s="284">
        <v>495221669</v>
      </c>
      <c r="OP9" s="284">
        <v>518740841</v>
      </c>
      <c r="OQ9" s="284">
        <v>380156225</v>
      </c>
      <c r="OR9" s="288">
        <v>2199111441</v>
      </c>
      <c r="OS9" s="293">
        <v>2277036132</v>
      </c>
    </row>
    <row r="10" spans="2:409" s="407" customFormat="1" ht="21" customHeight="1" x14ac:dyDescent="0.2">
      <c r="B10" s="95" t="s">
        <v>5</v>
      </c>
      <c r="C10" s="295">
        <v>12230247</v>
      </c>
      <c r="D10" s="296">
        <v>24742094</v>
      </c>
      <c r="E10" s="297">
        <v>36972341</v>
      </c>
      <c r="F10" s="298">
        <v>0</v>
      </c>
      <c r="G10" s="296">
        <v>101979851</v>
      </c>
      <c r="H10" s="296">
        <v>177041917</v>
      </c>
      <c r="I10" s="296">
        <v>135332502</v>
      </c>
      <c r="J10" s="296">
        <v>134570583</v>
      </c>
      <c r="K10" s="296">
        <v>101262757</v>
      </c>
      <c r="L10" s="298">
        <v>650187610</v>
      </c>
      <c r="M10" s="299">
        <v>687159951</v>
      </c>
      <c r="N10" s="295">
        <v>3596702</v>
      </c>
      <c r="O10" s="296">
        <v>9865457</v>
      </c>
      <c r="P10" s="297">
        <v>13462159</v>
      </c>
      <c r="Q10" s="295">
        <v>0</v>
      </c>
      <c r="R10" s="296">
        <v>33074981</v>
      </c>
      <c r="S10" s="296">
        <v>64133672</v>
      </c>
      <c r="T10" s="296">
        <v>45791914</v>
      </c>
      <c r="U10" s="296">
        <v>49824362</v>
      </c>
      <c r="V10" s="296">
        <v>50115067</v>
      </c>
      <c r="W10" s="297">
        <v>242939996</v>
      </c>
      <c r="X10" s="299">
        <v>256402155</v>
      </c>
      <c r="Y10" s="295">
        <v>0</v>
      </c>
      <c r="Z10" s="296">
        <v>0</v>
      </c>
      <c r="AA10" s="297">
        <v>0</v>
      </c>
      <c r="AB10" s="295">
        <v>0</v>
      </c>
      <c r="AC10" s="296">
        <v>13604374</v>
      </c>
      <c r="AD10" s="296">
        <v>22692109</v>
      </c>
      <c r="AE10" s="296">
        <v>19193749</v>
      </c>
      <c r="AF10" s="296">
        <v>24518577</v>
      </c>
      <c r="AG10" s="296">
        <v>25779357</v>
      </c>
      <c r="AH10" s="297">
        <v>105788166</v>
      </c>
      <c r="AI10" s="299">
        <v>105788166</v>
      </c>
      <c r="AJ10" s="295">
        <v>0</v>
      </c>
      <c r="AK10" s="296">
        <v>57779</v>
      </c>
      <c r="AL10" s="297">
        <v>57779</v>
      </c>
      <c r="AM10" s="295">
        <v>0</v>
      </c>
      <c r="AN10" s="296">
        <v>88447</v>
      </c>
      <c r="AO10" s="296">
        <v>269126</v>
      </c>
      <c r="AP10" s="296">
        <v>1255658</v>
      </c>
      <c r="AQ10" s="296">
        <v>2333886</v>
      </c>
      <c r="AR10" s="296">
        <v>6881858</v>
      </c>
      <c r="AS10" s="297">
        <v>10828975</v>
      </c>
      <c r="AT10" s="299">
        <v>10886754</v>
      </c>
      <c r="AU10" s="295">
        <v>1875790</v>
      </c>
      <c r="AV10" s="296">
        <v>6961472</v>
      </c>
      <c r="AW10" s="297">
        <v>8837262</v>
      </c>
      <c r="AX10" s="295">
        <v>0</v>
      </c>
      <c r="AY10" s="296">
        <v>11997840</v>
      </c>
      <c r="AZ10" s="296">
        <v>29488073</v>
      </c>
      <c r="BA10" s="296">
        <v>16747929</v>
      </c>
      <c r="BB10" s="296">
        <v>13783884</v>
      </c>
      <c r="BC10" s="296">
        <v>10958788</v>
      </c>
      <c r="BD10" s="297">
        <v>82976514</v>
      </c>
      <c r="BE10" s="299">
        <v>91813776</v>
      </c>
      <c r="BF10" s="295">
        <v>158925</v>
      </c>
      <c r="BG10" s="296">
        <v>932420</v>
      </c>
      <c r="BH10" s="300">
        <v>1091345</v>
      </c>
      <c r="BI10" s="301">
        <v>0</v>
      </c>
      <c r="BJ10" s="296">
        <v>882419</v>
      </c>
      <c r="BK10" s="296">
        <v>2753449</v>
      </c>
      <c r="BL10" s="296">
        <v>1139907</v>
      </c>
      <c r="BM10" s="296">
        <v>1151308</v>
      </c>
      <c r="BN10" s="296">
        <v>767706</v>
      </c>
      <c r="BO10" s="297">
        <v>6694789</v>
      </c>
      <c r="BP10" s="299">
        <v>7786134</v>
      </c>
      <c r="BQ10" s="295">
        <v>1561987</v>
      </c>
      <c r="BR10" s="296">
        <v>1913786</v>
      </c>
      <c r="BS10" s="297">
        <v>3475773</v>
      </c>
      <c r="BT10" s="295">
        <v>0</v>
      </c>
      <c r="BU10" s="296">
        <v>6501901</v>
      </c>
      <c r="BV10" s="296">
        <v>8930915</v>
      </c>
      <c r="BW10" s="296">
        <v>7454671</v>
      </c>
      <c r="BX10" s="296">
        <v>8036707</v>
      </c>
      <c r="BY10" s="296">
        <v>5727358</v>
      </c>
      <c r="BZ10" s="297">
        <v>36651552</v>
      </c>
      <c r="CA10" s="299">
        <v>40127325</v>
      </c>
      <c r="CB10" s="295">
        <v>1255085</v>
      </c>
      <c r="CC10" s="296">
        <v>3033127</v>
      </c>
      <c r="CD10" s="297">
        <v>4288212</v>
      </c>
      <c r="CE10" s="295">
        <v>0</v>
      </c>
      <c r="CF10" s="296">
        <v>22980776</v>
      </c>
      <c r="CG10" s="296">
        <v>38672344</v>
      </c>
      <c r="CH10" s="296">
        <v>24070855</v>
      </c>
      <c r="CI10" s="296">
        <v>14685676</v>
      </c>
      <c r="CJ10" s="296">
        <v>7488369</v>
      </c>
      <c r="CK10" s="297">
        <v>107898020</v>
      </c>
      <c r="CL10" s="299">
        <v>112186232</v>
      </c>
      <c r="CM10" s="295">
        <v>0</v>
      </c>
      <c r="CN10" s="296">
        <v>0</v>
      </c>
      <c r="CO10" s="297">
        <v>0</v>
      </c>
      <c r="CP10" s="301">
        <v>0</v>
      </c>
      <c r="CQ10" s="296">
        <v>18521885</v>
      </c>
      <c r="CR10" s="296">
        <v>26479958</v>
      </c>
      <c r="CS10" s="296">
        <v>15408328</v>
      </c>
      <c r="CT10" s="296">
        <v>9763445</v>
      </c>
      <c r="CU10" s="296">
        <v>4940157</v>
      </c>
      <c r="CV10" s="297">
        <v>75113773</v>
      </c>
      <c r="CW10" s="299">
        <v>75113773</v>
      </c>
      <c r="CX10" s="295">
        <v>1255085</v>
      </c>
      <c r="CY10" s="296">
        <v>3033127</v>
      </c>
      <c r="CZ10" s="297">
        <v>4288212</v>
      </c>
      <c r="DA10" s="295">
        <v>0</v>
      </c>
      <c r="DB10" s="296">
        <v>4458891</v>
      </c>
      <c r="DC10" s="296">
        <v>12192386</v>
      </c>
      <c r="DD10" s="296">
        <v>8662527</v>
      </c>
      <c r="DE10" s="296">
        <v>4922231</v>
      </c>
      <c r="DF10" s="296">
        <v>2548212</v>
      </c>
      <c r="DG10" s="297">
        <v>32784247</v>
      </c>
      <c r="DH10" s="299">
        <v>37072459</v>
      </c>
      <c r="DI10" s="295">
        <v>73519</v>
      </c>
      <c r="DJ10" s="296">
        <v>266295</v>
      </c>
      <c r="DK10" s="300">
        <v>339814</v>
      </c>
      <c r="DL10" s="301">
        <v>0</v>
      </c>
      <c r="DM10" s="296">
        <v>2769683</v>
      </c>
      <c r="DN10" s="296">
        <v>7329665</v>
      </c>
      <c r="DO10" s="296">
        <v>8532099</v>
      </c>
      <c r="DP10" s="296">
        <v>9754238</v>
      </c>
      <c r="DQ10" s="296">
        <v>4745369</v>
      </c>
      <c r="DR10" s="297">
        <v>33131054</v>
      </c>
      <c r="DS10" s="299">
        <v>33470868</v>
      </c>
      <c r="DT10" s="295">
        <v>51383</v>
      </c>
      <c r="DU10" s="296">
        <v>186702</v>
      </c>
      <c r="DV10" s="297">
        <v>238085</v>
      </c>
      <c r="DW10" s="295">
        <v>0</v>
      </c>
      <c r="DX10" s="296">
        <v>2343251</v>
      </c>
      <c r="DY10" s="296">
        <v>5260513</v>
      </c>
      <c r="DZ10" s="296">
        <v>6939459</v>
      </c>
      <c r="EA10" s="296">
        <v>7992325</v>
      </c>
      <c r="EB10" s="296">
        <v>3320388</v>
      </c>
      <c r="EC10" s="297">
        <v>25855936</v>
      </c>
      <c r="ED10" s="299">
        <v>26094021</v>
      </c>
      <c r="EE10" s="295">
        <v>22136</v>
      </c>
      <c r="EF10" s="300">
        <v>79593</v>
      </c>
      <c r="EG10" s="297">
        <v>101729</v>
      </c>
      <c r="EH10" s="295">
        <v>0</v>
      </c>
      <c r="EI10" s="296">
        <v>426432</v>
      </c>
      <c r="EJ10" s="296">
        <v>2069152</v>
      </c>
      <c r="EK10" s="296">
        <v>1592640</v>
      </c>
      <c r="EL10" s="296">
        <v>1761913</v>
      </c>
      <c r="EM10" s="296">
        <v>1424981</v>
      </c>
      <c r="EN10" s="300">
        <v>7275118</v>
      </c>
      <c r="EO10" s="299">
        <v>7376847</v>
      </c>
      <c r="EP10" s="295">
        <v>0</v>
      </c>
      <c r="EQ10" s="296">
        <v>0</v>
      </c>
      <c r="ER10" s="300">
        <v>0</v>
      </c>
      <c r="ES10" s="301">
        <v>0</v>
      </c>
      <c r="ET10" s="296">
        <v>0</v>
      </c>
      <c r="EU10" s="296">
        <v>0</v>
      </c>
      <c r="EV10" s="296">
        <v>0</v>
      </c>
      <c r="EW10" s="296">
        <v>0</v>
      </c>
      <c r="EX10" s="296">
        <v>0</v>
      </c>
      <c r="EY10" s="297">
        <v>0</v>
      </c>
      <c r="EZ10" s="299">
        <v>0</v>
      </c>
      <c r="FA10" s="295">
        <v>0</v>
      </c>
      <c r="FB10" s="296">
        <v>0</v>
      </c>
      <c r="FC10" s="300">
        <v>0</v>
      </c>
      <c r="FD10" s="403">
        <v>0</v>
      </c>
      <c r="FE10" s="296">
        <v>0</v>
      </c>
      <c r="FF10" s="296">
        <v>0</v>
      </c>
      <c r="FG10" s="296">
        <v>0</v>
      </c>
      <c r="FH10" s="296">
        <v>0</v>
      </c>
      <c r="FI10" s="296">
        <v>0</v>
      </c>
      <c r="FJ10" s="297">
        <v>0</v>
      </c>
      <c r="FK10" s="299">
        <v>0</v>
      </c>
      <c r="FL10" s="295">
        <v>2499453</v>
      </c>
      <c r="FM10" s="296">
        <v>4560527</v>
      </c>
      <c r="FN10" s="297">
        <v>7059980</v>
      </c>
      <c r="FO10" s="295">
        <v>0</v>
      </c>
      <c r="FP10" s="296">
        <v>4137802</v>
      </c>
      <c r="FQ10" s="296">
        <v>15174099</v>
      </c>
      <c r="FR10" s="296">
        <v>9580682</v>
      </c>
      <c r="FS10" s="296">
        <v>8789082</v>
      </c>
      <c r="FT10" s="296">
        <v>6425363</v>
      </c>
      <c r="FU10" s="297">
        <v>44107028</v>
      </c>
      <c r="FV10" s="299">
        <v>51167008</v>
      </c>
      <c r="FW10" s="302">
        <v>873523</v>
      </c>
      <c r="FX10" s="296">
        <v>2988216</v>
      </c>
      <c r="FY10" s="300">
        <v>3861739</v>
      </c>
      <c r="FZ10" s="301">
        <v>0</v>
      </c>
      <c r="GA10" s="296">
        <v>3061381</v>
      </c>
      <c r="GB10" s="296">
        <v>13286560</v>
      </c>
      <c r="GC10" s="296">
        <v>8654051</v>
      </c>
      <c r="GD10" s="296">
        <v>7909321</v>
      </c>
      <c r="GE10" s="296">
        <v>5940396</v>
      </c>
      <c r="GF10" s="297">
        <v>38851709</v>
      </c>
      <c r="GG10" s="303">
        <v>42713448</v>
      </c>
      <c r="GH10" s="302">
        <v>389072</v>
      </c>
      <c r="GI10" s="296">
        <v>188845</v>
      </c>
      <c r="GJ10" s="300">
        <v>577917</v>
      </c>
      <c r="GK10" s="301">
        <v>0</v>
      </c>
      <c r="GL10" s="296">
        <v>260221</v>
      </c>
      <c r="GM10" s="296">
        <v>570349</v>
      </c>
      <c r="GN10" s="296">
        <v>304675</v>
      </c>
      <c r="GO10" s="296">
        <v>511701</v>
      </c>
      <c r="GP10" s="296">
        <v>110467</v>
      </c>
      <c r="GQ10" s="297">
        <v>1757413</v>
      </c>
      <c r="GR10" s="299">
        <v>2335330</v>
      </c>
      <c r="GS10" s="295">
        <v>1236858</v>
      </c>
      <c r="GT10" s="296">
        <v>1383466</v>
      </c>
      <c r="GU10" s="297">
        <v>2620324</v>
      </c>
      <c r="GV10" s="295">
        <v>0</v>
      </c>
      <c r="GW10" s="296">
        <v>816200</v>
      </c>
      <c r="GX10" s="296">
        <v>1317190</v>
      </c>
      <c r="GY10" s="296">
        <v>621956</v>
      </c>
      <c r="GZ10" s="296">
        <v>368060</v>
      </c>
      <c r="HA10" s="296">
        <v>374500</v>
      </c>
      <c r="HB10" s="300">
        <v>3497906</v>
      </c>
      <c r="HC10" s="299">
        <v>6118230</v>
      </c>
      <c r="HD10" s="295">
        <v>4805488</v>
      </c>
      <c r="HE10" s="296">
        <v>7016688</v>
      </c>
      <c r="HF10" s="300">
        <v>11822176</v>
      </c>
      <c r="HG10" s="301">
        <v>0</v>
      </c>
      <c r="HH10" s="296">
        <v>39016609</v>
      </c>
      <c r="HI10" s="296">
        <v>51732137</v>
      </c>
      <c r="HJ10" s="296">
        <v>47356952</v>
      </c>
      <c r="HK10" s="296">
        <v>51517225</v>
      </c>
      <c r="HL10" s="296">
        <v>32488589</v>
      </c>
      <c r="HM10" s="297">
        <v>222111512</v>
      </c>
      <c r="HN10" s="298">
        <v>233933688</v>
      </c>
      <c r="HO10" s="302">
        <v>0</v>
      </c>
      <c r="HP10" s="296">
        <v>0</v>
      </c>
      <c r="HQ10" s="297">
        <v>0</v>
      </c>
      <c r="HR10" s="295">
        <v>0</v>
      </c>
      <c r="HS10" s="296">
        <v>0</v>
      </c>
      <c r="HT10" s="296">
        <v>0</v>
      </c>
      <c r="HU10" s="296">
        <v>0</v>
      </c>
      <c r="HV10" s="296">
        <v>0</v>
      </c>
      <c r="HW10" s="296">
        <v>0</v>
      </c>
      <c r="HX10" s="300">
        <v>0</v>
      </c>
      <c r="HY10" s="299">
        <v>0</v>
      </c>
      <c r="HZ10" s="304">
        <v>219335</v>
      </c>
      <c r="IA10" s="305">
        <v>872564</v>
      </c>
      <c r="IB10" s="306">
        <v>1091899</v>
      </c>
      <c r="IC10" s="307">
        <v>0</v>
      </c>
      <c r="ID10" s="308">
        <v>20053035</v>
      </c>
      <c r="IE10" s="309">
        <v>31732334</v>
      </c>
      <c r="IF10" s="310">
        <v>33847299</v>
      </c>
      <c r="IG10" s="308">
        <v>24066164</v>
      </c>
      <c r="IH10" s="310">
        <v>19139142</v>
      </c>
      <c r="II10" s="311">
        <v>128837974</v>
      </c>
      <c r="IJ10" s="312">
        <v>129929873</v>
      </c>
      <c r="IK10" s="313">
        <v>0</v>
      </c>
      <c r="IL10" s="314">
        <v>0</v>
      </c>
      <c r="IM10" s="315">
        <v>0</v>
      </c>
      <c r="IN10" s="403">
        <v>0</v>
      </c>
      <c r="IO10" s="316">
        <v>573909</v>
      </c>
      <c r="IP10" s="316">
        <v>1596198</v>
      </c>
      <c r="IQ10" s="316">
        <v>2661242</v>
      </c>
      <c r="IR10" s="316">
        <v>2419140</v>
      </c>
      <c r="IS10" s="316">
        <v>2457447</v>
      </c>
      <c r="IT10" s="317">
        <v>9707936</v>
      </c>
      <c r="IU10" s="318">
        <v>9707936</v>
      </c>
      <c r="IV10" s="319">
        <v>0</v>
      </c>
      <c r="IW10" s="316">
        <v>0</v>
      </c>
      <c r="IX10" s="320">
        <v>0</v>
      </c>
      <c r="IY10" s="403">
        <v>0</v>
      </c>
      <c r="IZ10" s="316">
        <v>70082</v>
      </c>
      <c r="JA10" s="316">
        <v>419087</v>
      </c>
      <c r="JB10" s="316">
        <v>277884</v>
      </c>
      <c r="JC10" s="316">
        <v>389244</v>
      </c>
      <c r="JD10" s="316">
        <v>910254</v>
      </c>
      <c r="JE10" s="320">
        <v>2066551</v>
      </c>
      <c r="JF10" s="321">
        <v>2066551</v>
      </c>
      <c r="JG10" s="319">
        <v>0</v>
      </c>
      <c r="JH10" s="316">
        <v>0</v>
      </c>
      <c r="JI10" s="317">
        <v>0</v>
      </c>
      <c r="JJ10" s="322">
        <v>0</v>
      </c>
      <c r="JK10" s="316">
        <v>9139687</v>
      </c>
      <c r="JL10" s="316">
        <v>15872367</v>
      </c>
      <c r="JM10" s="316">
        <v>10004816</v>
      </c>
      <c r="JN10" s="316">
        <v>4059371</v>
      </c>
      <c r="JO10" s="316">
        <v>1535344</v>
      </c>
      <c r="JP10" s="320">
        <v>40611585</v>
      </c>
      <c r="JQ10" s="318">
        <v>40611585</v>
      </c>
      <c r="JR10" s="319">
        <v>31491</v>
      </c>
      <c r="JS10" s="316">
        <v>0</v>
      </c>
      <c r="JT10" s="317">
        <v>31491</v>
      </c>
      <c r="JU10" s="322">
        <v>0</v>
      </c>
      <c r="JV10" s="316">
        <v>1677123</v>
      </c>
      <c r="JW10" s="316">
        <v>2540538</v>
      </c>
      <c r="JX10" s="316">
        <v>4307559</v>
      </c>
      <c r="JY10" s="316">
        <v>1186649</v>
      </c>
      <c r="JZ10" s="316">
        <v>2168943</v>
      </c>
      <c r="KA10" s="320">
        <v>11880812</v>
      </c>
      <c r="KB10" s="318">
        <v>11912303</v>
      </c>
      <c r="KC10" s="323">
        <v>187844</v>
      </c>
      <c r="KD10" s="324">
        <v>872564</v>
      </c>
      <c r="KE10" s="320">
        <v>1060408</v>
      </c>
      <c r="KF10" s="322">
        <v>0</v>
      </c>
      <c r="KG10" s="316">
        <v>2747226</v>
      </c>
      <c r="KH10" s="316">
        <v>4189013</v>
      </c>
      <c r="KI10" s="316">
        <v>6490940</v>
      </c>
      <c r="KJ10" s="316">
        <v>4412172</v>
      </c>
      <c r="KK10" s="316">
        <v>1822664</v>
      </c>
      <c r="KL10" s="320">
        <v>19662015</v>
      </c>
      <c r="KM10" s="325">
        <v>20722423</v>
      </c>
      <c r="KN10" s="313">
        <v>0</v>
      </c>
      <c r="KO10" s="314">
        <v>0</v>
      </c>
      <c r="KP10" s="315">
        <v>0</v>
      </c>
      <c r="KQ10" s="403">
        <v>0</v>
      </c>
      <c r="KR10" s="316">
        <v>5679003</v>
      </c>
      <c r="KS10" s="316">
        <v>6116861</v>
      </c>
      <c r="KT10" s="316">
        <v>9566835</v>
      </c>
      <c r="KU10" s="316">
        <v>9609612</v>
      </c>
      <c r="KV10" s="316">
        <v>6852752</v>
      </c>
      <c r="KW10" s="320">
        <v>37825063</v>
      </c>
      <c r="KX10" s="318">
        <v>37825063</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0</v>
      </c>
      <c r="LO10" s="316">
        <v>0</v>
      </c>
      <c r="LP10" s="316">
        <v>0</v>
      </c>
      <c r="LQ10" s="316">
        <v>266564</v>
      </c>
      <c r="LR10" s="316">
        <v>284236</v>
      </c>
      <c r="LS10" s="320">
        <v>550800</v>
      </c>
      <c r="LT10" s="318">
        <v>550800</v>
      </c>
      <c r="LU10" s="319">
        <v>0</v>
      </c>
      <c r="LV10" s="316">
        <v>0</v>
      </c>
      <c r="LW10" s="320">
        <v>0</v>
      </c>
      <c r="LX10" s="403">
        <v>0</v>
      </c>
      <c r="LY10" s="316">
        <v>166005</v>
      </c>
      <c r="LZ10" s="316">
        <v>998270</v>
      </c>
      <c r="MA10" s="316">
        <v>538023</v>
      </c>
      <c r="MB10" s="316">
        <v>1723412</v>
      </c>
      <c r="MC10" s="316">
        <v>3107502</v>
      </c>
      <c r="MD10" s="320">
        <v>6533212</v>
      </c>
      <c r="ME10" s="321">
        <v>6533212</v>
      </c>
      <c r="MF10" s="319">
        <v>0</v>
      </c>
      <c r="MG10" s="316">
        <v>0</v>
      </c>
      <c r="MH10" s="320">
        <v>0</v>
      </c>
      <c r="MI10" s="403">
        <v>0</v>
      </c>
      <c r="MJ10" s="316">
        <v>8608022</v>
      </c>
      <c r="MK10" s="316">
        <v>20822618</v>
      </c>
      <c r="ML10" s="316">
        <v>55617578</v>
      </c>
      <c r="MM10" s="316">
        <v>77366279</v>
      </c>
      <c r="MN10" s="316">
        <v>45834050</v>
      </c>
      <c r="MO10" s="320">
        <v>208248547</v>
      </c>
      <c r="MP10" s="325">
        <v>208248547</v>
      </c>
      <c r="MQ10" s="319">
        <v>0</v>
      </c>
      <c r="MR10" s="316">
        <v>0</v>
      </c>
      <c r="MS10" s="320">
        <v>0</v>
      </c>
      <c r="MT10" s="403">
        <v>0</v>
      </c>
      <c r="MU10" s="316">
        <v>1622364</v>
      </c>
      <c r="MV10" s="316">
        <v>6445105</v>
      </c>
      <c r="MW10" s="316">
        <v>32711792</v>
      </c>
      <c r="MX10" s="316">
        <v>40970824</v>
      </c>
      <c r="MY10" s="316">
        <v>27090634</v>
      </c>
      <c r="MZ10" s="320">
        <v>108840719</v>
      </c>
      <c r="NA10" s="325">
        <v>108840719</v>
      </c>
      <c r="NB10" s="319">
        <v>0</v>
      </c>
      <c r="NC10" s="316">
        <v>0</v>
      </c>
      <c r="ND10" s="320">
        <v>0</v>
      </c>
      <c r="NE10" s="403">
        <v>0</v>
      </c>
      <c r="NF10" s="316">
        <v>6770163</v>
      </c>
      <c r="NG10" s="316">
        <v>14157397</v>
      </c>
      <c r="NH10" s="316">
        <v>22905786</v>
      </c>
      <c r="NI10" s="316">
        <v>35457566</v>
      </c>
      <c r="NJ10" s="316">
        <v>16719333</v>
      </c>
      <c r="NK10" s="320">
        <v>96010245</v>
      </c>
      <c r="NL10" s="318">
        <v>96010245</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215495</v>
      </c>
      <c r="OC10" s="316">
        <v>220116</v>
      </c>
      <c r="OD10" s="316">
        <v>0</v>
      </c>
      <c r="OE10" s="316">
        <v>937889</v>
      </c>
      <c r="OF10" s="316">
        <v>2024083</v>
      </c>
      <c r="OG10" s="320">
        <v>3397583</v>
      </c>
      <c r="OH10" s="321">
        <v>3397583</v>
      </c>
      <c r="OI10" s="319">
        <v>12449582</v>
      </c>
      <c r="OJ10" s="316">
        <v>25614658</v>
      </c>
      <c r="OK10" s="317">
        <v>38064240</v>
      </c>
      <c r="OL10" s="322">
        <v>0</v>
      </c>
      <c r="OM10" s="316">
        <v>130640908</v>
      </c>
      <c r="ON10" s="316">
        <v>229596869</v>
      </c>
      <c r="OO10" s="316">
        <v>224797379</v>
      </c>
      <c r="OP10" s="316">
        <v>236003026</v>
      </c>
      <c r="OQ10" s="316">
        <v>166235949</v>
      </c>
      <c r="OR10" s="320">
        <v>987274131</v>
      </c>
      <c r="OS10" s="325">
        <v>1025338371</v>
      </c>
    </row>
    <row r="11" spans="2:409" s="70" customFormat="1" ht="21" customHeight="1" x14ac:dyDescent="0.2">
      <c r="B11" s="106" t="s">
        <v>6</v>
      </c>
      <c r="C11" s="326">
        <v>4016468</v>
      </c>
      <c r="D11" s="327">
        <v>6602299</v>
      </c>
      <c r="E11" s="328">
        <v>10618767</v>
      </c>
      <c r="F11" s="329">
        <v>0</v>
      </c>
      <c r="G11" s="327">
        <v>55397394</v>
      </c>
      <c r="H11" s="327">
        <v>57915884</v>
      </c>
      <c r="I11" s="327">
        <v>46956318</v>
      </c>
      <c r="J11" s="327">
        <v>49551468</v>
      </c>
      <c r="K11" s="327">
        <v>41445141</v>
      </c>
      <c r="L11" s="329">
        <v>251266205</v>
      </c>
      <c r="M11" s="330">
        <v>261884972</v>
      </c>
      <c r="N11" s="326">
        <v>1318238</v>
      </c>
      <c r="O11" s="327">
        <v>2658758</v>
      </c>
      <c r="P11" s="328">
        <v>3976996</v>
      </c>
      <c r="Q11" s="326">
        <v>0</v>
      </c>
      <c r="R11" s="327">
        <v>19478100</v>
      </c>
      <c r="S11" s="327">
        <v>20395879</v>
      </c>
      <c r="T11" s="327">
        <v>15212669</v>
      </c>
      <c r="U11" s="327">
        <v>20098988</v>
      </c>
      <c r="V11" s="327">
        <v>18434237</v>
      </c>
      <c r="W11" s="328">
        <v>93619873</v>
      </c>
      <c r="X11" s="330">
        <v>97596869</v>
      </c>
      <c r="Y11" s="326">
        <v>0</v>
      </c>
      <c r="Z11" s="327">
        <v>0</v>
      </c>
      <c r="AA11" s="328">
        <v>0</v>
      </c>
      <c r="AB11" s="326">
        <v>0</v>
      </c>
      <c r="AC11" s="327">
        <v>6654987</v>
      </c>
      <c r="AD11" s="327">
        <v>8633574</v>
      </c>
      <c r="AE11" s="327">
        <v>5943418</v>
      </c>
      <c r="AF11" s="327">
        <v>10736249</v>
      </c>
      <c r="AG11" s="327">
        <v>10908216</v>
      </c>
      <c r="AH11" s="328">
        <v>42876444</v>
      </c>
      <c r="AI11" s="330">
        <v>42876444</v>
      </c>
      <c r="AJ11" s="326">
        <v>0</v>
      </c>
      <c r="AK11" s="327">
        <v>0</v>
      </c>
      <c r="AL11" s="328">
        <v>0</v>
      </c>
      <c r="AM11" s="326">
        <v>0</v>
      </c>
      <c r="AN11" s="327">
        <v>161921</v>
      </c>
      <c r="AO11" s="327">
        <v>341837</v>
      </c>
      <c r="AP11" s="327">
        <v>313643</v>
      </c>
      <c r="AQ11" s="327">
        <v>1341780</v>
      </c>
      <c r="AR11" s="327">
        <v>1481155</v>
      </c>
      <c r="AS11" s="328">
        <v>3640336</v>
      </c>
      <c r="AT11" s="330">
        <v>3640336</v>
      </c>
      <c r="AU11" s="326">
        <v>732294</v>
      </c>
      <c r="AV11" s="327">
        <v>1977222</v>
      </c>
      <c r="AW11" s="328">
        <v>2709516</v>
      </c>
      <c r="AX11" s="326">
        <v>0</v>
      </c>
      <c r="AY11" s="327">
        <v>8616424</v>
      </c>
      <c r="AZ11" s="327">
        <v>7602291</v>
      </c>
      <c r="BA11" s="327">
        <v>5562795</v>
      </c>
      <c r="BB11" s="327">
        <v>4651650</v>
      </c>
      <c r="BC11" s="327">
        <v>3007680</v>
      </c>
      <c r="BD11" s="328">
        <v>29440840</v>
      </c>
      <c r="BE11" s="330">
        <v>32150356</v>
      </c>
      <c r="BF11" s="326">
        <v>102965</v>
      </c>
      <c r="BG11" s="327">
        <v>97603</v>
      </c>
      <c r="BH11" s="331">
        <v>200568</v>
      </c>
      <c r="BI11" s="332">
        <v>0</v>
      </c>
      <c r="BJ11" s="327">
        <v>671181</v>
      </c>
      <c r="BK11" s="327">
        <v>446970</v>
      </c>
      <c r="BL11" s="327">
        <v>300808</v>
      </c>
      <c r="BM11" s="327">
        <v>569988</v>
      </c>
      <c r="BN11" s="327">
        <v>236045</v>
      </c>
      <c r="BO11" s="328">
        <v>2224992</v>
      </c>
      <c r="BP11" s="330">
        <v>2425560</v>
      </c>
      <c r="BQ11" s="326">
        <v>482979</v>
      </c>
      <c r="BR11" s="327">
        <v>583933</v>
      </c>
      <c r="BS11" s="328">
        <v>1066912</v>
      </c>
      <c r="BT11" s="326">
        <v>0</v>
      </c>
      <c r="BU11" s="327">
        <v>3373587</v>
      </c>
      <c r="BV11" s="327">
        <v>3371207</v>
      </c>
      <c r="BW11" s="327">
        <v>3092005</v>
      </c>
      <c r="BX11" s="327">
        <v>2799321</v>
      </c>
      <c r="BY11" s="327">
        <v>2801141</v>
      </c>
      <c r="BZ11" s="328">
        <v>15437261</v>
      </c>
      <c r="CA11" s="330">
        <v>16504173</v>
      </c>
      <c r="CB11" s="326">
        <v>149351</v>
      </c>
      <c r="CC11" s="327">
        <v>531007</v>
      </c>
      <c r="CD11" s="328">
        <v>680358</v>
      </c>
      <c r="CE11" s="326">
        <v>0</v>
      </c>
      <c r="CF11" s="327">
        <v>13466893</v>
      </c>
      <c r="CG11" s="327">
        <v>12633508</v>
      </c>
      <c r="CH11" s="327">
        <v>9054670</v>
      </c>
      <c r="CI11" s="327">
        <v>5236258</v>
      </c>
      <c r="CJ11" s="327">
        <v>2737757</v>
      </c>
      <c r="CK11" s="328">
        <v>43129086</v>
      </c>
      <c r="CL11" s="330">
        <v>43809444</v>
      </c>
      <c r="CM11" s="326">
        <v>0</v>
      </c>
      <c r="CN11" s="327">
        <v>0</v>
      </c>
      <c r="CO11" s="328">
        <v>0</v>
      </c>
      <c r="CP11" s="332">
        <v>0</v>
      </c>
      <c r="CQ11" s="327">
        <v>10735588</v>
      </c>
      <c r="CR11" s="327">
        <v>9256140</v>
      </c>
      <c r="CS11" s="327">
        <v>6410228</v>
      </c>
      <c r="CT11" s="327">
        <v>3606560</v>
      </c>
      <c r="CU11" s="327">
        <v>2053450</v>
      </c>
      <c r="CV11" s="328">
        <v>32061966</v>
      </c>
      <c r="CW11" s="330">
        <v>32061966</v>
      </c>
      <c r="CX11" s="326">
        <v>149351</v>
      </c>
      <c r="CY11" s="327">
        <v>531007</v>
      </c>
      <c r="CZ11" s="328">
        <v>680358</v>
      </c>
      <c r="DA11" s="326">
        <v>0</v>
      </c>
      <c r="DB11" s="327">
        <v>2731305</v>
      </c>
      <c r="DC11" s="327">
        <v>3377368</v>
      </c>
      <c r="DD11" s="327">
        <v>2644442</v>
      </c>
      <c r="DE11" s="327">
        <v>1629698</v>
      </c>
      <c r="DF11" s="327">
        <v>684307</v>
      </c>
      <c r="DG11" s="328">
        <v>11067120</v>
      </c>
      <c r="DH11" s="330">
        <v>11747478</v>
      </c>
      <c r="DI11" s="326">
        <v>11538</v>
      </c>
      <c r="DJ11" s="327">
        <v>70964</v>
      </c>
      <c r="DK11" s="331">
        <v>82502</v>
      </c>
      <c r="DL11" s="332">
        <v>0</v>
      </c>
      <c r="DM11" s="327">
        <v>876544</v>
      </c>
      <c r="DN11" s="327">
        <v>1948225</v>
      </c>
      <c r="DO11" s="327">
        <v>3139895</v>
      </c>
      <c r="DP11" s="327">
        <v>2080656</v>
      </c>
      <c r="DQ11" s="327">
        <v>1493421</v>
      </c>
      <c r="DR11" s="328">
        <v>9538741</v>
      </c>
      <c r="DS11" s="330">
        <v>9621243</v>
      </c>
      <c r="DT11" s="326">
        <v>11538</v>
      </c>
      <c r="DU11" s="327">
        <v>70964</v>
      </c>
      <c r="DV11" s="328">
        <v>82502</v>
      </c>
      <c r="DW11" s="326">
        <v>0</v>
      </c>
      <c r="DX11" s="327">
        <v>529888</v>
      </c>
      <c r="DY11" s="327">
        <v>1743341</v>
      </c>
      <c r="DZ11" s="327">
        <v>2322025</v>
      </c>
      <c r="EA11" s="327">
        <v>1781804</v>
      </c>
      <c r="EB11" s="327">
        <v>1205849</v>
      </c>
      <c r="EC11" s="328">
        <v>7582907</v>
      </c>
      <c r="ED11" s="330">
        <v>7665409</v>
      </c>
      <c r="EE11" s="326">
        <v>0</v>
      </c>
      <c r="EF11" s="331">
        <v>0</v>
      </c>
      <c r="EG11" s="328">
        <v>0</v>
      </c>
      <c r="EH11" s="326">
        <v>0</v>
      </c>
      <c r="EI11" s="327">
        <v>346656</v>
      </c>
      <c r="EJ11" s="327">
        <v>204884</v>
      </c>
      <c r="EK11" s="327">
        <v>817870</v>
      </c>
      <c r="EL11" s="327">
        <v>298852</v>
      </c>
      <c r="EM11" s="327">
        <v>287572</v>
      </c>
      <c r="EN11" s="331">
        <v>1955834</v>
      </c>
      <c r="EO11" s="330">
        <v>1955834</v>
      </c>
      <c r="EP11" s="326">
        <v>0</v>
      </c>
      <c r="EQ11" s="327">
        <v>0</v>
      </c>
      <c r="ER11" s="331">
        <v>0</v>
      </c>
      <c r="ES11" s="332">
        <v>0</v>
      </c>
      <c r="ET11" s="327">
        <v>0</v>
      </c>
      <c r="EU11" s="327">
        <v>0</v>
      </c>
      <c r="EV11" s="327">
        <v>0</v>
      </c>
      <c r="EW11" s="327">
        <v>0</v>
      </c>
      <c r="EX11" s="327">
        <v>0</v>
      </c>
      <c r="EY11" s="328">
        <v>0</v>
      </c>
      <c r="EZ11" s="330">
        <v>0</v>
      </c>
      <c r="FA11" s="326">
        <v>0</v>
      </c>
      <c r="FB11" s="327">
        <v>0</v>
      </c>
      <c r="FC11" s="331">
        <v>0</v>
      </c>
      <c r="FD11" s="404">
        <v>0</v>
      </c>
      <c r="FE11" s="327">
        <v>0</v>
      </c>
      <c r="FF11" s="327">
        <v>0</v>
      </c>
      <c r="FG11" s="327">
        <v>0</v>
      </c>
      <c r="FH11" s="327">
        <v>0</v>
      </c>
      <c r="FI11" s="327">
        <v>0</v>
      </c>
      <c r="FJ11" s="328">
        <v>0</v>
      </c>
      <c r="FK11" s="330">
        <v>0</v>
      </c>
      <c r="FL11" s="326">
        <v>696881</v>
      </c>
      <c r="FM11" s="327">
        <v>1580606</v>
      </c>
      <c r="FN11" s="328">
        <v>2277487</v>
      </c>
      <c r="FO11" s="326">
        <v>0</v>
      </c>
      <c r="FP11" s="327">
        <v>2782780</v>
      </c>
      <c r="FQ11" s="327">
        <v>4694102</v>
      </c>
      <c r="FR11" s="327">
        <v>3400719</v>
      </c>
      <c r="FS11" s="327">
        <v>3213560</v>
      </c>
      <c r="FT11" s="327">
        <v>2601902</v>
      </c>
      <c r="FU11" s="328">
        <v>16693063</v>
      </c>
      <c r="FV11" s="330">
        <v>18970550</v>
      </c>
      <c r="FW11" s="333">
        <v>447454</v>
      </c>
      <c r="FX11" s="327">
        <v>947443</v>
      </c>
      <c r="FY11" s="331">
        <v>1394897</v>
      </c>
      <c r="FZ11" s="332">
        <v>0</v>
      </c>
      <c r="GA11" s="327">
        <v>2086343</v>
      </c>
      <c r="GB11" s="327">
        <v>4405345</v>
      </c>
      <c r="GC11" s="327">
        <v>3259809</v>
      </c>
      <c r="GD11" s="327">
        <v>3049795</v>
      </c>
      <c r="GE11" s="327">
        <v>2401490</v>
      </c>
      <c r="GF11" s="328">
        <v>15202782</v>
      </c>
      <c r="GG11" s="334">
        <v>16597679</v>
      </c>
      <c r="GH11" s="333">
        <v>29837</v>
      </c>
      <c r="GI11" s="327">
        <v>112924</v>
      </c>
      <c r="GJ11" s="331">
        <v>142761</v>
      </c>
      <c r="GK11" s="332">
        <v>0</v>
      </c>
      <c r="GL11" s="327">
        <v>124327</v>
      </c>
      <c r="GM11" s="327">
        <v>131922</v>
      </c>
      <c r="GN11" s="327">
        <v>55825</v>
      </c>
      <c r="GO11" s="327">
        <v>163765</v>
      </c>
      <c r="GP11" s="327">
        <v>63338</v>
      </c>
      <c r="GQ11" s="328">
        <v>539177</v>
      </c>
      <c r="GR11" s="330">
        <v>681938</v>
      </c>
      <c r="GS11" s="326">
        <v>219590</v>
      </c>
      <c r="GT11" s="327">
        <v>520239</v>
      </c>
      <c r="GU11" s="328">
        <v>739829</v>
      </c>
      <c r="GV11" s="326">
        <v>0</v>
      </c>
      <c r="GW11" s="327">
        <v>572110</v>
      </c>
      <c r="GX11" s="327">
        <v>156835</v>
      </c>
      <c r="GY11" s="327">
        <v>85085</v>
      </c>
      <c r="GZ11" s="327">
        <v>0</v>
      </c>
      <c r="HA11" s="327">
        <v>137074</v>
      </c>
      <c r="HB11" s="331">
        <v>951104</v>
      </c>
      <c r="HC11" s="330">
        <v>1690933</v>
      </c>
      <c r="HD11" s="326">
        <v>1840460</v>
      </c>
      <c r="HE11" s="327">
        <v>1760964</v>
      </c>
      <c r="HF11" s="331">
        <v>3601424</v>
      </c>
      <c r="HG11" s="332">
        <v>0</v>
      </c>
      <c r="HH11" s="327">
        <v>18793077</v>
      </c>
      <c r="HI11" s="327">
        <v>18244170</v>
      </c>
      <c r="HJ11" s="327">
        <v>16148365</v>
      </c>
      <c r="HK11" s="327">
        <v>18922006</v>
      </c>
      <c r="HL11" s="327">
        <v>16177824</v>
      </c>
      <c r="HM11" s="328">
        <v>88285442</v>
      </c>
      <c r="HN11" s="329">
        <v>91886866</v>
      </c>
      <c r="HO11" s="333">
        <v>0</v>
      </c>
      <c r="HP11" s="327">
        <v>0</v>
      </c>
      <c r="HQ11" s="328">
        <v>0</v>
      </c>
      <c r="HR11" s="326">
        <v>0</v>
      </c>
      <c r="HS11" s="327">
        <v>0</v>
      </c>
      <c r="HT11" s="327">
        <v>0</v>
      </c>
      <c r="HU11" s="327">
        <v>0</v>
      </c>
      <c r="HV11" s="327">
        <v>0</v>
      </c>
      <c r="HW11" s="327">
        <v>0</v>
      </c>
      <c r="HX11" s="331">
        <v>0</v>
      </c>
      <c r="HY11" s="330">
        <v>0</v>
      </c>
      <c r="HZ11" s="335">
        <v>0</v>
      </c>
      <c r="IA11" s="336">
        <v>345845</v>
      </c>
      <c r="IB11" s="337">
        <v>345845</v>
      </c>
      <c r="IC11" s="338">
        <v>0</v>
      </c>
      <c r="ID11" s="336">
        <v>10245976</v>
      </c>
      <c r="IE11" s="339">
        <v>12940286</v>
      </c>
      <c r="IF11" s="337">
        <v>16526360</v>
      </c>
      <c r="IG11" s="336">
        <v>9612488</v>
      </c>
      <c r="IH11" s="337">
        <v>11557927</v>
      </c>
      <c r="II11" s="340">
        <v>60883037</v>
      </c>
      <c r="IJ11" s="341">
        <v>61228882</v>
      </c>
      <c r="IK11" s="342">
        <v>0</v>
      </c>
      <c r="IL11" s="343">
        <v>0</v>
      </c>
      <c r="IM11" s="344">
        <v>0</v>
      </c>
      <c r="IN11" s="404">
        <v>0</v>
      </c>
      <c r="IO11" s="345">
        <v>174437</v>
      </c>
      <c r="IP11" s="345">
        <v>611592</v>
      </c>
      <c r="IQ11" s="345">
        <v>1368328</v>
      </c>
      <c r="IR11" s="345">
        <v>1182826</v>
      </c>
      <c r="IS11" s="345">
        <v>1307908</v>
      </c>
      <c r="IT11" s="346">
        <v>4645091</v>
      </c>
      <c r="IU11" s="347">
        <v>4645091</v>
      </c>
      <c r="IV11" s="348">
        <v>0</v>
      </c>
      <c r="IW11" s="345">
        <v>0</v>
      </c>
      <c r="IX11" s="349">
        <v>0</v>
      </c>
      <c r="IY11" s="404">
        <v>0</v>
      </c>
      <c r="IZ11" s="345">
        <v>66579</v>
      </c>
      <c r="JA11" s="345">
        <v>164592</v>
      </c>
      <c r="JB11" s="345">
        <v>69981</v>
      </c>
      <c r="JC11" s="345">
        <v>304138</v>
      </c>
      <c r="JD11" s="345">
        <v>339315</v>
      </c>
      <c r="JE11" s="349">
        <v>944605</v>
      </c>
      <c r="JF11" s="350">
        <v>944605</v>
      </c>
      <c r="JG11" s="348">
        <v>0</v>
      </c>
      <c r="JH11" s="345">
        <v>0</v>
      </c>
      <c r="JI11" s="346">
        <v>0</v>
      </c>
      <c r="JJ11" s="351">
        <v>0</v>
      </c>
      <c r="JK11" s="345">
        <v>4614791</v>
      </c>
      <c r="JL11" s="345">
        <v>3685250</v>
      </c>
      <c r="JM11" s="345">
        <v>2559073</v>
      </c>
      <c r="JN11" s="345">
        <v>1855007</v>
      </c>
      <c r="JO11" s="345">
        <v>1662350</v>
      </c>
      <c r="JP11" s="349">
        <v>14376471</v>
      </c>
      <c r="JQ11" s="347">
        <v>14376471</v>
      </c>
      <c r="JR11" s="348">
        <v>0</v>
      </c>
      <c r="JS11" s="345">
        <v>0</v>
      </c>
      <c r="JT11" s="346">
        <v>0</v>
      </c>
      <c r="JU11" s="351">
        <v>0</v>
      </c>
      <c r="JV11" s="345">
        <v>771979</v>
      </c>
      <c r="JW11" s="345">
        <v>1804617</v>
      </c>
      <c r="JX11" s="345">
        <v>1963600</v>
      </c>
      <c r="JY11" s="345">
        <v>100438</v>
      </c>
      <c r="JZ11" s="345">
        <v>502646</v>
      </c>
      <c r="KA11" s="349">
        <v>5143280</v>
      </c>
      <c r="KB11" s="347">
        <v>5143280</v>
      </c>
      <c r="KC11" s="352">
        <v>0</v>
      </c>
      <c r="KD11" s="353">
        <v>345845</v>
      </c>
      <c r="KE11" s="349">
        <v>345845</v>
      </c>
      <c r="KF11" s="351">
        <v>0</v>
      </c>
      <c r="KG11" s="345">
        <v>889518</v>
      </c>
      <c r="KH11" s="345">
        <v>1123102</v>
      </c>
      <c r="KI11" s="345">
        <v>2285174</v>
      </c>
      <c r="KJ11" s="345">
        <v>1065193</v>
      </c>
      <c r="KK11" s="345">
        <v>1036542</v>
      </c>
      <c r="KL11" s="349">
        <v>6399529</v>
      </c>
      <c r="KM11" s="354">
        <v>6745374</v>
      </c>
      <c r="KN11" s="342">
        <v>0</v>
      </c>
      <c r="KO11" s="343">
        <v>0</v>
      </c>
      <c r="KP11" s="344">
        <v>0</v>
      </c>
      <c r="KQ11" s="404">
        <v>0</v>
      </c>
      <c r="KR11" s="345">
        <v>3222220</v>
      </c>
      <c r="KS11" s="345">
        <v>4775811</v>
      </c>
      <c r="KT11" s="345">
        <v>5870193</v>
      </c>
      <c r="KU11" s="345">
        <v>2412548</v>
      </c>
      <c r="KV11" s="345">
        <v>3584484</v>
      </c>
      <c r="KW11" s="349">
        <v>19865256</v>
      </c>
      <c r="KX11" s="347">
        <v>19865256</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206614</v>
      </c>
      <c r="LP11" s="345">
        <v>1168668</v>
      </c>
      <c r="LQ11" s="345">
        <v>1471649</v>
      </c>
      <c r="LR11" s="345">
        <v>1005240</v>
      </c>
      <c r="LS11" s="349">
        <v>3852171</v>
      </c>
      <c r="LT11" s="347">
        <v>3852171</v>
      </c>
      <c r="LU11" s="348">
        <v>0</v>
      </c>
      <c r="LV11" s="345">
        <v>0</v>
      </c>
      <c r="LW11" s="349">
        <v>0</v>
      </c>
      <c r="LX11" s="404">
        <v>0</v>
      </c>
      <c r="LY11" s="345">
        <v>506452</v>
      </c>
      <c r="LZ11" s="345">
        <v>568708</v>
      </c>
      <c r="MA11" s="345">
        <v>1241343</v>
      </c>
      <c r="MB11" s="345">
        <v>1220689</v>
      </c>
      <c r="MC11" s="345">
        <v>2119442</v>
      </c>
      <c r="MD11" s="349">
        <v>5656634</v>
      </c>
      <c r="ME11" s="350">
        <v>5656634</v>
      </c>
      <c r="MF11" s="348">
        <v>0</v>
      </c>
      <c r="MG11" s="345">
        <v>0</v>
      </c>
      <c r="MH11" s="349">
        <v>0</v>
      </c>
      <c r="MI11" s="404">
        <v>0</v>
      </c>
      <c r="MJ11" s="345">
        <v>1858735</v>
      </c>
      <c r="MK11" s="345">
        <v>4161648</v>
      </c>
      <c r="ML11" s="345">
        <v>11840537</v>
      </c>
      <c r="MM11" s="345">
        <v>22296371</v>
      </c>
      <c r="MN11" s="345">
        <v>13366635</v>
      </c>
      <c r="MO11" s="349">
        <v>53523926</v>
      </c>
      <c r="MP11" s="354">
        <v>53523926</v>
      </c>
      <c r="MQ11" s="348">
        <v>0</v>
      </c>
      <c r="MR11" s="345">
        <v>0</v>
      </c>
      <c r="MS11" s="349">
        <v>0</v>
      </c>
      <c r="MT11" s="404">
        <v>0</v>
      </c>
      <c r="MU11" s="345">
        <v>157388</v>
      </c>
      <c r="MV11" s="345">
        <v>849163</v>
      </c>
      <c r="MW11" s="345">
        <v>7201463</v>
      </c>
      <c r="MX11" s="345">
        <v>10835800</v>
      </c>
      <c r="MY11" s="345">
        <v>8261782</v>
      </c>
      <c r="MZ11" s="349">
        <v>27305596</v>
      </c>
      <c r="NA11" s="354">
        <v>27305596</v>
      </c>
      <c r="NB11" s="348">
        <v>0</v>
      </c>
      <c r="NC11" s="345">
        <v>0</v>
      </c>
      <c r="ND11" s="349">
        <v>0</v>
      </c>
      <c r="NE11" s="404">
        <v>0</v>
      </c>
      <c r="NF11" s="345">
        <v>1701347</v>
      </c>
      <c r="NG11" s="345">
        <v>3041354</v>
      </c>
      <c r="NH11" s="345">
        <v>4639074</v>
      </c>
      <c r="NI11" s="345">
        <v>11460571</v>
      </c>
      <c r="NJ11" s="345">
        <v>4455082</v>
      </c>
      <c r="NK11" s="349">
        <v>25297428</v>
      </c>
      <c r="NL11" s="347">
        <v>25297428</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271131</v>
      </c>
      <c r="OD11" s="345">
        <v>0</v>
      </c>
      <c r="OE11" s="345">
        <v>0</v>
      </c>
      <c r="OF11" s="345">
        <v>649771</v>
      </c>
      <c r="OG11" s="349">
        <v>920902</v>
      </c>
      <c r="OH11" s="350">
        <v>920902</v>
      </c>
      <c r="OI11" s="348">
        <v>4016468</v>
      </c>
      <c r="OJ11" s="345">
        <v>6948144</v>
      </c>
      <c r="OK11" s="346">
        <v>10964612</v>
      </c>
      <c r="OL11" s="351">
        <v>0</v>
      </c>
      <c r="OM11" s="345">
        <v>67502105</v>
      </c>
      <c r="ON11" s="345">
        <v>75017818</v>
      </c>
      <c r="OO11" s="345">
        <v>75323215</v>
      </c>
      <c r="OP11" s="345">
        <v>81460327</v>
      </c>
      <c r="OQ11" s="345">
        <v>66369703</v>
      </c>
      <c r="OR11" s="349">
        <v>365673168</v>
      </c>
      <c r="OS11" s="354">
        <v>376637780</v>
      </c>
    </row>
    <row r="12" spans="2:409" s="70" customFormat="1" ht="21" customHeight="1" x14ac:dyDescent="0.2">
      <c r="B12" s="106" t="s">
        <v>14</v>
      </c>
      <c r="C12" s="326">
        <v>1037630</v>
      </c>
      <c r="D12" s="327">
        <v>2193279</v>
      </c>
      <c r="E12" s="328">
        <v>3230909</v>
      </c>
      <c r="F12" s="329">
        <v>0</v>
      </c>
      <c r="G12" s="327">
        <v>13170316</v>
      </c>
      <c r="H12" s="327">
        <v>23520617</v>
      </c>
      <c r="I12" s="327">
        <v>19244627</v>
      </c>
      <c r="J12" s="327">
        <v>16201459</v>
      </c>
      <c r="K12" s="327">
        <v>12153643</v>
      </c>
      <c r="L12" s="331">
        <v>84290662</v>
      </c>
      <c r="M12" s="330">
        <v>87521571</v>
      </c>
      <c r="N12" s="326">
        <v>234197</v>
      </c>
      <c r="O12" s="327">
        <v>607476</v>
      </c>
      <c r="P12" s="328">
        <v>841673</v>
      </c>
      <c r="Q12" s="326">
        <v>0</v>
      </c>
      <c r="R12" s="327">
        <v>3728867</v>
      </c>
      <c r="S12" s="327">
        <v>8640577</v>
      </c>
      <c r="T12" s="327">
        <v>5949674</v>
      </c>
      <c r="U12" s="327">
        <v>5670384</v>
      </c>
      <c r="V12" s="327">
        <v>5454972</v>
      </c>
      <c r="W12" s="328">
        <v>29444474</v>
      </c>
      <c r="X12" s="330">
        <v>30286147</v>
      </c>
      <c r="Y12" s="326">
        <v>0</v>
      </c>
      <c r="Z12" s="327">
        <v>0</v>
      </c>
      <c r="AA12" s="328">
        <v>0</v>
      </c>
      <c r="AB12" s="326">
        <v>0</v>
      </c>
      <c r="AC12" s="327">
        <v>1751443</v>
      </c>
      <c r="AD12" s="327">
        <v>4170454</v>
      </c>
      <c r="AE12" s="327">
        <v>2999034</v>
      </c>
      <c r="AF12" s="327">
        <v>2823589</v>
      </c>
      <c r="AG12" s="327">
        <v>2898967</v>
      </c>
      <c r="AH12" s="328">
        <v>14643487</v>
      </c>
      <c r="AI12" s="330">
        <v>14643487</v>
      </c>
      <c r="AJ12" s="326">
        <v>0</v>
      </c>
      <c r="AK12" s="327">
        <v>0</v>
      </c>
      <c r="AL12" s="328">
        <v>0</v>
      </c>
      <c r="AM12" s="326">
        <v>0</v>
      </c>
      <c r="AN12" s="327">
        <v>32886</v>
      </c>
      <c r="AO12" s="327">
        <v>93725</v>
      </c>
      <c r="AP12" s="327">
        <v>233935</v>
      </c>
      <c r="AQ12" s="327">
        <v>565667</v>
      </c>
      <c r="AR12" s="327">
        <v>596917</v>
      </c>
      <c r="AS12" s="328">
        <v>1523130</v>
      </c>
      <c r="AT12" s="330">
        <v>1523130</v>
      </c>
      <c r="AU12" s="326">
        <v>161453</v>
      </c>
      <c r="AV12" s="327">
        <v>334071</v>
      </c>
      <c r="AW12" s="328">
        <v>495524</v>
      </c>
      <c r="AX12" s="326">
        <v>0</v>
      </c>
      <c r="AY12" s="327">
        <v>1020356</v>
      </c>
      <c r="AZ12" s="327">
        <v>2929230</v>
      </c>
      <c r="BA12" s="327">
        <v>1442531</v>
      </c>
      <c r="BB12" s="327">
        <v>1309549</v>
      </c>
      <c r="BC12" s="327">
        <v>1174199</v>
      </c>
      <c r="BD12" s="328">
        <v>7875865</v>
      </c>
      <c r="BE12" s="330">
        <v>8371389</v>
      </c>
      <c r="BF12" s="326">
        <v>0</v>
      </c>
      <c r="BG12" s="327">
        <v>55754</v>
      </c>
      <c r="BH12" s="331">
        <v>55754</v>
      </c>
      <c r="BI12" s="332">
        <v>0</v>
      </c>
      <c r="BJ12" s="327">
        <v>61180</v>
      </c>
      <c r="BK12" s="327">
        <v>254942</v>
      </c>
      <c r="BL12" s="327">
        <v>65470</v>
      </c>
      <c r="BM12" s="327">
        <v>0</v>
      </c>
      <c r="BN12" s="327">
        <v>14560</v>
      </c>
      <c r="BO12" s="328">
        <v>396152</v>
      </c>
      <c r="BP12" s="330">
        <v>451906</v>
      </c>
      <c r="BQ12" s="326">
        <v>72744</v>
      </c>
      <c r="BR12" s="327">
        <v>217651</v>
      </c>
      <c r="BS12" s="328">
        <v>290395</v>
      </c>
      <c r="BT12" s="326">
        <v>0</v>
      </c>
      <c r="BU12" s="327">
        <v>863002</v>
      </c>
      <c r="BV12" s="327">
        <v>1192226</v>
      </c>
      <c r="BW12" s="327">
        <v>1208704</v>
      </c>
      <c r="BX12" s="327">
        <v>971579</v>
      </c>
      <c r="BY12" s="327">
        <v>770329</v>
      </c>
      <c r="BZ12" s="328">
        <v>5005840</v>
      </c>
      <c r="CA12" s="330">
        <v>5296235</v>
      </c>
      <c r="CB12" s="326">
        <v>110923</v>
      </c>
      <c r="CC12" s="327">
        <v>335940</v>
      </c>
      <c r="CD12" s="328">
        <v>446863</v>
      </c>
      <c r="CE12" s="326">
        <v>0</v>
      </c>
      <c r="CF12" s="327">
        <v>3972444</v>
      </c>
      <c r="CG12" s="327">
        <v>7195276</v>
      </c>
      <c r="CH12" s="327">
        <v>5127881</v>
      </c>
      <c r="CI12" s="327">
        <v>2279581</v>
      </c>
      <c r="CJ12" s="327">
        <v>1736979</v>
      </c>
      <c r="CK12" s="328">
        <v>20312161</v>
      </c>
      <c r="CL12" s="330">
        <v>20759024</v>
      </c>
      <c r="CM12" s="326">
        <v>0</v>
      </c>
      <c r="CN12" s="327">
        <v>0</v>
      </c>
      <c r="CO12" s="328">
        <v>0</v>
      </c>
      <c r="CP12" s="332">
        <v>0</v>
      </c>
      <c r="CQ12" s="327">
        <v>3704687</v>
      </c>
      <c r="CR12" s="327">
        <v>6151465</v>
      </c>
      <c r="CS12" s="327">
        <v>4505064</v>
      </c>
      <c r="CT12" s="327">
        <v>1732547</v>
      </c>
      <c r="CU12" s="327">
        <v>1437637</v>
      </c>
      <c r="CV12" s="328">
        <v>17531400</v>
      </c>
      <c r="CW12" s="330">
        <v>17531400</v>
      </c>
      <c r="CX12" s="326">
        <v>110923</v>
      </c>
      <c r="CY12" s="327">
        <v>335940</v>
      </c>
      <c r="CZ12" s="328">
        <v>446863</v>
      </c>
      <c r="DA12" s="326">
        <v>0</v>
      </c>
      <c r="DB12" s="327">
        <v>267757</v>
      </c>
      <c r="DC12" s="327">
        <v>1043811</v>
      </c>
      <c r="DD12" s="327">
        <v>622817</v>
      </c>
      <c r="DE12" s="327">
        <v>547034</v>
      </c>
      <c r="DF12" s="327">
        <v>299342</v>
      </c>
      <c r="DG12" s="328">
        <v>2780761</v>
      </c>
      <c r="DH12" s="330">
        <v>3227624</v>
      </c>
      <c r="DI12" s="326">
        <v>0</v>
      </c>
      <c r="DJ12" s="327">
        <v>0</v>
      </c>
      <c r="DK12" s="331">
        <v>0</v>
      </c>
      <c r="DL12" s="332">
        <v>0</v>
      </c>
      <c r="DM12" s="327">
        <v>173912</v>
      </c>
      <c r="DN12" s="327">
        <v>613971</v>
      </c>
      <c r="DO12" s="327">
        <v>1121509</v>
      </c>
      <c r="DP12" s="327">
        <v>1017552</v>
      </c>
      <c r="DQ12" s="327">
        <v>607346</v>
      </c>
      <c r="DR12" s="328">
        <v>3534290</v>
      </c>
      <c r="DS12" s="330">
        <v>3534290</v>
      </c>
      <c r="DT12" s="326">
        <v>0</v>
      </c>
      <c r="DU12" s="327">
        <v>0</v>
      </c>
      <c r="DV12" s="328">
        <v>0</v>
      </c>
      <c r="DW12" s="326">
        <v>0</v>
      </c>
      <c r="DX12" s="327">
        <v>173912</v>
      </c>
      <c r="DY12" s="327">
        <v>613971</v>
      </c>
      <c r="DZ12" s="327">
        <v>1121509</v>
      </c>
      <c r="EA12" s="327">
        <v>1017552</v>
      </c>
      <c r="EB12" s="327">
        <v>607346</v>
      </c>
      <c r="EC12" s="328">
        <v>3534290</v>
      </c>
      <c r="ED12" s="330">
        <v>3534290</v>
      </c>
      <c r="EE12" s="326">
        <v>0</v>
      </c>
      <c r="EF12" s="331">
        <v>0</v>
      </c>
      <c r="EG12" s="328">
        <v>0</v>
      </c>
      <c r="EH12" s="326">
        <v>0</v>
      </c>
      <c r="EI12" s="327">
        <v>0</v>
      </c>
      <c r="EJ12" s="327">
        <v>0</v>
      </c>
      <c r="EK12" s="327">
        <v>0</v>
      </c>
      <c r="EL12" s="327">
        <v>0</v>
      </c>
      <c r="EM12" s="327">
        <v>0</v>
      </c>
      <c r="EN12" s="331">
        <v>0</v>
      </c>
      <c r="EO12" s="330">
        <v>0</v>
      </c>
      <c r="EP12" s="326">
        <v>0</v>
      </c>
      <c r="EQ12" s="327">
        <v>0</v>
      </c>
      <c r="ER12" s="331">
        <v>0</v>
      </c>
      <c r="ES12" s="332">
        <v>0</v>
      </c>
      <c r="ET12" s="327">
        <v>0</v>
      </c>
      <c r="EU12" s="327">
        <v>0</v>
      </c>
      <c r="EV12" s="327">
        <v>0</v>
      </c>
      <c r="EW12" s="327">
        <v>0</v>
      </c>
      <c r="EX12" s="327">
        <v>0</v>
      </c>
      <c r="EY12" s="328">
        <v>0</v>
      </c>
      <c r="EZ12" s="330">
        <v>0</v>
      </c>
      <c r="FA12" s="326">
        <v>0</v>
      </c>
      <c r="FB12" s="327">
        <v>0</v>
      </c>
      <c r="FC12" s="331">
        <v>0</v>
      </c>
      <c r="FD12" s="404">
        <v>0</v>
      </c>
      <c r="FE12" s="327">
        <v>0</v>
      </c>
      <c r="FF12" s="327">
        <v>0</v>
      </c>
      <c r="FG12" s="327">
        <v>0</v>
      </c>
      <c r="FH12" s="327">
        <v>0</v>
      </c>
      <c r="FI12" s="327">
        <v>0</v>
      </c>
      <c r="FJ12" s="328">
        <v>0</v>
      </c>
      <c r="FK12" s="330">
        <v>0</v>
      </c>
      <c r="FL12" s="326">
        <v>408624</v>
      </c>
      <c r="FM12" s="327">
        <v>599802</v>
      </c>
      <c r="FN12" s="328">
        <v>1008426</v>
      </c>
      <c r="FO12" s="326">
        <v>0</v>
      </c>
      <c r="FP12" s="327">
        <v>635125</v>
      </c>
      <c r="FQ12" s="327">
        <v>2193632</v>
      </c>
      <c r="FR12" s="327">
        <v>1365147</v>
      </c>
      <c r="FS12" s="327">
        <v>1150800</v>
      </c>
      <c r="FT12" s="327">
        <v>1007482</v>
      </c>
      <c r="FU12" s="328">
        <v>6352186</v>
      </c>
      <c r="FV12" s="330">
        <v>7360612</v>
      </c>
      <c r="FW12" s="333">
        <v>179025</v>
      </c>
      <c r="FX12" s="327">
        <v>527632</v>
      </c>
      <c r="FY12" s="331">
        <v>706657</v>
      </c>
      <c r="FZ12" s="332">
        <v>0</v>
      </c>
      <c r="GA12" s="327">
        <v>515320</v>
      </c>
      <c r="GB12" s="327">
        <v>2166682</v>
      </c>
      <c r="GC12" s="327">
        <v>1352897</v>
      </c>
      <c r="GD12" s="327">
        <v>1021860</v>
      </c>
      <c r="GE12" s="327">
        <v>923482</v>
      </c>
      <c r="GF12" s="328">
        <v>5980241</v>
      </c>
      <c r="GG12" s="334">
        <v>6686898</v>
      </c>
      <c r="GH12" s="333">
        <v>70000</v>
      </c>
      <c r="GI12" s="327">
        <v>21070</v>
      </c>
      <c r="GJ12" s="331">
        <v>91070</v>
      </c>
      <c r="GK12" s="332">
        <v>0</v>
      </c>
      <c r="GL12" s="327">
        <v>35805</v>
      </c>
      <c r="GM12" s="327">
        <v>0</v>
      </c>
      <c r="GN12" s="327">
        <v>12250</v>
      </c>
      <c r="GO12" s="327">
        <v>96740</v>
      </c>
      <c r="GP12" s="327">
        <v>0</v>
      </c>
      <c r="GQ12" s="328">
        <v>144795</v>
      </c>
      <c r="GR12" s="330">
        <v>235865</v>
      </c>
      <c r="GS12" s="326">
        <v>159599</v>
      </c>
      <c r="GT12" s="327">
        <v>51100</v>
      </c>
      <c r="GU12" s="328">
        <v>210699</v>
      </c>
      <c r="GV12" s="326">
        <v>0</v>
      </c>
      <c r="GW12" s="327">
        <v>84000</v>
      </c>
      <c r="GX12" s="327">
        <v>26950</v>
      </c>
      <c r="GY12" s="327">
        <v>0</v>
      </c>
      <c r="GZ12" s="327">
        <v>32200</v>
      </c>
      <c r="HA12" s="327">
        <v>84000</v>
      </c>
      <c r="HB12" s="331">
        <v>227150</v>
      </c>
      <c r="HC12" s="330">
        <v>437849</v>
      </c>
      <c r="HD12" s="326">
        <v>283886</v>
      </c>
      <c r="HE12" s="327">
        <v>650061</v>
      </c>
      <c r="HF12" s="331">
        <v>933947</v>
      </c>
      <c r="HG12" s="332">
        <v>0</v>
      </c>
      <c r="HH12" s="327">
        <v>4659968</v>
      </c>
      <c r="HI12" s="327">
        <v>4877161</v>
      </c>
      <c r="HJ12" s="327">
        <v>5680416</v>
      </c>
      <c r="HK12" s="327">
        <v>6083142</v>
      </c>
      <c r="HL12" s="327">
        <v>3346864</v>
      </c>
      <c r="HM12" s="328">
        <v>24647551</v>
      </c>
      <c r="HN12" s="329">
        <v>25581498</v>
      </c>
      <c r="HO12" s="333">
        <v>0</v>
      </c>
      <c r="HP12" s="327">
        <v>0</v>
      </c>
      <c r="HQ12" s="328">
        <v>0</v>
      </c>
      <c r="HR12" s="326">
        <v>0</v>
      </c>
      <c r="HS12" s="327">
        <v>0</v>
      </c>
      <c r="HT12" s="327">
        <v>0</v>
      </c>
      <c r="HU12" s="327">
        <v>0</v>
      </c>
      <c r="HV12" s="327">
        <v>0</v>
      </c>
      <c r="HW12" s="327">
        <v>0</v>
      </c>
      <c r="HX12" s="331">
        <v>0</v>
      </c>
      <c r="HY12" s="330">
        <v>0</v>
      </c>
      <c r="HZ12" s="335">
        <v>68865</v>
      </c>
      <c r="IA12" s="336">
        <v>0</v>
      </c>
      <c r="IB12" s="337">
        <v>68865</v>
      </c>
      <c r="IC12" s="355">
        <v>0</v>
      </c>
      <c r="ID12" s="356">
        <v>2205770</v>
      </c>
      <c r="IE12" s="357">
        <v>5160913</v>
      </c>
      <c r="IF12" s="358">
        <v>6209453</v>
      </c>
      <c r="IG12" s="356">
        <v>3938589</v>
      </c>
      <c r="IH12" s="358">
        <v>2153443</v>
      </c>
      <c r="II12" s="359">
        <v>19668168</v>
      </c>
      <c r="IJ12" s="341">
        <v>19737033</v>
      </c>
      <c r="IK12" s="342">
        <v>0</v>
      </c>
      <c r="IL12" s="343">
        <v>0</v>
      </c>
      <c r="IM12" s="344">
        <v>0</v>
      </c>
      <c r="IN12" s="404">
        <v>0</v>
      </c>
      <c r="IO12" s="345">
        <v>51261</v>
      </c>
      <c r="IP12" s="345">
        <v>363892</v>
      </c>
      <c r="IQ12" s="345">
        <v>0</v>
      </c>
      <c r="IR12" s="345">
        <v>264152</v>
      </c>
      <c r="IS12" s="345">
        <v>295096</v>
      </c>
      <c r="IT12" s="346">
        <v>974401</v>
      </c>
      <c r="IU12" s="347">
        <v>974401</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1090307</v>
      </c>
      <c r="JL12" s="345">
        <v>2246464</v>
      </c>
      <c r="JM12" s="345">
        <v>1673047</v>
      </c>
      <c r="JN12" s="345">
        <v>623094</v>
      </c>
      <c r="JO12" s="345">
        <v>357197</v>
      </c>
      <c r="JP12" s="349">
        <v>5990109</v>
      </c>
      <c r="JQ12" s="347">
        <v>5990109</v>
      </c>
      <c r="JR12" s="348">
        <v>0</v>
      </c>
      <c r="JS12" s="345">
        <v>0</v>
      </c>
      <c r="JT12" s="346">
        <v>0</v>
      </c>
      <c r="JU12" s="351">
        <v>0</v>
      </c>
      <c r="JV12" s="345">
        <v>0</v>
      </c>
      <c r="JW12" s="345">
        <v>111787</v>
      </c>
      <c r="JX12" s="345">
        <v>0</v>
      </c>
      <c r="JY12" s="345">
        <v>24780</v>
      </c>
      <c r="JZ12" s="345">
        <v>0</v>
      </c>
      <c r="KA12" s="349">
        <v>136567</v>
      </c>
      <c r="KB12" s="347">
        <v>136567</v>
      </c>
      <c r="KC12" s="352">
        <v>68865</v>
      </c>
      <c r="KD12" s="353">
        <v>0</v>
      </c>
      <c r="KE12" s="349">
        <v>68865</v>
      </c>
      <c r="KF12" s="351">
        <v>0</v>
      </c>
      <c r="KG12" s="345">
        <v>391641</v>
      </c>
      <c r="KH12" s="345">
        <v>555677</v>
      </c>
      <c r="KI12" s="345">
        <v>1096648</v>
      </c>
      <c r="KJ12" s="345">
        <v>595690</v>
      </c>
      <c r="KK12" s="345">
        <v>508459</v>
      </c>
      <c r="KL12" s="349">
        <v>3148115</v>
      </c>
      <c r="KM12" s="354">
        <v>3216980</v>
      </c>
      <c r="KN12" s="342">
        <v>0</v>
      </c>
      <c r="KO12" s="343">
        <v>0</v>
      </c>
      <c r="KP12" s="344">
        <v>0</v>
      </c>
      <c r="KQ12" s="404">
        <v>0</v>
      </c>
      <c r="KR12" s="345">
        <v>672561</v>
      </c>
      <c r="KS12" s="345">
        <v>1490623</v>
      </c>
      <c r="KT12" s="345">
        <v>2973079</v>
      </c>
      <c r="KU12" s="345">
        <v>1199052</v>
      </c>
      <c r="KV12" s="345">
        <v>992691</v>
      </c>
      <c r="KW12" s="349">
        <v>7328006</v>
      </c>
      <c r="KX12" s="347">
        <v>7328006</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0</v>
      </c>
      <c r="LQ12" s="345">
        <v>692865</v>
      </c>
      <c r="LR12" s="345">
        <v>0</v>
      </c>
      <c r="LS12" s="349">
        <v>692865</v>
      </c>
      <c r="LT12" s="347">
        <v>692865</v>
      </c>
      <c r="LU12" s="348">
        <v>0</v>
      </c>
      <c r="LV12" s="345">
        <v>0</v>
      </c>
      <c r="LW12" s="349">
        <v>0</v>
      </c>
      <c r="LX12" s="404">
        <v>0</v>
      </c>
      <c r="LY12" s="345">
        <v>0</v>
      </c>
      <c r="LZ12" s="345">
        <v>392470</v>
      </c>
      <c r="MA12" s="345">
        <v>466679</v>
      </c>
      <c r="MB12" s="345">
        <v>538956</v>
      </c>
      <c r="MC12" s="345">
        <v>0</v>
      </c>
      <c r="MD12" s="349">
        <v>1398105</v>
      </c>
      <c r="ME12" s="350">
        <v>1398105</v>
      </c>
      <c r="MF12" s="348">
        <v>0</v>
      </c>
      <c r="MG12" s="345">
        <v>0</v>
      </c>
      <c r="MH12" s="349">
        <v>0</v>
      </c>
      <c r="MI12" s="404">
        <v>0</v>
      </c>
      <c r="MJ12" s="345">
        <v>229809</v>
      </c>
      <c r="MK12" s="345">
        <v>1665413</v>
      </c>
      <c r="ML12" s="345">
        <v>7008115</v>
      </c>
      <c r="MM12" s="345">
        <v>12555010</v>
      </c>
      <c r="MN12" s="345">
        <v>7002913</v>
      </c>
      <c r="MO12" s="349">
        <v>28461260</v>
      </c>
      <c r="MP12" s="354">
        <v>28461260</v>
      </c>
      <c r="MQ12" s="348">
        <v>0</v>
      </c>
      <c r="MR12" s="345">
        <v>0</v>
      </c>
      <c r="MS12" s="349">
        <v>0</v>
      </c>
      <c r="MT12" s="404">
        <v>0</v>
      </c>
      <c r="MU12" s="345">
        <v>0</v>
      </c>
      <c r="MV12" s="345">
        <v>0</v>
      </c>
      <c r="MW12" s="345">
        <v>4864728</v>
      </c>
      <c r="MX12" s="345">
        <v>8437301</v>
      </c>
      <c r="MY12" s="345">
        <v>5069279</v>
      </c>
      <c r="MZ12" s="349">
        <v>18371308</v>
      </c>
      <c r="NA12" s="354">
        <v>18371308</v>
      </c>
      <c r="NB12" s="348">
        <v>0</v>
      </c>
      <c r="NC12" s="345">
        <v>0</v>
      </c>
      <c r="ND12" s="349">
        <v>0</v>
      </c>
      <c r="NE12" s="404">
        <v>0</v>
      </c>
      <c r="NF12" s="345">
        <v>229809</v>
      </c>
      <c r="NG12" s="345">
        <v>1665413</v>
      </c>
      <c r="NH12" s="345">
        <v>1866760</v>
      </c>
      <c r="NI12" s="345">
        <v>3822970</v>
      </c>
      <c r="NJ12" s="345">
        <v>871433</v>
      </c>
      <c r="NK12" s="349">
        <v>8456385</v>
      </c>
      <c r="NL12" s="347">
        <v>8456385</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276627</v>
      </c>
      <c r="OE12" s="345">
        <v>294739</v>
      </c>
      <c r="OF12" s="345">
        <v>1062201</v>
      </c>
      <c r="OG12" s="349">
        <v>1633567</v>
      </c>
      <c r="OH12" s="350">
        <v>1633567</v>
      </c>
      <c r="OI12" s="348">
        <v>1106495</v>
      </c>
      <c r="OJ12" s="345">
        <v>2193279</v>
      </c>
      <c r="OK12" s="346">
        <v>3299774</v>
      </c>
      <c r="OL12" s="351">
        <v>0</v>
      </c>
      <c r="OM12" s="345">
        <v>15605895</v>
      </c>
      <c r="ON12" s="345">
        <v>30346943</v>
      </c>
      <c r="OO12" s="345">
        <v>32462195</v>
      </c>
      <c r="OP12" s="345">
        <v>32695058</v>
      </c>
      <c r="OQ12" s="345">
        <v>21309999</v>
      </c>
      <c r="OR12" s="349">
        <v>132420090</v>
      </c>
      <c r="OS12" s="354">
        <v>135719864</v>
      </c>
    </row>
    <row r="13" spans="2:409" s="70" customFormat="1" ht="21" customHeight="1" x14ac:dyDescent="0.2">
      <c r="B13" s="106" t="s">
        <v>7</v>
      </c>
      <c r="C13" s="326">
        <v>1246127</v>
      </c>
      <c r="D13" s="327">
        <v>671921</v>
      </c>
      <c r="E13" s="328">
        <v>1918048</v>
      </c>
      <c r="F13" s="329">
        <v>0</v>
      </c>
      <c r="G13" s="327">
        <v>12835627</v>
      </c>
      <c r="H13" s="327">
        <v>10498660</v>
      </c>
      <c r="I13" s="327">
        <v>7899886</v>
      </c>
      <c r="J13" s="327">
        <v>9591481</v>
      </c>
      <c r="K13" s="327">
        <v>6401691</v>
      </c>
      <c r="L13" s="329">
        <v>47227345</v>
      </c>
      <c r="M13" s="330">
        <v>49145393</v>
      </c>
      <c r="N13" s="326">
        <v>197884</v>
      </c>
      <c r="O13" s="327">
        <v>164599</v>
      </c>
      <c r="P13" s="328">
        <v>362483</v>
      </c>
      <c r="Q13" s="326">
        <v>0</v>
      </c>
      <c r="R13" s="327">
        <v>3563378</v>
      </c>
      <c r="S13" s="327">
        <v>2606617</v>
      </c>
      <c r="T13" s="327">
        <v>3016572</v>
      </c>
      <c r="U13" s="327">
        <v>4292349</v>
      </c>
      <c r="V13" s="327">
        <v>2411131</v>
      </c>
      <c r="W13" s="328">
        <v>15890047</v>
      </c>
      <c r="X13" s="330">
        <v>16252530</v>
      </c>
      <c r="Y13" s="326">
        <v>0</v>
      </c>
      <c r="Z13" s="327">
        <v>0</v>
      </c>
      <c r="AA13" s="328">
        <v>0</v>
      </c>
      <c r="AB13" s="326">
        <v>0</v>
      </c>
      <c r="AC13" s="327">
        <v>1502351</v>
      </c>
      <c r="AD13" s="327">
        <v>1090417</v>
      </c>
      <c r="AE13" s="327">
        <v>1720210</v>
      </c>
      <c r="AF13" s="327">
        <v>2153114</v>
      </c>
      <c r="AG13" s="327">
        <v>450096</v>
      </c>
      <c r="AH13" s="328">
        <v>6916188</v>
      </c>
      <c r="AI13" s="330">
        <v>6916188</v>
      </c>
      <c r="AJ13" s="326">
        <v>0</v>
      </c>
      <c r="AK13" s="327">
        <v>0</v>
      </c>
      <c r="AL13" s="328">
        <v>0</v>
      </c>
      <c r="AM13" s="326">
        <v>0</v>
      </c>
      <c r="AN13" s="327">
        <v>41657</v>
      </c>
      <c r="AO13" s="327">
        <v>0</v>
      </c>
      <c r="AP13" s="327">
        <v>0</v>
      </c>
      <c r="AQ13" s="327">
        <v>511764</v>
      </c>
      <c r="AR13" s="327">
        <v>605856</v>
      </c>
      <c r="AS13" s="328">
        <v>1159277</v>
      </c>
      <c r="AT13" s="330">
        <v>1159277</v>
      </c>
      <c r="AU13" s="326">
        <v>0</v>
      </c>
      <c r="AV13" s="327">
        <v>100738</v>
      </c>
      <c r="AW13" s="328">
        <v>100738</v>
      </c>
      <c r="AX13" s="326">
        <v>0</v>
      </c>
      <c r="AY13" s="327">
        <v>1215168</v>
      </c>
      <c r="AZ13" s="327">
        <v>879718</v>
      </c>
      <c r="BA13" s="327">
        <v>768662</v>
      </c>
      <c r="BB13" s="327">
        <v>815101</v>
      </c>
      <c r="BC13" s="327">
        <v>829155</v>
      </c>
      <c r="BD13" s="328">
        <v>4507804</v>
      </c>
      <c r="BE13" s="330">
        <v>4608542</v>
      </c>
      <c r="BF13" s="326">
        <v>22982</v>
      </c>
      <c r="BG13" s="327">
        <v>0</v>
      </c>
      <c r="BH13" s="331">
        <v>22982</v>
      </c>
      <c r="BI13" s="332">
        <v>0</v>
      </c>
      <c r="BJ13" s="327">
        <v>63721</v>
      </c>
      <c r="BK13" s="327">
        <v>149723</v>
      </c>
      <c r="BL13" s="327">
        <v>105677</v>
      </c>
      <c r="BM13" s="327">
        <v>185863</v>
      </c>
      <c r="BN13" s="327">
        <v>69603</v>
      </c>
      <c r="BO13" s="328">
        <v>574587</v>
      </c>
      <c r="BP13" s="330">
        <v>597569</v>
      </c>
      <c r="BQ13" s="326">
        <v>174902</v>
      </c>
      <c r="BR13" s="327">
        <v>63861</v>
      </c>
      <c r="BS13" s="328">
        <v>238763</v>
      </c>
      <c r="BT13" s="326">
        <v>0</v>
      </c>
      <c r="BU13" s="327">
        <v>740481</v>
      </c>
      <c r="BV13" s="327">
        <v>486759</v>
      </c>
      <c r="BW13" s="327">
        <v>422023</v>
      </c>
      <c r="BX13" s="327">
        <v>626507</v>
      </c>
      <c r="BY13" s="327">
        <v>456421</v>
      </c>
      <c r="BZ13" s="328">
        <v>2732191</v>
      </c>
      <c r="CA13" s="330">
        <v>2970954</v>
      </c>
      <c r="CB13" s="326">
        <v>36607</v>
      </c>
      <c r="CC13" s="327">
        <v>98577</v>
      </c>
      <c r="CD13" s="328">
        <v>135184</v>
      </c>
      <c r="CE13" s="326">
        <v>0</v>
      </c>
      <c r="CF13" s="327">
        <v>3716685</v>
      </c>
      <c r="CG13" s="327">
        <v>2624087</v>
      </c>
      <c r="CH13" s="327">
        <v>1473265</v>
      </c>
      <c r="CI13" s="327">
        <v>1157099</v>
      </c>
      <c r="CJ13" s="327">
        <v>241906</v>
      </c>
      <c r="CK13" s="328">
        <v>9213042</v>
      </c>
      <c r="CL13" s="330">
        <v>9348226</v>
      </c>
      <c r="CM13" s="326">
        <v>0</v>
      </c>
      <c r="CN13" s="327">
        <v>0</v>
      </c>
      <c r="CO13" s="328">
        <v>0</v>
      </c>
      <c r="CP13" s="332">
        <v>0</v>
      </c>
      <c r="CQ13" s="327">
        <v>2838486</v>
      </c>
      <c r="CR13" s="327">
        <v>1879824</v>
      </c>
      <c r="CS13" s="327">
        <v>978380</v>
      </c>
      <c r="CT13" s="327">
        <v>728785</v>
      </c>
      <c r="CU13" s="327">
        <v>241906</v>
      </c>
      <c r="CV13" s="328">
        <v>6667381</v>
      </c>
      <c r="CW13" s="330">
        <v>6667381</v>
      </c>
      <c r="CX13" s="326">
        <v>36607</v>
      </c>
      <c r="CY13" s="327">
        <v>98577</v>
      </c>
      <c r="CZ13" s="328">
        <v>135184</v>
      </c>
      <c r="DA13" s="326">
        <v>0</v>
      </c>
      <c r="DB13" s="327">
        <v>878199</v>
      </c>
      <c r="DC13" s="327">
        <v>744263</v>
      </c>
      <c r="DD13" s="327">
        <v>494885</v>
      </c>
      <c r="DE13" s="327">
        <v>428314</v>
      </c>
      <c r="DF13" s="327">
        <v>0</v>
      </c>
      <c r="DG13" s="328">
        <v>2545661</v>
      </c>
      <c r="DH13" s="330">
        <v>2680845</v>
      </c>
      <c r="DI13" s="326">
        <v>0</v>
      </c>
      <c r="DJ13" s="327">
        <v>0</v>
      </c>
      <c r="DK13" s="331">
        <v>0</v>
      </c>
      <c r="DL13" s="332">
        <v>0</v>
      </c>
      <c r="DM13" s="327">
        <v>414014</v>
      </c>
      <c r="DN13" s="327">
        <v>470981</v>
      </c>
      <c r="DO13" s="327">
        <v>411622</v>
      </c>
      <c r="DP13" s="327">
        <v>589036</v>
      </c>
      <c r="DQ13" s="327">
        <v>172646</v>
      </c>
      <c r="DR13" s="328">
        <v>2058299</v>
      </c>
      <c r="DS13" s="330">
        <v>2058299</v>
      </c>
      <c r="DT13" s="326">
        <v>0</v>
      </c>
      <c r="DU13" s="327">
        <v>0</v>
      </c>
      <c r="DV13" s="328">
        <v>0</v>
      </c>
      <c r="DW13" s="326">
        <v>0</v>
      </c>
      <c r="DX13" s="327">
        <v>414014</v>
      </c>
      <c r="DY13" s="327">
        <v>470981</v>
      </c>
      <c r="DZ13" s="327">
        <v>411622</v>
      </c>
      <c r="EA13" s="327">
        <v>589036</v>
      </c>
      <c r="EB13" s="327">
        <v>172646</v>
      </c>
      <c r="EC13" s="328">
        <v>2058299</v>
      </c>
      <c r="ED13" s="330">
        <v>2058299</v>
      </c>
      <c r="EE13" s="326">
        <v>0</v>
      </c>
      <c r="EF13" s="331">
        <v>0</v>
      </c>
      <c r="EG13" s="328">
        <v>0</v>
      </c>
      <c r="EH13" s="326">
        <v>0</v>
      </c>
      <c r="EI13" s="327">
        <v>0</v>
      </c>
      <c r="EJ13" s="327">
        <v>0</v>
      </c>
      <c r="EK13" s="327">
        <v>0</v>
      </c>
      <c r="EL13" s="327">
        <v>0</v>
      </c>
      <c r="EM13" s="327">
        <v>0</v>
      </c>
      <c r="EN13" s="331">
        <v>0</v>
      </c>
      <c r="EO13" s="330">
        <v>0</v>
      </c>
      <c r="EP13" s="326">
        <v>0</v>
      </c>
      <c r="EQ13" s="327">
        <v>0</v>
      </c>
      <c r="ER13" s="331">
        <v>0</v>
      </c>
      <c r="ES13" s="332">
        <v>0</v>
      </c>
      <c r="ET13" s="327">
        <v>0</v>
      </c>
      <c r="EU13" s="327">
        <v>0</v>
      </c>
      <c r="EV13" s="327">
        <v>0</v>
      </c>
      <c r="EW13" s="327">
        <v>0</v>
      </c>
      <c r="EX13" s="327">
        <v>0</v>
      </c>
      <c r="EY13" s="328">
        <v>0</v>
      </c>
      <c r="EZ13" s="330">
        <v>0</v>
      </c>
      <c r="FA13" s="326">
        <v>0</v>
      </c>
      <c r="FB13" s="327">
        <v>0</v>
      </c>
      <c r="FC13" s="331">
        <v>0</v>
      </c>
      <c r="FD13" s="404">
        <v>0</v>
      </c>
      <c r="FE13" s="327">
        <v>0</v>
      </c>
      <c r="FF13" s="327">
        <v>0</v>
      </c>
      <c r="FG13" s="327">
        <v>0</v>
      </c>
      <c r="FH13" s="327">
        <v>0</v>
      </c>
      <c r="FI13" s="327">
        <v>0</v>
      </c>
      <c r="FJ13" s="328">
        <v>0</v>
      </c>
      <c r="FK13" s="330">
        <v>0</v>
      </c>
      <c r="FL13" s="326">
        <v>397936</v>
      </c>
      <c r="FM13" s="327">
        <v>75922</v>
      </c>
      <c r="FN13" s="328">
        <v>473858</v>
      </c>
      <c r="FO13" s="326">
        <v>0</v>
      </c>
      <c r="FP13" s="327">
        <v>676228</v>
      </c>
      <c r="FQ13" s="327">
        <v>1086720</v>
      </c>
      <c r="FR13" s="327">
        <v>577066</v>
      </c>
      <c r="FS13" s="327">
        <v>708827</v>
      </c>
      <c r="FT13" s="327">
        <v>359786</v>
      </c>
      <c r="FU13" s="328">
        <v>3408627</v>
      </c>
      <c r="FV13" s="330">
        <v>3882485</v>
      </c>
      <c r="FW13" s="333">
        <v>162932</v>
      </c>
      <c r="FX13" s="327">
        <v>75922</v>
      </c>
      <c r="FY13" s="331">
        <v>238854</v>
      </c>
      <c r="FZ13" s="332">
        <v>0</v>
      </c>
      <c r="GA13" s="327">
        <v>476294</v>
      </c>
      <c r="GB13" s="327">
        <v>731934</v>
      </c>
      <c r="GC13" s="327">
        <v>577066</v>
      </c>
      <c r="GD13" s="327">
        <v>670019</v>
      </c>
      <c r="GE13" s="327">
        <v>359786</v>
      </c>
      <c r="GF13" s="328">
        <v>2815099</v>
      </c>
      <c r="GG13" s="334">
        <v>3053953</v>
      </c>
      <c r="GH13" s="333">
        <v>11704</v>
      </c>
      <c r="GI13" s="327">
        <v>0</v>
      </c>
      <c r="GJ13" s="331">
        <v>11704</v>
      </c>
      <c r="GK13" s="332">
        <v>0</v>
      </c>
      <c r="GL13" s="327">
        <v>48664</v>
      </c>
      <c r="GM13" s="327">
        <v>0</v>
      </c>
      <c r="GN13" s="327">
        <v>0</v>
      </c>
      <c r="GO13" s="327">
        <v>38808</v>
      </c>
      <c r="GP13" s="327">
        <v>0</v>
      </c>
      <c r="GQ13" s="328">
        <v>87472</v>
      </c>
      <c r="GR13" s="330">
        <v>99176</v>
      </c>
      <c r="GS13" s="326">
        <v>223300</v>
      </c>
      <c r="GT13" s="327">
        <v>0</v>
      </c>
      <c r="GU13" s="328">
        <v>223300</v>
      </c>
      <c r="GV13" s="326">
        <v>0</v>
      </c>
      <c r="GW13" s="327">
        <v>151270</v>
      </c>
      <c r="GX13" s="327">
        <v>354786</v>
      </c>
      <c r="GY13" s="327">
        <v>0</v>
      </c>
      <c r="GZ13" s="327">
        <v>0</v>
      </c>
      <c r="HA13" s="327">
        <v>0</v>
      </c>
      <c r="HB13" s="331">
        <v>506056</v>
      </c>
      <c r="HC13" s="330">
        <v>729356</v>
      </c>
      <c r="HD13" s="326">
        <v>613700</v>
      </c>
      <c r="HE13" s="327">
        <v>332823</v>
      </c>
      <c r="HF13" s="331">
        <v>946523</v>
      </c>
      <c r="HG13" s="332">
        <v>0</v>
      </c>
      <c r="HH13" s="327">
        <v>4465322</v>
      </c>
      <c r="HI13" s="327">
        <v>3710255</v>
      </c>
      <c r="HJ13" s="327">
        <v>2421361</v>
      </c>
      <c r="HK13" s="327">
        <v>2844170</v>
      </c>
      <c r="HL13" s="327">
        <v>3216222</v>
      </c>
      <c r="HM13" s="328">
        <v>16657330</v>
      </c>
      <c r="HN13" s="329">
        <v>17603853</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2043543</v>
      </c>
      <c r="IE13" s="339">
        <v>1602376</v>
      </c>
      <c r="IF13" s="337">
        <v>2162096</v>
      </c>
      <c r="IG13" s="336">
        <v>1700507</v>
      </c>
      <c r="IH13" s="337">
        <v>1087134</v>
      </c>
      <c r="II13" s="340">
        <v>8595656</v>
      </c>
      <c r="IJ13" s="341">
        <v>8595656</v>
      </c>
      <c r="IK13" s="342">
        <v>0</v>
      </c>
      <c r="IL13" s="343">
        <v>0</v>
      </c>
      <c r="IM13" s="344">
        <v>0</v>
      </c>
      <c r="IN13" s="404">
        <v>0</v>
      </c>
      <c r="IO13" s="345">
        <v>0</v>
      </c>
      <c r="IP13" s="345">
        <v>0</v>
      </c>
      <c r="IQ13" s="345">
        <v>0</v>
      </c>
      <c r="IR13" s="345">
        <v>0</v>
      </c>
      <c r="IS13" s="345">
        <v>0</v>
      </c>
      <c r="IT13" s="346">
        <v>0</v>
      </c>
      <c r="IU13" s="347">
        <v>0</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1350009</v>
      </c>
      <c r="JL13" s="345">
        <v>710554</v>
      </c>
      <c r="JM13" s="345">
        <v>595405</v>
      </c>
      <c r="JN13" s="345">
        <v>183000</v>
      </c>
      <c r="JO13" s="345">
        <v>136677</v>
      </c>
      <c r="JP13" s="349">
        <v>2975645</v>
      </c>
      <c r="JQ13" s="347">
        <v>2975645</v>
      </c>
      <c r="JR13" s="348">
        <v>0</v>
      </c>
      <c r="JS13" s="345">
        <v>0</v>
      </c>
      <c r="JT13" s="346">
        <v>0</v>
      </c>
      <c r="JU13" s="351">
        <v>0</v>
      </c>
      <c r="JV13" s="345">
        <v>105861</v>
      </c>
      <c r="JW13" s="345">
        <v>286075</v>
      </c>
      <c r="JX13" s="345">
        <v>492326</v>
      </c>
      <c r="JY13" s="345">
        <v>155901</v>
      </c>
      <c r="JZ13" s="345">
        <v>0</v>
      </c>
      <c r="KA13" s="349">
        <v>1040163</v>
      </c>
      <c r="KB13" s="347">
        <v>1040163</v>
      </c>
      <c r="KC13" s="352">
        <v>0</v>
      </c>
      <c r="KD13" s="353">
        <v>0</v>
      </c>
      <c r="KE13" s="349">
        <v>0</v>
      </c>
      <c r="KF13" s="351">
        <v>0</v>
      </c>
      <c r="KG13" s="345">
        <v>250566</v>
      </c>
      <c r="KH13" s="345">
        <v>0</v>
      </c>
      <c r="KI13" s="345">
        <v>186699</v>
      </c>
      <c r="KJ13" s="345">
        <v>232082</v>
      </c>
      <c r="KK13" s="345">
        <v>227195</v>
      </c>
      <c r="KL13" s="349">
        <v>896542</v>
      </c>
      <c r="KM13" s="354">
        <v>896542</v>
      </c>
      <c r="KN13" s="342">
        <v>0</v>
      </c>
      <c r="KO13" s="343">
        <v>0</v>
      </c>
      <c r="KP13" s="344">
        <v>0</v>
      </c>
      <c r="KQ13" s="404">
        <v>0</v>
      </c>
      <c r="KR13" s="345">
        <v>337107</v>
      </c>
      <c r="KS13" s="345">
        <v>605747</v>
      </c>
      <c r="KT13" s="345">
        <v>887666</v>
      </c>
      <c r="KU13" s="345">
        <v>1129524</v>
      </c>
      <c r="KV13" s="345">
        <v>450415</v>
      </c>
      <c r="KW13" s="349">
        <v>3410459</v>
      </c>
      <c r="KX13" s="347">
        <v>3410459</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0</v>
      </c>
      <c r="LZ13" s="345">
        <v>0</v>
      </c>
      <c r="MA13" s="345">
        <v>0</v>
      </c>
      <c r="MB13" s="345">
        <v>0</v>
      </c>
      <c r="MC13" s="345">
        <v>272847</v>
      </c>
      <c r="MD13" s="349">
        <v>272847</v>
      </c>
      <c r="ME13" s="350">
        <v>272847</v>
      </c>
      <c r="MF13" s="348">
        <v>0</v>
      </c>
      <c r="MG13" s="345">
        <v>0</v>
      </c>
      <c r="MH13" s="349">
        <v>0</v>
      </c>
      <c r="MI13" s="404">
        <v>0</v>
      </c>
      <c r="MJ13" s="345">
        <v>630247</v>
      </c>
      <c r="MK13" s="345">
        <v>1109964</v>
      </c>
      <c r="ML13" s="345">
        <v>3312747</v>
      </c>
      <c r="MM13" s="345">
        <v>3347750</v>
      </c>
      <c r="MN13" s="345">
        <v>2534395</v>
      </c>
      <c r="MO13" s="349">
        <v>10935103</v>
      </c>
      <c r="MP13" s="354">
        <v>10935103</v>
      </c>
      <c r="MQ13" s="348">
        <v>0</v>
      </c>
      <c r="MR13" s="345">
        <v>0</v>
      </c>
      <c r="MS13" s="349">
        <v>0</v>
      </c>
      <c r="MT13" s="404">
        <v>0</v>
      </c>
      <c r="MU13" s="345">
        <v>0</v>
      </c>
      <c r="MV13" s="345">
        <v>209519</v>
      </c>
      <c r="MW13" s="345">
        <v>1725487</v>
      </c>
      <c r="MX13" s="345">
        <v>2794177</v>
      </c>
      <c r="MY13" s="345">
        <v>2230503</v>
      </c>
      <c r="MZ13" s="349">
        <v>6959686</v>
      </c>
      <c r="NA13" s="354">
        <v>6959686</v>
      </c>
      <c r="NB13" s="348">
        <v>0</v>
      </c>
      <c r="NC13" s="345">
        <v>0</v>
      </c>
      <c r="ND13" s="349">
        <v>0</v>
      </c>
      <c r="NE13" s="404">
        <v>0</v>
      </c>
      <c r="NF13" s="345">
        <v>630247</v>
      </c>
      <c r="NG13" s="345">
        <v>900445</v>
      </c>
      <c r="NH13" s="345">
        <v>1587260</v>
      </c>
      <c r="NI13" s="345">
        <v>553573</v>
      </c>
      <c r="NJ13" s="345">
        <v>303892</v>
      </c>
      <c r="NK13" s="349">
        <v>3975417</v>
      </c>
      <c r="NL13" s="347">
        <v>3975417</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0</v>
      </c>
      <c r="OE13" s="345">
        <v>0</v>
      </c>
      <c r="OF13" s="345">
        <v>0</v>
      </c>
      <c r="OG13" s="349">
        <v>0</v>
      </c>
      <c r="OH13" s="350">
        <v>0</v>
      </c>
      <c r="OI13" s="348">
        <v>1246127</v>
      </c>
      <c r="OJ13" s="345">
        <v>671921</v>
      </c>
      <c r="OK13" s="346">
        <v>1918048</v>
      </c>
      <c r="OL13" s="351">
        <v>0</v>
      </c>
      <c r="OM13" s="345">
        <v>15509417</v>
      </c>
      <c r="ON13" s="345">
        <v>13211000</v>
      </c>
      <c r="OO13" s="345">
        <v>13374729</v>
      </c>
      <c r="OP13" s="345">
        <v>14639738</v>
      </c>
      <c r="OQ13" s="345">
        <v>10023220</v>
      </c>
      <c r="OR13" s="349">
        <v>66758104</v>
      </c>
      <c r="OS13" s="354">
        <v>68676152</v>
      </c>
    </row>
    <row r="14" spans="2:409" s="70" customFormat="1" ht="21" customHeight="1" x14ac:dyDescent="0.2">
      <c r="B14" s="106" t="s">
        <v>8</v>
      </c>
      <c r="C14" s="326">
        <v>587007</v>
      </c>
      <c r="D14" s="327">
        <v>489551</v>
      </c>
      <c r="E14" s="328">
        <v>1076558</v>
      </c>
      <c r="F14" s="329">
        <v>0</v>
      </c>
      <c r="G14" s="327">
        <v>6322738</v>
      </c>
      <c r="H14" s="327">
        <v>6217214</v>
      </c>
      <c r="I14" s="327">
        <v>6139114</v>
      </c>
      <c r="J14" s="327">
        <v>7086548</v>
      </c>
      <c r="K14" s="327">
        <v>4894331</v>
      </c>
      <c r="L14" s="329">
        <v>30659945</v>
      </c>
      <c r="M14" s="330">
        <v>31736503</v>
      </c>
      <c r="N14" s="326">
        <v>128115</v>
      </c>
      <c r="O14" s="327">
        <v>216801</v>
      </c>
      <c r="P14" s="328">
        <v>344916</v>
      </c>
      <c r="Q14" s="326">
        <v>0</v>
      </c>
      <c r="R14" s="327">
        <v>1945193</v>
      </c>
      <c r="S14" s="327">
        <v>1779480</v>
      </c>
      <c r="T14" s="327">
        <v>1798620</v>
      </c>
      <c r="U14" s="327">
        <v>2517122</v>
      </c>
      <c r="V14" s="327">
        <v>2618947</v>
      </c>
      <c r="W14" s="328">
        <v>10659362</v>
      </c>
      <c r="X14" s="330">
        <v>11004278</v>
      </c>
      <c r="Y14" s="326">
        <v>0</v>
      </c>
      <c r="Z14" s="327">
        <v>0</v>
      </c>
      <c r="AA14" s="328">
        <v>0</v>
      </c>
      <c r="AB14" s="326">
        <v>0</v>
      </c>
      <c r="AC14" s="327">
        <v>701488</v>
      </c>
      <c r="AD14" s="327">
        <v>690618</v>
      </c>
      <c r="AE14" s="327">
        <v>1119219</v>
      </c>
      <c r="AF14" s="327">
        <v>1327646</v>
      </c>
      <c r="AG14" s="327">
        <v>1455879</v>
      </c>
      <c r="AH14" s="328">
        <v>5294850</v>
      </c>
      <c r="AI14" s="330">
        <v>5294850</v>
      </c>
      <c r="AJ14" s="326">
        <v>0</v>
      </c>
      <c r="AK14" s="327">
        <v>0</v>
      </c>
      <c r="AL14" s="328">
        <v>0</v>
      </c>
      <c r="AM14" s="326">
        <v>0</v>
      </c>
      <c r="AN14" s="327">
        <v>22177</v>
      </c>
      <c r="AO14" s="327">
        <v>0</v>
      </c>
      <c r="AP14" s="327">
        <v>0</v>
      </c>
      <c r="AQ14" s="327">
        <v>96260</v>
      </c>
      <c r="AR14" s="327">
        <v>243872</v>
      </c>
      <c r="AS14" s="328">
        <v>362309</v>
      </c>
      <c r="AT14" s="330">
        <v>362309</v>
      </c>
      <c r="AU14" s="326">
        <v>71429</v>
      </c>
      <c r="AV14" s="327">
        <v>117514</v>
      </c>
      <c r="AW14" s="328">
        <v>188943</v>
      </c>
      <c r="AX14" s="326">
        <v>0</v>
      </c>
      <c r="AY14" s="327">
        <v>719839</v>
      </c>
      <c r="AZ14" s="327">
        <v>602246</v>
      </c>
      <c r="BA14" s="327">
        <v>451397</v>
      </c>
      <c r="BB14" s="327">
        <v>642759</v>
      </c>
      <c r="BC14" s="327">
        <v>534111</v>
      </c>
      <c r="BD14" s="328">
        <v>2950352</v>
      </c>
      <c r="BE14" s="330">
        <v>3139295</v>
      </c>
      <c r="BF14" s="326">
        <v>0</v>
      </c>
      <c r="BG14" s="327">
        <v>77349</v>
      </c>
      <c r="BH14" s="331">
        <v>77349</v>
      </c>
      <c r="BI14" s="332">
        <v>0</v>
      </c>
      <c r="BJ14" s="327">
        <v>143275</v>
      </c>
      <c r="BK14" s="327">
        <v>210059</v>
      </c>
      <c r="BL14" s="327">
        <v>20566</v>
      </c>
      <c r="BM14" s="327">
        <v>106050</v>
      </c>
      <c r="BN14" s="327">
        <v>132728</v>
      </c>
      <c r="BO14" s="328">
        <v>612678</v>
      </c>
      <c r="BP14" s="330">
        <v>690027</v>
      </c>
      <c r="BQ14" s="326">
        <v>56686</v>
      </c>
      <c r="BR14" s="327">
        <v>21938</v>
      </c>
      <c r="BS14" s="328">
        <v>78624</v>
      </c>
      <c r="BT14" s="326">
        <v>0</v>
      </c>
      <c r="BU14" s="327">
        <v>358414</v>
      </c>
      <c r="BV14" s="327">
        <v>276557</v>
      </c>
      <c r="BW14" s="327">
        <v>207438</v>
      </c>
      <c r="BX14" s="327">
        <v>344407</v>
      </c>
      <c r="BY14" s="327">
        <v>252357</v>
      </c>
      <c r="BZ14" s="328">
        <v>1439173</v>
      </c>
      <c r="CA14" s="330">
        <v>1517797</v>
      </c>
      <c r="CB14" s="326">
        <v>71751</v>
      </c>
      <c r="CC14" s="327">
        <v>33409</v>
      </c>
      <c r="CD14" s="328">
        <v>105160</v>
      </c>
      <c r="CE14" s="326">
        <v>0</v>
      </c>
      <c r="CF14" s="327">
        <v>1687270</v>
      </c>
      <c r="CG14" s="327">
        <v>1847328</v>
      </c>
      <c r="CH14" s="327">
        <v>1889412</v>
      </c>
      <c r="CI14" s="327">
        <v>1216827</v>
      </c>
      <c r="CJ14" s="327">
        <v>635923</v>
      </c>
      <c r="CK14" s="328">
        <v>7276760</v>
      </c>
      <c r="CL14" s="330">
        <v>7381920</v>
      </c>
      <c r="CM14" s="326">
        <v>0</v>
      </c>
      <c r="CN14" s="327">
        <v>0</v>
      </c>
      <c r="CO14" s="328">
        <v>0</v>
      </c>
      <c r="CP14" s="332">
        <v>0</v>
      </c>
      <c r="CQ14" s="327">
        <v>1165499</v>
      </c>
      <c r="CR14" s="327">
        <v>1536919</v>
      </c>
      <c r="CS14" s="327">
        <v>1308104</v>
      </c>
      <c r="CT14" s="327">
        <v>784301</v>
      </c>
      <c r="CU14" s="327">
        <v>432453</v>
      </c>
      <c r="CV14" s="328">
        <v>5227276</v>
      </c>
      <c r="CW14" s="330">
        <v>5227276</v>
      </c>
      <c r="CX14" s="326">
        <v>71751</v>
      </c>
      <c r="CY14" s="327">
        <v>33409</v>
      </c>
      <c r="CZ14" s="328">
        <v>105160</v>
      </c>
      <c r="DA14" s="326">
        <v>0</v>
      </c>
      <c r="DB14" s="327">
        <v>521771</v>
      </c>
      <c r="DC14" s="327">
        <v>310409</v>
      </c>
      <c r="DD14" s="327">
        <v>581308</v>
      </c>
      <c r="DE14" s="327">
        <v>432526</v>
      </c>
      <c r="DF14" s="327">
        <v>203470</v>
      </c>
      <c r="DG14" s="328">
        <v>2049484</v>
      </c>
      <c r="DH14" s="330">
        <v>2154644</v>
      </c>
      <c r="DI14" s="326">
        <v>0</v>
      </c>
      <c r="DJ14" s="327">
        <v>0</v>
      </c>
      <c r="DK14" s="331">
        <v>0</v>
      </c>
      <c r="DL14" s="332">
        <v>0</v>
      </c>
      <c r="DM14" s="327">
        <v>434081</v>
      </c>
      <c r="DN14" s="327">
        <v>451359</v>
      </c>
      <c r="DO14" s="327">
        <v>1130778</v>
      </c>
      <c r="DP14" s="327">
        <v>531493</v>
      </c>
      <c r="DQ14" s="327">
        <v>379453</v>
      </c>
      <c r="DR14" s="328">
        <v>2927164</v>
      </c>
      <c r="DS14" s="330">
        <v>2927164</v>
      </c>
      <c r="DT14" s="326">
        <v>0</v>
      </c>
      <c r="DU14" s="327">
        <v>0</v>
      </c>
      <c r="DV14" s="328">
        <v>0</v>
      </c>
      <c r="DW14" s="326">
        <v>0</v>
      </c>
      <c r="DX14" s="327">
        <v>330582</v>
      </c>
      <c r="DY14" s="327">
        <v>413673</v>
      </c>
      <c r="DZ14" s="327">
        <v>1130778</v>
      </c>
      <c r="EA14" s="327">
        <v>474416</v>
      </c>
      <c r="EB14" s="327">
        <v>379453</v>
      </c>
      <c r="EC14" s="328">
        <v>2728902</v>
      </c>
      <c r="ED14" s="330">
        <v>2728902</v>
      </c>
      <c r="EE14" s="326">
        <v>0</v>
      </c>
      <c r="EF14" s="331">
        <v>0</v>
      </c>
      <c r="EG14" s="328">
        <v>0</v>
      </c>
      <c r="EH14" s="326">
        <v>0</v>
      </c>
      <c r="EI14" s="327">
        <v>103499</v>
      </c>
      <c r="EJ14" s="327">
        <v>37686</v>
      </c>
      <c r="EK14" s="327">
        <v>0</v>
      </c>
      <c r="EL14" s="327">
        <v>57077</v>
      </c>
      <c r="EM14" s="327">
        <v>0</v>
      </c>
      <c r="EN14" s="331">
        <v>198262</v>
      </c>
      <c r="EO14" s="330">
        <v>198262</v>
      </c>
      <c r="EP14" s="326">
        <v>0</v>
      </c>
      <c r="EQ14" s="327">
        <v>0</v>
      </c>
      <c r="ER14" s="331">
        <v>0</v>
      </c>
      <c r="ES14" s="332">
        <v>0</v>
      </c>
      <c r="ET14" s="327">
        <v>0</v>
      </c>
      <c r="EU14" s="327">
        <v>0</v>
      </c>
      <c r="EV14" s="327">
        <v>0</v>
      </c>
      <c r="EW14" s="327">
        <v>0</v>
      </c>
      <c r="EX14" s="327">
        <v>0</v>
      </c>
      <c r="EY14" s="328">
        <v>0</v>
      </c>
      <c r="EZ14" s="330">
        <v>0</v>
      </c>
      <c r="FA14" s="326">
        <v>0</v>
      </c>
      <c r="FB14" s="327">
        <v>0</v>
      </c>
      <c r="FC14" s="331">
        <v>0</v>
      </c>
      <c r="FD14" s="404">
        <v>0</v>
      </c>
      <c r="FE14" s="327">
        <v>0</v>
      </c>
      <c r="FF14" s="327">
        <v>0</v>
      </c>
      <c r="FG14" s="327">
        <v>0</v>
      </c>
      <c r="FH14" s="327">
        <v>0</v>
      </c>
      <c r="FI14" s="327">
        <v>0</v>
      </c>
      <c r="FJ14" s="328">
        <v>0</v>
      </c>
      <c r="FK14" s="330">
        <v>0</v>
      </c>
      <c r="FL14" s="326">
        <v>120806</v>
      </c>
      <c r="FM14" s="327">
        <v>73381</v>
      </c>
      <c r="FN14" s="328">
        <v>194187</v>
      </c>
      <c r="FO14" s="326">
        <v>0</v>
      </c>
      <c r="FP14" s="327">
        <v>301513</v>
      </c>
      <c r="FQ14" s="327">
        <v>588308</v>
      </c>
      <c r="FR14" s="327">
        <v>471730</v>
      </c>
      <c r="FS14" s="327">
        <v>701687</v>
      </c>
      <c r="FT14" s="327">
        <v>496356</v>
      </c>
      <c r="FU14" s="328">
        <v>2559594</v>
      </c>
      <c r="FV14" s="330">
        <v>2753781</v>
      </c>
      <c r="FW14" s="333">
        <v>120806</v>
      </c>
      <c r="FX14" s="327">
        <v>73381</v>
      </c>
      <c r="FY14" s="331">
        <v>194187</v>
      </c>
      <c r="FZ14" s="332">
        <v>0</v>
      </c>
      <c r="GA14" s="327">
        <v>276318</v>
      </c>
      <c r="GB14" s="327">
        <v>588308</v>
      </c>
      <c r="GC14" s="327">
        <v>448910</v>
      </c>
      <c r="GD14" s="327">
        <v>570507</v>
      </c>
      <c r="GE14" s="327">
        <v>356356</v>
      </c>
      <c r="GF14" s="328">
        <v>2240399</v>
      </c>
      <c r="GG14" s="334">
        <v>2434586</v>
      </c>
      <c r="GH14" s="333">
        <v>0</v>
      </c>
      <c r="GI14" s="327">
        <v>0</v>
      </c>
      <c r="GJ14" s="331">
        <v>0</v>
      </c>
      <c r="GK14" s="332">
        <v>0</v>
      </c>
      <c r="GL14" s="327">
        <v>0</v>
      </c>
      <c r="GM14" s="327">
        <v>0</v>
      </c>
      <c r="GN14" s="327">
        <v>0</v>
      </c>
      <c r="GO14" s="327">
        <v>65912</v>
      </c>
      <c r="GP14" s="327">
        <v>0</v>
      </c>
      <c r="GQ14" s="328">
        <v>65912</v>
      </c>
      <c r="GR14" s="330">
        <v>65912</v>
      </c>
      <c r="GS14" s="326">
        <v>0</v>
      </c>
      <c r="GT14" s="327">
        <v>0</v>
      </c>
      <c r="GU14" s="328">
        <v>0</v>
      </c>
      <c r="GV14" s="326">
        <v>0</v>
      </c>
      <c r="GW14" s="327">
        <v>25195</v>
      </c>
      <c r="GX14" s="327">
        <v>0</v>
      </c>
      <c r="GY14" s="327">
        <v>22820</v>
      </c>
      <c r="GZ14" s="327">
        <v>65268</v>
      </c>
      <c r="HA14" s="327">
        <v>140000</v>
      </c>
      <c r="HB14" s="331">
        <v>253283</v>
      </c>
      <c r="HC14" s="330">
        <v>253283</v>
      </c>
      <c r="HD14" s="326">
        <v>266335</v>
      </c>
      <c r="HE14" s="327">
        <v>165960</v>
      </c>
      <c r="HF14" s="331">
        <v>432295</v>
      </c>
      <c r="HG14" s="332">
        <v>0</v>
      </c>
      <c r="HH14" s="327">
        <v>1954681</v>
      </c>
      <c r="HI14" s="327">
        <v>1550739</v>
      </c>
      <c r="HJ14" s="327">
        <v>848574</v>
      </c>
      <c r="HK14" s="327">
        <v>2119419</v>
      </c>
      <c r="HL14" s="327">
        <v>763652</v>
      </c>
      <c r="HM14" s="328">
        <v>7237065</v>
      </c>
      <c r="HN14" s="329">
        <v>7669360</v>
      </c>
      <c r="HO14" s="333">
        <v>0</v>
      </c>
      <c r="HP14" s="327">
        <v>0</v>
      </c>
      <c r="HQ14" s="328">
        <v>0</v>
      </c>
      <c r="HR14" s="326">
        <v>0</v>
      </c>
      <c r="HS14" s="327">
        <v>0</v>
      </c>
      <c r="HT14" s="327">
        <v>0</v>
      </c>
      <c r="HU14" s="327">
        <v>0</v>
      </c>
      <c r="HV14" s="327">
        <v>0</v>
      </c>
      <c r="HW14" s="327">
        <v>0</v>
      </c>
      <c r="HX14" s="331">
        <v>0</v>
      </c>
      <c r="HY14" s="330">
        <v>0</v>
      </c>
      <c r="HZ14" s="335">
        <v>0</v>
      </c>
      <c r="IA14" s="336">
        <v>0</v>
      </c>
      <c r="IB14" s="337">
        <v>0</v>
      </c>
      <c r="IC14" s="355">
        <v>0</v>
      </c>
      <c r="ID14" s="356">
        <v>1234888</v>
      </c>
      <c r="IE14" s="357">
        <v>1585189</v>
      </c>
      <c r="IF14" s="358">
        <v>1579225</v>
      </c>
      <c r="IG14" s="356">
        <v>1828297</v>
      </c>
      <c r="IH14" s="358">
        <v>279240</v>
      </c>
      <c r="II14" s="359">
        <v>6506839</v>
      </c>
      <c r="IJ14" s="341">
        <v>6506839</v>
      </c>
      <c r="IK14" s="342">
        <v>0</v>
      </c>
      <c r="IL14" s="343">
        <v>0</v>
      </c>
      <c r="IM14" s="344">
        <v>0</v>
      </c>
      <c r="IN14" s="404">
        <v>0</v>
      </c>
      <c r="IO14" s="345">
        <v>0</v>
      </c>
      <c r="IP14" s="345">
        <v>0</v>
      </c>
      <c r="IQ14" s="345">
        <v>0</v>
      </c>
      <c r="IR14" s="345">
        <v>0</v>
      </c>
      <c r="IS14" s="345">
        <v>0</v>
      </c>
      <c r="IT14" s="346">
        <v>0</v>
      </c>
      <c r="IU14" s="347">
        <v>0</v>
      </c>
      <c r="IV14" s="348">
        <v>0</v>
      </c>
      <c r="IW14" s="345">
        <v>0</v>
      </c>
      <c r="IX14" s="349">
        <v>0</v>
      </c>
      <c r="IY14" s="404">
        <v>0</v>
      </c>
      <c r="IZ14" s="345">
        <v>0</v>
      </c>
      <c r="JA14" s="345">
        <v>0</v>
      </c>
      <c r="JB14" s="345">
        <v>0</v>
      </c>
      <c r="JC14" s="345">
        <v>10897</v>
      </c>
      <c r="JD14" s="345">
        <v>0</v>
      </c>
      <c r="JE14" s="349">
        <v>10897</v>
      </c>
      <c r="JF14" s="350">
        <v>10897</v>
      </c>
      <c r="JG14" s="348">
        <v>0</v>
      </c>
      <c r="JH14" s="345">
        <v>0</v>
      </c>
      <c r="JI14" s="346">
        <v>0</v>
      </c>
      <c r="JJ14" s="351">
        <v>0</v>
      </c>
      <c r="JK14" s="345">
        <v>978007</v>
      </c>
      <c r="JL14" s="345">
        <v>740954</v>
      </c>
      <c r="JM14" s="345">
        <v>302822</v>
      </c>
      <c r="JN14" s="345">
        <v>86929</v>
      </c>
      <c r="JO14" s="345">
        <v>79029</v>
      </c>
      <c r="JP14" s="349">
        <v>2187741</v>
      </c>
      <c r="JQ14" s="347">
        <v>2187741</v>
      </c>
      <c r="JR14" s="348">
        <v>0</v>
      </c>
      <c r="JS14" s="345">
        <v>0</v>
      </c>
      <c r="JT14" s="346">
        <v>0</v>
      </c>
      <c r="JU14" s="351">
        <v>0</v>
      </c>
      <c r="JV14" s="345">
        <v>0</v>
      </c>
      <c r="JW14" s="345">
        <v>0</v>
      </c>
      <c r="JX14" s="345">
        <v>0</v>
      </c>
      <c r="JY14" s="345">
        <v>21261</v>
      </c>
      <c r="JZ14" s="345">
        <v>0</v>
      </c>
      <c r="KA14" s="349">
        <v>21261</v>
      </c>
      <c r="KB14" s="347">
        <v>21261</v>
      </c>
      <c r="KC14" s="352">
        <v>0</v>
      </c>
      <c r="KD14" s="353">
        <v>0</v>
      </c>
      <c r="KE14" s="349">
        <v>0</v>
      </c>
      <c r="KF14" s="351">
        <v>0</v>
      </c>
      <c r="KG14" s="345">
        <v>58082</v>
      </c>
      <c r="KH14" s="345">
        <v>0</v>
      </c>
      <c r="KI14" s="345">
        <v>625817</v>
      </c>
      <c r="KJ14" s="345">
        <v>454376</v>
      </c>
      <c r="KK14" s="345">
        <v>0</v>
      </c>
      <c r="KL14" s="349">
        <v>1138275</v>
      </c>
      <c r="KM14" s="354">
        <v>1138275</v>
      </c>
      <c r="KN14" s="342">
        <v>0</v>
      </c>
      <c r="KO14" s="343">
        <v>0</v>
      </c>
      <c r="KP14" s="344">
        <v>0</v>
      </c>
      <c r="KQ14" s="404">
        <v>0</v>
      </c>
      <c r="KR14" s="345">
        <v>198799</v>
      </c>
      <c r="KS14" s="345">
        <v>844235</v>
      </c>
      <c r="KT14" s="345">
        <v>650586</v>
      </c>
      <c r="KU14" s="345">
        <v>444334</v>
      </c>
      <c r="KV14" s="345">
        <v>0</v>
      </c>
      <c r="KW14" s="349">
        <v>2137954</v>
      </c>
      <c r="KX14" s="347">
        <v>2137954</v>
      </c>
      <c r="KY14" s="348">
        <v>0</v>
      </c>
      <c r="KZ14" s="345">
        <v>0</v>
      </c>
      <c r="LA14" s="349">
        <v>0</v>
      </c>
      <c r="LB14" s="404">
        <v>0</v>
      </c>
      <c r="LC14" s="345">
        <v>0</v>
      </c>
      <c r="LD14" s="345">
        <v>0</v>
      </c>
      <c r="LE14" s="345">
        <v>0</v>
      </c>
      <c r="LF14" s="345">
        <v>311354</v>
      </c>
      <c r="LG14" s="345">
        <v>200211</v>
      </c>
      <c r="LH14" s="349">
        <v>511565</v>
      </c>
      <c r="LI14" s="350">
        <v>511565</v>
      </c>
      <c r="LJ14" s="348">
        <v>0</v>
      </c>
      <c r="LK14" s="345">
        <v>0</v>
      </c>
      <c r="LL14" s="349">
        <v>0</v>
      </c>
      <c r="LM14" s="404">
        <v>0</v>
      </c>
      <c r="LN14" s="345">
        <v>0</v>
      </c>
      <c r="LO14" s="345">
        <v>0</v>
      </c>
      <c r="LP14" s="345">
        <v>0</v>
      </c>
      <c r="LQ14" s="345">
        <v>499146</v>
      </c>
      <c r="LR14" s="345">
        <v>0</v>
      </c>
      <c r="LS14" s="349">
        <v>499146</v>
      </c>
      <c r="LT14" s="347">
        <v>499146</v>
      </c>
      <c r="LU14" s="348">
        <v>0</v>
      </c>
      <c r="LV14" s="345">
        <v>0</v>
      </c>
      <c r="LW14" s="349">
        <v>0</v>
      </c>
      <c r="LX14" s="404">
        <v>0</v>
      </c>
      <c r="LY14" s="345">
        <v>0</v>
      </c>
      <c r="LZ14" s="345">
        <v>0</v>
      </c>
      <c r="MA14" s="345">
        <v>0</v>
      </c>
      <c r="MB14" s="345">
        <v>0</v>
      </c>
      <c r="MC14" s="345">
        <v>0</v>
      </c>
      <c r="MD14" s="349">
        <v>0</v>
      </c>
      <c r="ME14" s="350">
        <v>0</v>
      </c>
      <c r="MF14" s="348">
        <v>0</v>
      </c>
      <c r="MG14" s="345">
        <v>0</v>
      </c>
      <c r="MH14" s="349">
        <v>0</v>
      </c>
      <c r="MI14" s="404">
        <v>0</v>
      </c>
      <c r="MJ14" s="345">
        <v>288605</v>
      </c>
      <c r="MK14" s="345">
        <v>783711</v>
      </c>
      <c r="ML14" s="345">
        <v>2790935</v>
      </c>
      <c r="MM14" s="345">
        <v>3608009</v>
      </c>
      <c r="MN14" s="345">
        <v>1893361</v>
      </c>
      <c r="MO14" s="349">
        <v>9364621</v>
      </c>
      <c r="MP14" s="354">
        <v>9364621</v>
      </c>
      <c r="MQ14" s="348">
        <v>0</v>
      </c>
      <c r="MR14" s="345">
        <v>0</v>
      </c>
      <c r="MS14" s="349">
        <v>0</v>
      </c>
      <c r="MT14" s="404">
        <v>0</v>
      </c>
      <c r="MU14" s="345">
        <v>0</v>
      </c>
      <c r="MV14" s="345">
        <v>209486</v>
      </c>
      <c r="MW14" s="345">
        <v>1439537</v>
      </c>
      <c r="MX14" s="345">
        <v>2287749</v>
      </c>
      <c r="MY14" s="345">
        <v>1310152</v>
      </c>
      <c r="MZ14" s="349">
        <v>5246924</v>
      </c>
      <c r="NA14" s="354">
        <v>5246924</v>
      </c>
      <c r="NB14" s="348">
        <v>0</v>
      </c>
      <c r="NC14" s="345">
        <v>0</v>
      </c>
      <c r="ND14" s="349">
        <v>0</v>
      </c>
      <c r="NE14" s="404">
        <v>0</v>
      </c>
      <c r="NF14" s="345">
        <v>288605</v>
      </c>
      <c r="NG14" s="345">
        <v>574225</v>
      </c>
      <c r="NH14" s="345">
        <v>1351398</v>
      </c>
      <c r="NI14" s="345">
        <v>1320260</v>
      </c>
      <c r="NJ14" s="345">
        <v>583209</v>
      </c>
      <c r="NK14" s="349">
        <v>4117697</v>
      </c>
      <c r="NL14" s="347">
        <v>4117697</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0</v>
      </c>
      <c r="OF14" s="345">
        <v>0</v>
      </c>
      <c r="OG14" s="349">
        <v>0</v>
      </c>
      <c r="OH14" s="350">
        <v>0</v>
      </c>
      <c r="OI14" s="348">
        <v>587007</v>
      </c>
      <c r="OJ14" s="345">
        <v>489551</v>
      </c>
      <c r="OK14" s="346">
        <v>1076558</v>
      </c>
      <c r="OL14" s="351">
        <v>0</v>
      </c>
      <c r="OM14" s="345">
        <v>7846231</v>
      </c>
      <c r="ON14" s="345">
        <v>8586114</v>
      </c>
      <c r="OO14" s="345">
        <v>10509274</v>
      </c>
      <c r="OP14" s="345">
        <v>12522854</v>
      </c>
      <c r="OQ14" s="345">
        <v>7066932</v>
      </c>
      <c r="OR14" s="349">
        <v>46531405</v>
      </c>
      <c r="OS14" s="354">
        <v>47607963</v>
      </c>
    </row>
    <row r="15" spans="2:409" s="70" customFormat="1" ht="21" customHeight="1" x14ac:dyDescent="0.2">
      <c r="B15" s="106" t="s">
        <v>9</v>
      </c>
      <c r="C15" s="326">
        <v>1889466</v>
      </c>
      <c r="D15" s="327">
        <v>1624720</v>
      </c>
      <c r="E15" s="328">
        <v>3514186</v>
      </c>
      <c r="F15" s="332">
        <v>0</v>
      </c>
      <c r="G15" s="327">
        <v>11462761</v>
      </c>
      <c r="H15" s="327">
        <v>13525931</v>
      </c>
      <c r="I15" s="327">
        <v>14646763</v>
      </c>
      <c r="J15" s="327">
        <v>15883241</v>
      </c>
      <c r="K15" s="327">
        <v>8994914</v>
      </c>
      <c r="L15" s="329">
        <v>64513610</v>
      </c>
      <c r="M15" s="330">
        <v>68027796</v>
      </c>
      <c r="N15" s="326">
        <v>477030</v>
      </c>
      <c r="O15" s="327">
        <v>459809</v>
      </c>
      <c r="P15" s="328">
        <v>936839</v>
      </c>
      <c r="Q15" s="326">
        <v>0</v>
      </c>
      <c r="R15" s="327">
        <v>3414617</v>
      </c>
      <c r="S15" s="327">
        <v>4718515</v>
      </c>
      <c r="T15" s="327">
        <v>5190147</v>
      </c>
      <c r="U15" s="327">
        <v>8225219</v>
      </c>
      <c r="V15" s="327">
        <v>5728666</v>
      </c>
      <c r="W15" s="328">
        <v>27277164</v>
      </c>
      <c r="X15" s="330">
        <v>28214003</v>
      </c>
      <c r="Y15" s="326">
        <v>0</v>
      </c>
      <c r="Z15" s="327">
        <v>0</v>
      </c>
      <c r="AA15" s="328">
        <v>0</v>
      </c>
      <c r="AB15" s="326">
        <v>0</v>
      </c>
      <c r="AC15" s="327">
        <v>1466532</v>
      </c>
      <c r="AD15" s="327">
        <v>1683401</v>
      </c>
      <c r="AE15" s="327">
        <v>3176933</v>
      </c>
      <c r="AF15" s="327">
        <v>5797192</v>
      </c>
      <c r="AG15" s="327">
        <v>3568140</v>
      </c>
      <c r="AH15" s="328">
        <v>15692198</v>
      </c>
      <c r="AI15" s="330">
        <v>15692198</v>
      </c>
      <c r="AJ15" s="326">
        <v>0</v>
      </c>
      <c r="AK15" s="327">
        <v>0</v>
      </c>
      <c r="AL15" s="328">
        <v>0</v>
      </c>
      <c r="AM15" s="326">
        <v>0</v>
      </c>
      <c r="AN15" s="327">
        <v>53077</v>
      </c>
      <c r="AO15" s="327">
        <v>0</v>
      </c>
      <c r="AP15" s="327">
        <v>55716</v>
      </c>
      <c r="AQ15" s="327">
        <v>444630</v>
      </c>
      <c r="AR15" s="327">
        <v>696379</v>
      </c>
      <c r="AS15" s="328">
        <v>1249802</v>
      </c>
      <c r="AT15" s="330">
        <v>1249802</v>
      </c>
      <c r="AU15" s="326">
        <v>259239</v>
      </c>
      <c r="AV15" s="327">
        <v>338586</v>
      </c>
      <c r="AW15" s="328">
        <v>597825</v>
      </c>
      <c r="AX15" s="326">
        <v>0</v>
      </c>
      <c r="AY15" s="327">
        <v>1177623</v>
      </c>
      <c r="AZ15" s="327">
        <v>1815332</v>
      </c>
      <c r="BA15" s="327">
        <v>985911</v>
      </c>
      <c r="BB15" s="327">
        <v>1037500</v>
      </c>
      <c r="BC15" s="327">
        <v>885116</v>
      </c>
      <c r="BD15" s="328">
        <v>5901482</v>
      </c>
      <c r="BE15" s="330">
        <v>6499307</v>
      </c>
      <c r="BF15" s="326">
        <v>0</v>
      </c>
      <c r="BG15" s="327">
        <v>23349</v>
      </c>
      <c r="BH15" s="331">
        <v>23349</v>
      </c>
      <c r="BI15" s="332">
        <v>0</v>
      </c>
      <c r="BJ15" s="327">
        <v>85922</v>
      </c>
      <c r="BK15" s="327">
        <v>260264</v>
      </c>
      <c r="BL15" s="327">
        <v>170276</v>
      </c>
      <c r="BM15" s="327">
        <v>151173</v>
      </c>
      <c r="BN15" s="327">
        <v>128546</v>
      </c>
      <c r="BO15" s="328">
        <v>796181</v>
      </c>
      <c r="BP15" s="330">
        <v>819530</v>
      </c>
      <c r="BQ15" s="326">
        <v>217791</v>
      </c>
      <c r="BR15" s="327">
        <v>97874</v>
      </c>
      <c r="BS15" s="328">
        <v>315665</v>
      </c>
      <c r="BT15" s="326">
        <v>0</v>
      </c>
      <c r="BU15" s="327">
        <v>631463</v>
      </c>
      <c r="BV15" s="327">
        <v>959518</v>
      </c>
      <c r="BW15" s="327">
        <v>801311</v>
      </c>
      <c r="BX15" s="327">
        <v>794724</v>
      </c>
      <c r="BY15" s="327">
        <v>450485</v>
      </c>
      <c r="BZ15" s="328">
        <v>3637501</v>
      </c>
      <c r="CA15" s="330">
        <v>3953166</v>
      </c>
      <c r="CB15" s="326">
        <v>151437</v>
      </c>
      <c r="CC15" s="327">
        <v>414096</v>
      </c>
      <c r="CD15" s="328">
        <v>565533</v>
      </c>
      <c r="CE15" s="326">
        <v>0</v>
      </c>
      <c r="CF15" s="327">
        <v>3189874</v>
      </c>
      <c r="CG15" s="327">
        <v>2568029</v>
      </c>
      <c r="CH15" s="327">
        <v>2244244</v>
      </c>
      <c r="CI15" s="327">
        <v>1502207</v>
      </c>
      <c r="CJ15" s="327">
        <v>463675</v>
      </c>
      <c r="CK15" s="328">
        <v>9968029</v>
      </c>
      <c r="CL15" s="330">
        <v>10533562</v>
      </c>
      <c r="CM15" s="326">
        <v>0</v>
      </c>
      <c r="CN15" s="327">
        <v>0</v>
      </c>
      <c r="CO15" s="328">
        <v>0</v>
      </c>
      <c r="CP15" s="332">
        <v>0</v>
      </c>
      <c r="CQ15" s="327">
        <v>2607654</v>
      </c>
      <c r="CR15" s="327">
        <v>1709788</v>
      </c>
      <c r="CS15" s="327">
        <v>1525421</v>
      </c>
      <c r="CT15" s="327">
        <v>1065085</v>
      </c>
      <c r="CU15" s="327">
        <v>300013</v>
      </c>
      <c r="CV15" s="328">
        <v>7207961</v>
      </c>
      <c r="CW15" s="330">
        <v>7207961</v>
      </c>
      <c r="CX15" s="326">
        <v>151437</v>
      </c>
      <c r="CY15" s="327">
        <v>414096</v>
      </c>
      <c r="CZ15" s="328">
        <v>565533</v>
      </c>
      <c r="DA15" s="326">
        <v>0</v>
      </c>
      <c r="DB15" s="327">
        <v>582220</v>
      </c>
      <c r="DC15" s="327">
        <v>858241</v>
      </c>
      <c r="DD15" s="327">
        <v>718823</v>
      </c>
      <c r="DE15" s="327">
        <v>437122</v>
      </c>
      <c r="DF15" s="327">
        <v>163662</v>
      </c>
      <c r="DG15" s="328">
        <v>2760068</v>
      </c>
      <c r="DH15" s="330">
        <v>3325601</v>
      </c>
      <c r="DI15" s="326">
        <v>0</v>
      </c>
      <c r="DJ15" s="327">
        <v>0</v>
      </c>
      <c r="DK15" s="331">
        <v>0</v>
      </c>
      <c r="DL15" s="332">
        <v>0</v>
      </c>
      <c r="DM15" s="327">
        <v>249169</v>
      </c>
      <c r="DN15" s="327">
        <v>366789</v>
      </c>
      <c r="DO15" s="327">
        <v>1311387</v>
      </c>
      <c r="DP15" s="327">
        <v>286328</v>
      </c>
      <c r="DQ15" s="327">
        <v>229930</v>
      </c>
      <c r="DR15" s="328">
        <v>2443603</v>
      </c>
      <c r="DS15" s="330">
        <v>2443603</v>
      </c>
      <c r="DT15" s="326">
        <v>0</v>
      </c>
      <c r="DU15" s="327">
        <v>0</v>
      </c>
      <c r="DV15" s="328">
        <v>0</v>
      </c>
      <c r="DW15" s="326">
        <v>0</v>
      </c>
      <c r="DX15" s="327">
        <v>217068</v>
      </c>
      <c r="DY15" s="327">
        <v>344481</v>
      </c>
      <c r="DZ15" s="327">
        <v>1064916</v>
      </c>
      <c r="EA15" s="327">
        <v>215243</v>
      </c>
      <c r="EB15" s="327">
        <v>229930</v>
      </c>
      <c r="EC15" s="328">
        <v>2071638</v>
      </c>
      <c r="ED15" s="330">
        <v>2071638</v>
      </c>
      <c r="EE15" s="326">
        <v>0</v>
      </c>
      <c r="EF15" s="331">
        <v>0</v>
      </c>
      <c r="EG15" s="328">
        <v>0</v>
      </c>
      <c r="EH15" s="326">
        <v>0</v>
      </c>
      <c r="EI15" s="327">
        <v>32101</v>
      </c>
      <c r="EJ15" s="327">
        <v>22308</v>
      </c>
      <c r="EK15" s="327">
        <v>246471</v>
      </c>
      <c r="EL15" s="327">
        <v>71085</v>
      </c>
      <c r="EM15" s="327">
        <v>0</v>
      </c>
      <c r="EN15" s="331">
        <v>371965</v>
      </c>
      <c r="EO15" s="330">
        <v>371965</v>
      </c>
      <c r="EP15" s="326">
        <v>0</v>
      </c>
      <c r="EQ15" s="327">
        <v>0</v>
      </c>
      <c r="ER15" s="331">
        <v>0</v>
      </c>
      <c r="ES15" s="332">
        <v>0</v>
      </c>
      <c r="ET15" s="327">
        <v>0</v>
      </c>
      <c r="EU15" s="327">
        <v>0</v>
      </c>
      <c r="EV15" s="327">
        <v>0</v>
      </c>
      <c r="EW15" s="327">
        <v>0</v>
      </c>
      <c r="EX15" s="327">
        <v>0</v>
      </c>
      <c r="EY15" s="328">
        <v>0</v>
      </c>
      <c r="EZ15" s="330">
        <v>0</v>
      </c>
      <c r="FA15" s="326">
        <v>0</v>
      </c>
      <c r="FB15" s="327">
        <v>0</v>
      </c>
      <c r="FC15" s="331">
        <v>0</v>
      </c>
      <c r="FD15" s="404">
        <v>0</v>
      </c>
      <c r="FE15" s="327">
        <v>0</v>
      </c>
      <c r="FF15" s="327">
        <v>0</v>
      </c>
      <c r="FG15" s="327">
        <v>0</v>
      </c>
      <c r="FH15" s="327">
        <v>0</v>
      </c>
      <c r="FI15" s="327">
        <v>0</v>
      </c>
      <c r="FJ15" s="328">
        <v>0</v>
      </c>
      <c r="FK15" s="330">
        <v>0</v>
      </c>
      <c r="FL15" s="326">
        <v>511992</v>
      </c>
      <c r="FM15" s="327">
        <v>177478</v>
      </c>
      <c r="FN15" s="328">
        <v>689470</v>
      </c>
      <c r="FO15" s="326">
        <v>0</v>
      </c>
      <c r="FP15" s="327">
        <v>927892</v>
      </c>
      <c r="FQ15" s="327">
        <v>1096830</v>
      </c>
      <c r="FR15" s="327">
        <v>965510</v>
      </c>
      <c r="FS15" s="327">
        <v>1020873</v>
      </c>
      <c r="FT15" s="327">
        <v>705257</v>
      </c>
      <c r="FU15" s="328">
        <v>4716362</v>
      </c>
      <c r="FV15" s="330">
        <v>5405832</v>
      </c>
      <c r="FW15" s="333">
        <v>114637</v>
      </c>
      <c r="FX15" s="327">
        <v>162078</v>
      </c>
      <c r="FY15" s="331">
        <v>276715</v>
      </c>
      <c r="FZ15" s="332">
        <v>0</v>
      </c>
      <c r="GA15" s="327">
        <v>747012</v>
      </c>
      <c r="GB15" s="327">
        <v>1070650</v>
      </c>
      <c r="GC15" s="327">
        <v>927934</v>
      </c>
      <c r="GD15" s="327">
        <v>958657</v>
      </c>
      <c r="GE15" s="327">
        <v>705257</v>
      </c>
      <c r="GF15" s="328">
        <v>4409510</v>
      </c>
      <c r="GG15" s="334">
        <v>4686225</v>
      </c>
      <c r="GH15" s="333">
        <v>16555</v>
      </c>
      <c r="GI15" s="327">
        <v>15400</v>
      </c>
      <c r="GJ15" s="331">
        <v>31955</v>
      </c>
      <c r="GK15" s="332">
        <v>0</v>
      </c>
      <c r="GL15" s="327">
        <v>18480</v>
      </c>
      <c r="GM15" s="327">
        <v>26180</v>
      </c>
      <c r="GN15" s="327">
        <v>37576</v>
      </c>
      <c r="GO15" s="327">
        <v>16016</v>
      </c>
      <c r="GP15" s="327">
        <v>0</v>
      </c>
      <c r="GQ15" s="328">
        <v>98252</v>
      </c>
      <c r="GR15" s="330">
        <v>130207</v>
      </c>
      <c r="GS15" s="326">
        <v>380800</v>
      </c>
      <c r="GT15" s="327">
        <v>0</v>
      </c>
      <c r="GU15" s="328">
        <v>380800</v>
      </c>
      <c r="GV15" s="326">
        <v>0</v>
      </c>
      <c r="GW15" s="327">
        <v>162400</v>
      </c>
      <c r="GX15" s="327">
        <v>0</v>
      </c>
      <c r="GY15" s="327">
        <v>0</v>
      </c>
      <c r="GZ15" s="327">
        <v>46200</v>
      </c>
      <c r="HA15" s="327">
        <v>0</v>
      </c>
      <c r="HB15" s="331">
        <v>208600</v>
      </c>
      <c r="HC15" s="330">
        <v>589400</v>
      </c>
      <c r="HD15" s="326">
        <v>749007</v>
      </c>
      <c r="HE15" s="327">
        <v>573337</v>
      </c>
      <c r="HF15" s="331">
        <v>1322344</v>
      </c>
      <c r="HG15" s="332">
        <v>0</v>
      </c>
      <c r="HH15" s="327">
        <v>3681209</v>
      </c>
      <c r="HI15" s="327">
        <v>4775768</v>
      </c>
      <c r="HJ15" s="327">
        <v>4935475</v>
      </c>
      <c r="HK15" s="327">
        <v>4848614</v>
      </c>
      <c r="HL15" s="327">
        <v>1867386</v>
      </c>
      <c r="HM15" s="328">
        <v>20108452</v>
      </c>
      <c r="HN15" s="329">
        <v>21430796</v>
      </c>
      <c r="HO15" s="333">
        <v>0</v>
      </c>
      <c r="HP15" s="327">
        <v>0</v>
      </c>
      <c r="HQ15" s="328">
        <v>0</v>
      </c>
      <c r="HR15" s="326">
        <v>0</v>
      </c>
      <c r="HS15" s="327">
        <v>0</v>
      </c>
      <c r="HT15" s="327">
        <v>0</v>
      </c>
      <c r="HU15" s="327">
        <v>0</v>
      </c>
      <c r="HV15" s="327">
        <v>0</v>
      </c>
      <c r="HW15" s="327">
        <v>0</v>
      </c>
      <c r="HX15" s="331">
        <v>0</v>
      </c>
      <c r="HY15" s="330">
        <v>0</v>
      </c>
      <c r="HZ15" s="360">
        <v>39269</v>
      </c>
      <c r="IA15" s="361">
        <v>66636</v>
      </c>
      <c r="IB15" s="362">
        <v>105905</v>
      </c>
      <c r="IC15" s="338">
        <v>0</v>
      </c>
      <c r="ID15" s="336">
        <v>916318</v>
      </c>
      <c r="IE15" s="339">
        <v>2033082</v>
      </c>
      <c r="IF15" s="337">
        <v>2580629</v>
      </c>
      <c r="IG15" s="336">
        <v>1671742</v>
      </c>
      <c r="IH15" s="337">
        <v>1591924</v>
      </c>
      <c r="II15" s="340">
        <v>8793695</v>
      </c>
      <c r="IJ15" s="363">
        <v>8899600</v>
      </c>
      <c r="IK15" s="342">
        <v>0</v>
      </c>
      <c r="IL15" s="343">
        <v>0</v>
      </c>
      <c r="IM15" s="344">
        <v>0</v>
      </c>
      <c r="IN15" s="404">
        <v>0</v>
      </c>
      <c r="IO15" s="345">
        <v>0</v>
      </c>
      <c r="IP15" s="345">
        <v>109442</v>
      </c>
      <c r="IQ15" s="345">
        <v>0</v>
      </c>
      <c r="IR15" s="345">
        <v>197489</v>
      </c>
      <c r="IS15" s="345">
        <v>251201</v>
      </c>
      <c r="IT15" s="346">
        <v>558132</v>
      </c>
      <c r="IU15" s="347">
        <v>558132</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1064829</v>
      </c>
      <c r="JL15" s="345">
        <v>1043905</v>
      </c>
      <c r="JM15" s="345">
        <v>1261515</v>
      </c>
      <c r="JN15" s="345">
        <v>570534</v>
      </c>
      <c r="JO15" s="345">
        <v>211846</v>
      </c>
      <c r="JP15" s="349">
        <v>4152629</v>
      </c>
      <c r="JQ15" s="347">
        <v>4152629</v>
      </c>
      <c r="JR15" s="348">
        <v>0</v>
      </c>
      <c r="JS15" s="345">
        <v>0</v>
      </c>
      <c r="JT15" s="346">
        <v>0</v>
      </c>
      <c r="JU15" s="351">
        <v>0</v>
      </c>
      <c r="JV15" s="345">
        <v>0</v>
      </c>
      <c r="JW15" s="345">
        <v>89682</v>
      </c>
      <c r="JX15" s="345">
        <v>0</v>
      </c>
      <c r="JY15" s="345">
        <v>0</v>
      </c>
      <c r="JZ15" s="345">
        <v>0</v>
      </c>
      <c r="KA15" s="349">
        <v>89682</v>
      </c>
      <c r="KB15" s="347">
        <v>89682</v>
      </c>
      <c r="KC15" s="352">
        <v>39269</v>
      </c>
      <c r="KD15" s="353">
        <v>66636</v>
      </c>
      <c r="KE15" s="349">
        <v>105905</v>
      </c>
      <c r="KF15" s="351">
        <v>0</v>
      </c>
      <c r="KG15" s="345">
        <v>-148511</v>
      </c>
      <c r="KH15" s="345">
        <v>0</v>
      </c>
      <c r="KI15" s="345">
        <v>0</v>
      </c>
      <c r="KJ15" s="345">
        <v>0</v>
      </c>
      <c r="KK15" s="345">
        <v>264500</v>
      </c>
      <c r="KL15" s="349">
        <v>115989</v>
      </c>
      <c r="KM15" s="354">
        <v>221894</v>
      </c>
      <c r="KN15" s="342">
        <v>0</v>
      </c>
      <c r="KO15" s="343">
        <v>0</v>
      </c>
      <c r="KP15" s="344">
        <v>0</v>
      </c>
      <c r="KQ15" s="404">
        <v>0</v>
      </c>
      <c r="KR15" s="345">
        <v>0</v>
      </c>
      <c r="KS15" s="345">
        <v>431095</v>
      </c>
      <c r="KT15" s="345">
        <v>1319114</v>
      </c>
      <c r="KU15" s="345">
        <v>903719</v>
      </c>
      <c r="KV15" s="345">
        <v>0</v>
      </c>
      <c r="KW15" s="349">
        <v>2653928</v>
      </c>
      <c r="KX15" s="347">
        <v>2653928</v>
      </c>
      <c r="KY15" s="348">
        <v>0</v>
      </c>
      <c r="KZ15" s="345">
        <v>0</v>
      </c>
      <c r="LA15" s="349">
        <v>0</v>
      </c>
      <c r="LB15" s="404">
        <v>0</v>
      </c>
      <c r="LC15" s="345">
        <v>0</v>
      </c>
      <c r="LD15" s="345">
        <v>0</v>
      </c>
      <c r="LE15" s="345">
        <v>0</v>
      </c>
      <c r="LF15" s="345">
        <v>0</v>
      </c>
      <c r="LG15" s="345">
        <v>0</v>
      </c>
      <c r="LH15" s="349">
        <v>0</v>
      </c>
      <c r="LI15" s="350">
        <v>0</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0</v>
      </c>
      <c r="LZ15" s="345">
        <v>358958</v>
      </c>
      <c r="MA15" s="345">
        <v>0</v>
      </c>
      <c r="MB15" s="345">
        <v>0</v>
      </c>
      <c r="MC15" s="345">
        <v>864377</v>
      </c>
      <c r="MD15" s="349">
        <v>1223335</v>
      </c>
      <c r="ME15" s="350">
        <v>1223335</v>
      </c>
      <c r="MF15" s="348">
        <v>0</v>
      </c>
      <c r="MG15" s="345">
        <v>0</v>
      </c>
      <c r="MH15" s="349">
        <v>0</v>
      </c>
      <c r="MI15" s="404">
        <v>0</v>
      </c>
      <c r="MJ15" s="345">
        <v>195571</v>
      </c>
      <c r="MK15" s="345">
        <v>1223495</v>
      </c>
      <c r="ML15" s="345">
        <v>3249191</v>
      </c>
      <c r="MM15" s="345">
        <v>6395693</v>
      </c>
      <c r="MN15" s="345">
        <v>5642180</v>
      </c>
      <c r="MO15" s="349">
        <v>16706130</v>
      </c>
      <c r="MP15" s="354">
        <v>16706130</v>
      </c>
      <c r="MQ15" s="348">
        <v>0</v>
      </c>
      <c r="MR15" s="345">
        <v>0</v>
      </c>
      <c r="MS15" s="349">
        <v>0</v>
      </c>
      <c r="MT15" s="404">
        <v>0</v>
      </c>
      <c r="MU15" s="345">
        <v>195571</v>
      </c>
      <c r="MV15" s="345">
        <v>0</v>
      </c>
      <c r="MW15" s="345">
        <v>938291</v>
      </c>
      <c r="MX15" s="345">
        <v>4724205</v>
      </c>
      <c r="MY15" s="345">
        <v>3788014</v>
      </c>
      <c r="MZ15" s="349">
        <v>9646081</v>
      </c>
      <c r="NA15" s="354">
        <v>9646081</v>
      </c>
      <c r="NB15" s="348">
        <v>0</v>
      </c>
      <c r="NC15" s="345">
        <v>0</v>
      </c>
      <c r="ND15" s="349">
        <v>0</v>
      </c>
      <c r="NE15" s="404">
        <v>0</v>
      </c>
      <c r="NF15" s="345">
        <v>0</v>
      </c>
      <c r="NG15" s="345">
        <v>1223495</v>
      </c>
      <c r="NH15" s="345">
        <v>2310900</v>
      </c>
      <c r="NI15" s="345">
        <v>1671488</v>
      </c>
      <c r="NJ15" s="345">
        <v>1854166</v>
      </c>
      <c r="NK15" s="349">
        <v>7060049</v>
      </c>
      <c r="NL15" s="347">
        <v>7060049</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1928735</v>
      </c>
      <c r="OJ15" s="345">
        <v>1691356</v>
      </c>
      <c r="OK15" s="346">
        <v>3620091</v>
      </c>
      <c r="OL15" s="351">
        <v>0</v>
      </c>
      <c r="OM15" s="345">
        <v>12574650</v>
      </c>
      <c r="ON15" s="345">
        <v>16782508</v>
      </c>
      <c r="OO15" s="345">
        <v>20476583</v>
      </c>
      <c r="OP15" s="345">
        <v>23950676</v>
      </c>
      <c r="OQ15" s="345">
        <v>16229018</v>
      </c>
      <c r="OR15" s="349">
        <v>90013435</v>
      </c>
      <c r="OS15" s="354">
        <v>93633526</v>
      </c>
    </row>
    <row r="16" spans="2:409" s="70" customFormat="1" ht="21" customHeight="1" x14ac:dyDescent="0.2">
      <c r="B16" s="106" t="s">
        <v>10</v>
      </c>
      <c r="C16" s="326">
        <v>1490137</v>
      </c>
      <c r="D16" s="327">
        <v>2569458</v>
      </c>
      <c r="E16" s="328">
        <v>4059595</v>
      </c>
      <c r="F16" s="364">
        <v>0</v>
      </c>
      <c r="G16" s="327">
        <v>18403050</v>
      </c>
      <c r="H16" s="327">
        <v>15541993</v>
      </c>
      <c r="I16" s="327">
        <v>18852670</v>
      </c>
      <c r="J16" s="327">
        <v>14129028</v>
      </c>
      <c r="K16" s="327">
        <v>12107236</v>
      </c>
      <c r="L16" s="329">
        <v>79033977</v>
      </c>
      <c r="M16" s="330">
        <v>83093572</v>
      </c>
      <c r="N16" s="326">
        <v>560289</v>
      </c>
      <c r="O16" s="327">
        <v>929981</v>
      </c>
      <c r="P16" s="328">
        <v>1490270</v>
      </c>
      <c r="Q16" s="326">
        <v>0</v>
      </c>
      <c r="R16" s="327">
        <v>6678648</v>
      </c>
      <c r="S16" s="327">
        <v>5908270</v>
      </c>
      <c r="T16" s="327">
        <v>7399686</v>
      </c>
      <c r="U16" s="327">
        <v>5551375</v>
      </c>
      <c r="V16" s="327">
        <v>4578559</v>
      </c>
      <c r="W16" s="328">
        <v>30116538</v>
      </c>
      <c r="X16" s="330">
        <v>31606808</v>
      </c>
      <c r="Y16" s="326">
        <v>0</v>
      </c>
      <c r="Z16" s="327">
        <v>0</v>
      </c>
      <c r="AA16" s="328">
        <v>0</v>
      </c>
      <c r="AB16" s="326">
        <v>0</v>
      </c>
      <c r="AC16" s="327">
        <v>2951830</v>
      </c>
      <c r="AD16" s="327">
        <v>2799092</v>
      </c>
      <c r="AE16" s="327">
        <v>4731053</v>
      </c>
      <c r="AF16" s="327">
        <v>3274176</v>
      </c>
      <c r="AG16" s="327">
        <v>2336412</v>
      </c>
      <c r="AH16" s="328">
        <v>16092563</v>
      </c>
      <c r="AI16" s="330">
        <v>16092563</v>
      </c>
      <c r="AJ16" s="326">
        <v>0</v>
      </c>
      <c r="AK16" s="327">
        <v>0</v>
      </c>
      <c r="AL16" s="328">
        <v>0</v>
      </c>
      <c r="AM16" s="326">
        <v>0</v>
      </c>
      <c r="AN16" s="327">
        <v>0</v>
      </c>
      <c r="AO16" s="327">
        <v>135375</v>
      </c>
      <c r="AP16" s="327">
        <v>190507</v>
      </c>
      <c r="AQ16" s="327">
        <v>406729</v>
      </c>
      <c r="AR16" s="327">
        <v>318336</v>
      </c>
      <c r="AS16" s="328">
        <v>1050947</v>
      </c>
      <c r="AT16" s="330">
        <v>1050947</v>
      </c>
      <c r="AU16" s="326">
        <v>353071</v>
      </c>
      <c r="AV16" s="327">
        <v>688601</v>
      </c>
      <c r="AW16" s="328">
        <v>1041672</v>
      </c>
      <c r="AX16" s="326">
        <v>0</v>
      </c>
      <c r="AY16" s="327">
        <v>2256327</v>
      </c>
      <c r="AZ16" s="327">
        <v>1860934</v>
      </c>
      <c r="BA16" s="327">
        <v>1183907</v>
      </c>
      <c r="BB16" s="327">
        <v>881705</v>
      </c>
      <c r="BC16" s="327">
        <v>807171</v>
      </c>
      <c r="BD16" s="328">
        <v>6990044</v>
      </c>
      <c r="BE16" s="330">
        <v>8031716</v>
      </c>
      <c r="BF16" s="326">
        <v>9342</v>
      </c>
      <c r="BG16" s="327">
        <v>45338</v>
      </c>
      <c r="BH16" s="331">
        <v>54680</v>
      </c>
      <c r="BI16" s="332">
        <v>0</v>
      </c>
      <c r="BJ16" s="327">
        <v>226052</v>
      </c>
      <c r="BK16" s="327">
        <v>111393</v>
      </c>
      <c r="BL16" s="327">
        <v>122160</v>
      </c>
      <c r="BM16" s="327">
        <v>18684</v>
      </c>
      <c r="BN16" s="327">
        <v>60277</v>
      </c>
      <c r="BO16" s="328">
        <v>538566</v>
      </c>
      <c r="BP16" s="330">
        <v>593246</v>
      </c>
      <c r="BQ16" s="326">
        <v>197876</v>
      </c>
      <c r="BR16" s="327">
        <v>196042</v>
      </c>
      <c r="BS16" s="328">
        <v>393918</v>
      </c>
      <c r="BT16" s="326">
        <v>0</v>
      </c>
      <c r="BU16" s="327">
        <v>1244439</v>
      </c>
      <c r="BV16" s="327">
        <v>1001476</v>
      </c>
      <c r="BW16" s="327">
        <v>1172059</v>
      </c>
      <c r="BX16" s="327">
        <v>970081</v>
      </c>
      <c r="BY16" s="327">
        <v>1056363</v>
      </c>
      <c r="BZ16" s="328">
        <v>5444418</v>
      </c>
      <c r="CA16" s="330">
        <v>5838336</v>
      </c>
      <c r="CB16" s="326">
        <v>73979</v>
      </c>
      <c r="CC16" s="327">
        <v>204077</v>
      </c>
      <c r="CD16" s="328">
        <v>278056</v>
      </c>
      <c r="CE16" s="326">
        <v>0</v>
      </c>
      <c r="CF16" s="327">
        <v>5503972</v>
      </c>
      <c r="CG16" s="327">
        <v>3734754</v>
      </c>
      <c r="CH16" s="327">
        <v>4165521</v>
      </c>
      <c r="CI16" s="327">
        <v>1148428</v>
      </c>
      <c r="CJ16" s="327">
        <v>765267</v>
      </c>
      <c r="CK16" s="328">
        <v>15317942</v>
      </c>
      <c r="CL16" s="330">
        <v>15595998</v>
      </c>
      <c r="CM16" s="326">
        <v>0</v>
      </c>
      <c r="CN16" s="327">
        <v>0</v>
      </c>
      <c r="CO16" s="328">
        <v>0</v>
      </c>
      <c r="CP16" s="332">
        <v>0</v>
      </c>
      <c r="CQ16" s="327">
        <v>4665613</v>
      </c>
      <c r="CR16" s="327">
        <v>2775962</v>
      </c>
      <c r="CS16" s="327">
        <v>3380234</v>
      </c>
      <c r="CT16" s="327">
        <v>1022956</v>
      </c>
      <c r="CU16" s="327">
        <v>458604</v>
      </c>
      <c r="CV16" s="328">
        <v>12303369</v>
      </c>
      <c r="CW16" s="330">
        <v>12303369</v>
      </c>
      <c r="CX16" s="326">
        <v>73979</v>
      </c>
      <c r="CY16" s="327">
        <v>204077</v>
      </c>
      <c r="CZ16" s="328">
        <v>278056</v>
      </c>
      <c r="DA16" s="326">
        <v>0</v>
      </c>
      <c r="DB16" s="327">
        <v>838359</v>
      </c>
      <c r="DC16" s="327">
        <v>958792</v>
      </c>
      <c r="DD16" s="327">
        <v>785287</v>
      </c>
      <c r="DE16" s="327">
        <v>125472</v>
      </c>
      <c r="DF16" s="327">
        <v>306663</v>
      </c>
      <c r="DG16" s="328">
        <v>3014573</v>
      </c>
      <c r="DH16" s="330">
        <v>3292629</v>
      </c>
      <c r="DI16" s="326">
        <v>0</v>
      </c>
      <c r="DJ16" s="327">
        <v>149184</v>
      </c>
      <c r="DK16" s="331">
        <v>149184</v>
      </c>
      <c r="DL16" s="332">
        <v>0</v>
      </c>
      <c r="DM16" s="327">
        <v>793720</v>
      </c>
      <c r="DN16" s="327">
        <v>785369</v>
      </c>
      <c r="DO16" s="327">
        <v>840677</v>
      </c>
      <c r="DP16" s="327">
        <v>1019459</v>
      </c>
      <c r="DQ16" s="327">
        <v>137897</v>
      </c>
      <c r="DR16" s="328">
        <v>3577122</v>
      </c>
      <c r="DS16" s="330">
        <v>3726306</v>
      </c>
      <c r="DT16" s="326">
        <v>0</v>
      </c>
      <c r="DU16" s="327">
        <v>149184</v>
      </c>
      <c r="DV16" s="328">
        <v>149184</v>
      </c>
      <c r="DW16" s="326">
        <v>0</v>
      </c>
      <c r="DX16" s="327">
        <v>793720</v>
      </c>
      <c r="DY16" s="327">
        <v>681968</v>
      </c>
      <c r="DZ16" s="327">
        <v>840677</v>
      </c>
      <c r="EA16" s="327">
        <v>1019459</v>
      </c>
      <c r="EB16" s="327">
        <v>39048</v>
      </c>
      <c r="EC16" s="328">
        <v>3374872</v>
      </c>
      <c r="ED16" s="330">
        <v>3524056</v>
      </c>
      <c r="EE16" s="326">
        <v>0</v>
      </c>
      <c r="EF16" s="331">
        <v>0</v>
      </c>
      <c r="EG16" s="328">
        <v>0</v>
      </c>
      <c r="EH16" s="326">
        <v>0</v>
      </c>
      <c r="EI16" s="327">
        <v>0</v>
      </c>
      <c r="EJ16" s="327">
        <v>103401</v>
      </c>
      <c r="EK16" s="327">
        <v>0</v>
      </c>
      <c r="EL16" s="327">
        <v>0</v>
      </c>
      <c r="EM16" s="327">
        <v>98849</v>
      </c>
      <c r="EN16" s="331">
        <v>202250</v>
      </c>
      <c r="EO16" s="330">
        <v>202250</v>
      </c>
      <c r="EP16" s="326">
        <v>0</v>
      </c>
      <c r="EQ16" s="327">
        <v>0</v>
      </c>
      <c r="ER16" s="331">
        <v>0</v>
      </c>
      <c r="ES16" s="332">
        <v>0</v>
      </c>
      <c r="ET16" s="327">
        <v>0</v>
      </c>
      <c r="EU16" s="327">
        <v>0</v>
      </c>
      <c r="EV16" s="327">
        <v>0</v>
      </c>
      <c r="EW16" s="327">
        <v>0</v>
      </c>
      <c r="EX16" s="327">
        <v>0</v>
      </c>
      <c r="EY16" s="328">
        <v>0</v>
      </c>
      <c r="EZ16" s="330">
        <v>0</v>
      </c>
      <c r="FA16" s="326">
        <v>0</v>
      </c>
      <c r="FB16" s="327">
        <v>0</v>
      </c>
      <c r="FC16" s="331">
        <v>0</v>
      </c>
      <c r="FD16" s="404">
        <v>0</v>
      </c>
      <c r="FE16" s="327">
        <v>0</v>
      </c>
      <c r="FF16" s="327">
        <v>0</v>
      </c>
      <c r="FG16" s="327">
        <v>0</v>
      </c>
      <c r="FH16" s="327">
        <v>0</v>
      </c>
      <c r="FI16" s="327">
        <v>0</v>
      </c>
      <c r="FJ16" s="328">
        <v>0</v>
      </c>
      <c r="FK16" s="330">
        <v>0</v>
      </c>
      <c r="FL16" s="326">
        <v>297325</v>
      </c>
      <c r="FM16" s="327">
        <v>549031</v>
      </c>
      <c r="FN16" s="328">
        <v>846356</v>
      </c>
      <c r="FO16" s="326">
        <v>0</v>
      </c>
      <c r="FP16" s="327">
        <v>986496</v>
      </c>
      <c r="FQ16" s="327">
        <v>1341949</v>
      </c>
      <c r="FR16" s="327">
        <v>1287363</v>
      </c>
      <c r="FS16" s="327">
        <v>556318</v>
      </c>
      <c r="FT16" s="327">
        <v>521794</v>
      </c>
      <c r="FU16" s="328">
        <v>4693920</v>
      </c>
      <c r="FV16" s="330">
        <v>5540276</v>
      </c>
      <c r="FW16" s="333">
        <v>193025</v>
      </c>
      <c r="FX16" s="327">
        <v>528731</v>
      </c>
      <c r="FY16" s="331">
        <v>721756</v>
      </c>
      <c r="FZ16" s="332">
        <v>0</v>
      </c>
      <c r="GA16" s="327">
        <v>773311</v>
      </c>
      <c r="GB16" s="327">
        <v>1296253</v>
      </c>
      <c r="GC16" s="327">
        <v>1163085</v>
      </c>
      <c r="GD16" s="327">
        <v>556318</v>
      </c>
      <c r="GE16" s="327">
        <v>488530</v>
      </c>
      <c r="GF16" s="328">
        <v>4277497</v>
      </c>
      <c r="GG16" s="334">
        <v>4999253</v>
      </c>
      <c r="GH16" s="333">
        <v>0</v>
      </c>
      <c r="GI16" s="327">
        <v>20300</v>
      </c>
      <c r="GJ16" s="331">
        <v>20300</v>
      </c>
      <c r="GK16" s="332">
        <v>0</v>
      </c>
      <c r="GL16" s="327">
        <v>49665</v>
      </c>
      <c r="GM16" s="327">
        <v>45696</v>
      </c>
      <c r="GN16" s="327">
        <v>124278</v>
      </c>
      <c r="GO16" s="327">
        <v>0</v>
      </c>
      <c r="GP16" s="327">
        <v>33264</v>
      </c>
      <c r="GQ16" s="328">
        <v>252903</v>
      </c>
      <c r="GR16" s="330">
        <v>273203</v>
      </c>
      <c r="GS16" s="326">
        <v>104300</v>
      </c>
      <c r="GT16" s="327">
        <v>0</v>
      </c>
      <c r="GU16" s="328">
        <v>104300</v>
      </c>
      <c r="GV16" s="326">
        <v>0</v>
      </c>
      <c r="GW16" s="327">
        <v>163520</v>
      </c>
      <c r="GX16" s="327">
        <v>0</v>
      </c>
      <c r="GY16" s="327">
        <v>0</v>
      </c>
      <c r="GZ16" s="327">
        <v>0</v>
      </c>
      <c r="HA16" s="327">
        <v>0</v>
      </c>
      <c r="HB16" s="331">
        <v>163520</v>
      </c>
      <c r="HC16" s="330">
        <v>267820</v>
      </c>
      <c r="HD16" s="326">
        <v>558544</v>
      </c>
      <c r="HE16" s="327">
        <v>737185</v>
      </c>
      <c r="HF16" s="331">
        <v>1295729</v>
      </c>
      <c r="HG16" s="332">
        <v>0</v>
      </c>
      <c r="HH16" s="327">
        <v>4440214</v>
      </c>
      <c r="HI16" s="327">
        <v>3771651</v>
      </c>
      <c r="HJ16" s="327">
        <v>5159423</v>
      </c>
      <c r="HK16" s="327">
        <v>5853448</v>
      </c>
      <c r="HL16" s="327">
        <v>6103719</v>
      </c>
      <c r="HM16" s="328">
        <v>25328455</v>
      </c>
      <c r="HN16" s="329">
        <v>26624184</v>
      </c>
      <c r="HO16" s="333">
        <v>0</v>
      </c>
      <c r="HP16" s="327">
        <v>0</v>
      </c>
      <c r="HQ16" s="328">
        <v>0</v>
      </c>
      <c r="HR16" s="326">
        <v>0</v>
      </c>
      <c r="HS16" s="327">
        <v>0</v>
      </c>
      <c r="HT16" s="327">
        <v>0</v>
      </c>
      <c r="HU16" s="327">
        <v>0</v>
      </c>
      <c r="HV16" s="327">
        <v>0</v>
      </c>
      <c r="HW16" s="327">
        <v>0</v>
      </c>
      <c r="HX16" s="331">
        <v>0</v>
      </c>
      <c r="HY16" s="330">
        <v>0</v>
      </c>
      <c r="HZ16" s="358">
        <v>0</v>
      </c>
      <c r="IA16" s="356">
        <v>0</v>
      </c>
      <c r="IB16" s="358">
        <v>0</v>
      </c>
      <c r="IC16" s="355">
        <v>0</v>
      </c>
      <c r="ID16" s="356">
        <v>2750520</v>
      </c>
      <c r="IE16" s="357">
        <v>3073393</v>
      </c>
      <c r="IF16" s="358">
        <v>3892030</v>
      </c>
      <c r="IG16" s="356">
        <v>2884011</v>
      </c>
      <c r="IH16" s="358">
        <v>3149101</v>
      </c>
      <c r="II16" s="359">
        <v>15749055</v>
      </c>
      <c r="IJ16" s="358">
        <v>15749055</v>
      </c>
      <c r="IK16" s="342">
        <v>0</v>
      </c>
      <c r="IL16" s="343">
        <v>0</v>
      </c>
      <c r="IM16" s="344">
        <v>0</v>
      </c>
      <c r="IN16" s="404">
        <v>0</v>
      </c>
      <c r="IO16" s="345">
        <v>57015</v>
      </c>
      <c r="IP16" s="345">
        <v>210011</v>
      </c>
      <c r="IQ16" s="345">
        <v>450770</v>
      </c>
      <c r="IR16" s="345">
        <v>0</v>
      </c>
      <c r="IS16" s="345">
        <v>266513</v>
      </c>
      <c r="IT16" s="346">
        <v>984309</v>
      </c>
      <c r="IU16" s="347">
        <v>984309</v>
      </c>
      <c r="IV16" s="348">
        <v>0</v>
      </c>
      <c r="IW16" s="345">
        <v>0</v>
      </c>
      <c r="IX16" s="349">
        <v>0</v>
      </c>
      <c r="IY16" s="404">
        <v>0</v>
      </c>
      <c r="IZ16" s="345">
        <v>0</v>
      </c>
      <c r="JA16" s="345">
        <v>0</v>
      </c>
      <c r="JB16" s="345">
        <v>0</v>
      </c>
      <c r="JC16" s="345">
        <v>9029</v>
      </c>
      <c r="JD16" s="345">
        <v>0</v>
      </c>
      <c r="JE16" s="349">
        <v>9029</v>
      </c>
      <c r="JF16" s="350">
        <v>9029</v>
      </c>
      <c r="JG16" s="348">
        <v>0</v>
      </c>
      <c r="JH16" s="345">
        <v>0</v>
      </c>
      <c r="JI16" s="346">
        <v>0</v>
      </c>
      <c r="JJ16" s="351">
        <v>0</v>
      </c>
      <c r="JK16" s="345">
        <v>1116974</v>
      </c>
      <c r="JL16" s="345">
        <v>618211</v>
      </c>
      <c r="JM16" s="345">
        <v>622978</v>
      </c>
      <c r="JN16" s="345">
        <v>383474</v>
      </c>
      <c r="JO16" s="345">
        <v>0</v>
      </c>
      <c r="JP16" s="349">
        <v>2741637</v>
      </c>
      <c r="JQ16" s="347">
        <v>2741637</v>
      </c>
      <c r="JR16" s="348">
        <v>0</v>
      </c>
      <c r="JS16" s="345">
        <v>0</v>
      </c>
      <c r="JT16" s="346">
        <v>0</v>
      </c>
      <c r="JU16" s="351">
        <v>0</v>
      </c>
      <c r="JV16" s="345">
        <v>124331</v>
      </c>
      <c r="JW16" s="345">
        <v>0</v>
      </c>
      <c r="JX16" s="345">
        <v>163432</v>
      </c>
      <c r="JY16" s="345">
        <v>219239</v>
      </c>
      <c r="JZ16" s="345">
        <v>0</v>
      </c>
      <c r="KA16" s="349">
        <v>507002</v>
      </c>
      <c r="KB16" s="347">
        <v>507002</v>
      </c>
      <c r="KC16" s="352">
        <v>0</v>
      </c>
      <c r="KD16" s="353">
        <v>0</v>
      </c>
      <c r="KE16" s="349">
        <v>0</v>
      </c>
      <c r="KF16" s="351">
        <v>0</v>
      </c>
      <c r="KG16" s="345">
        <v>383297</v>
      </c>
      <c r="KH16" s="345">
        <v>289174</v>
      </c>
      <c r="KI16" s="345">
        <v>676729</v>
      </c>
      <c r="KJ16" s="345">
        <v>373584</v>
      </c>
      <c r="KK16" s="345">
        <v>239000</v>
      </c>
      <c r="KL16" s="349">
        <v>1961784</v>
      </c>
      <c r="KM16" s="354">
        <v>1961784</v>
      </c>
      <c r="KN16" s="342">
        <v>0</v>
      </c>
      <c r="KO16" s="343">
        <v>0</v>
      </c>
      <c r="KP16" s="344">
        <v>0</v>
      </c>
      <c r="KQ16" s="404">
        <v>0</v>
      </c>
      <c r="KR16" s="345">
        <v>610852</v>
      </c>
      <c r="KS16" s="345">
        <v>1326493</v>
      </c>
      <c r="KT16" s="345">
        <v>889547</v>
      </c>
      <c r="KU16" s="345">
        <v>1057574</v>
      </c>
      <c r="KV16" s="345">
        <v>1834372</v>
      </c>
      <c r="KW16" s="349">
        <v>5718838</v>
      </c>
      <c r="KX16" s="347">
        <v>5718838</v>
      </c>
      <c r="KY16" s="348">
        <v>0</v>
      </c>
      <c r="KZ16" s="345">
        <v>0</v>
      </c>
      <c r="LA16" s="349">
        <v>0</v>
      </c>
      <c r="LB16" s="404">
        <v>0</v>
      </c>
      <c r="LC16" s="345">
        <v>135172</v>
      </c>
      <c r="LD16" s="345">
        <v>456968</v>
      </c>
      <c r="LE16" s="345">
        <v>850119</v>
      </c>
      <c r="LF16" s="345">
        <v>370736</v>
      </c>
      <c r="LG16" s="345">
        <v>809216</v>
      </c>
      <c r="LH16" s="349">
        <v>2622211</v>
      </c>
      <c r="LI16" s="350">
        <v>2622211</v>
      </c>
      <c r="LJ16" s="348">
        <v>0</v>
      </c>
      <c r="LK16" s="345">
        <v>0</v>
      </c>
      <c r="LL16" s="349">
        <v>0</v>
      </c>
      <c r="LM16" s="404">
        <v>0</v>
      </c>
      <c r="LN16" s="345">
        <v>0</v>
      </c>
      <c r="LO16" s="345">
        <v>0</v>
      </c>
      <c r="LP16" s="345">
        <v>0</v>
      </c>
      <c r="LQ16" s="345">
        <v>470375</v>
      </c>
      <c r="LR16" s="345">
        <v>0</v>
      </c>
      <c r="LS16" s="349">
        <v>470375</v>
      </c>
      <c r="LT16" s="347">
        <v>470375</v>
      </c>
      <c r="LU16" s="348">
        <v>0</v>
      </c>
      <c r="LV16" s="345">
        <v>0</v>
      </c>
      <c r="LW16" s="349">
        <v>0</v>
      </c>
      <c r="LX16" s="404">
        <v>0</v>
      </c>
      <c r="LY16" s="345">
        <v>322879</v>
      </c>
      <c r="LZ16" s="345">
        <v>172536</v>
      </c>
      <c r="MA16" s="345">
        <v>238455</v>
      </c>
      <c r="MB16" s="345">
        <v>0</v>
      </c>
      <c r="MC16" s="345">
        <v>0</v>
      </c>
      <c r="MD16" s="349">
        <v>733870</v>
      </c>
      <c r="ME16" s="350">
        <v>733870</v>
      </c>
      <c r="MF16" s="348">
        <v>0</v>
      </c>
      <c r="MG16" s="345">
        <v>0</v>
      </c>
      <c r="MH16" s="349">
        <v>0</v>
      </c>
      <c r="MI16" s="404">
        <v>0</v>
      </c>
      <c r="MJ16" s="345">
        <v>648248</v>
      </c>
      <c r="MK16" s="345">
        <v>1041521</v>
      </c>
      <c r="ML16" s="345">
        <v>5700893</v>
      </c>
      <c r="MM16" s="345">
        <v>6545798</v>
      </c>
      <c r="MN16" s="345">
        <v>5300890</v>
      </c>
      <c r="MO16" s="349">
        <v>19237350</v>
      </c>
      <c r="MP16" s="354">
        <v>19237350</v>
      </c>
      <c r="MQ16" s="348">
        <v>0</v>
      </c>
      <c r="MR16" s="345">
        <v>0</v>
      </c>
      <c r="MS16" s="349">
        <v>0</v>
      </c>
      <c r="MT16" s="404">
        <v>0</v>
      </c>
      <c r="MU16" s="345">
        <v>0</v>
      </c>
      <c r="MV16" s="345">
        <v>184265</v>
      </c>
      <c r="MW16" s="345">
        <v>3514440</v>
      </c>
      <c r="MX16" s="345">
        <v>3892166</v>
      </c>
      <c r="MY16" s="345">
        <v>3953301</v>
      </c>
      <c r="MZ16" s="349">
        <v>11544172</v>
      </c>
      <c r="NA16" s="354">
        <v>11544172</v>
      </c>
      <c r="NB16" s="348">
        <v>0</v>
      </c>
      <c r="NC16" s="345">
        <v>0</v>
      </c>
      <c r="ND16" s="349">
        <v>0</v>
      </c>
      <c r="NE16" s="404">
        <v>0</v>
      </c>
      <c r="NF16" s="345">
        <v>648248</v>
      </c>
      <c r="NG16" s="345">
        <v>857256</v>
      </c>
      <c r="NH16" s="345">
        <v>1898501</v>
      </c>
      <c r="NI16" s="345">
        <v>2653632</v>
      </c>
      <c r="NJ16" s="345">
        <v>1039178</v>
      </c>
      <c r="NK16" s="349">
        <v>7096815</v>
      </c>
      <c r="NL16" s="347">
        <v>7096815</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287952</v>
      </c>
      <c r="OE16" s="345">
        <v>0</v>
      </c>
      <c r="OF16" s="345">
        <v>308411</v>
      </c>
      <c r="OG16" s="349">
        <v>596363</v>
      </c>
      <c r="OH16" s="350">
        <v>596363</v>
      </c>
      <c r="OI16" s="348">
        <v>1490137</v>
      </c>
      <c r="OJ16" s="345">
        <v>2569458</v>
      </c>
      <c r="OK16" s="346">
        <v>4059595</v>
      </c>
      <c r="OL16" s="351">
        <v>0</v>
      </c>
      <c r="OM16" s="345">
        <v>21801818</v>
      </c>
      <c r="ON16" s="345">
        <v>19656907</v>
      </c>
      <c r="OO16" s="345">
        <v>28445593</v>
      </c>
      <c r="OP16" s="345">
        <v>23558837</v>
      </c>
      <c r="OQ16" s="345">
        <v>20557227</v>
      </c>
      <c r="OR16" s="349">
        <v>114020382</v>
      </c>
      <c r="OS16" s="354">
        <v>118079977</v>
      </c>
    </row>
    <row r="17" spans="2:409" s="70" customFormat="1" ht="21" customHeight="1" x14ac:dyDescent="0.2">
      <c r="B17" s="106" t="s">
        <v>11</v>
      </c>
      <c r="C17" s="326">
        <v>449728</v>
      </c>
      <c r="D17" s="327">
        <v>691868</v>
      </c>
      <c r="E17" s="365">
        <v>1141596</v>
      </c>
      <c r="F17" s="332">
        <v>0</v>
      </c>
      <c r="G17" s="327">
        <v>6138756</v>
      </c>
      <c r="H17" s="327">
        <v>4738240</v>
      </c>
      <c r="I17" s="327">
        <v>4474018</v>
      </c>
      <c r="J17" s="327">
        <v>6037143</v>
      </c>
      <c r="K17" s="327">
        <v>3674897</v>
      </c>
      <c r="L17" s="329">
        <v>25063054</v>
      </c>
      <c r="M17" s="330">
        <v>26204650</v>
      </c>
      <c r="N17" s="326">
        <v>68357</v>
      </c>
      <c r="O17" s="327">
        <v>109758</v>
      </c>
      <c r="P17" s="328">
        <v>178115</v>
      </c>
      <c r="Q17" s="326">
        <v>0</v>
      </c>
      <c r="R17" s="327">
        <v>1463592</v>
      </c>
      <c r="S17" s="327">
        <v>1333057</v>
      </c>
      <c r="T17" s="327">
        <v>987021</v>
      </c>
      <c r="U17" s="327">
        <v>2153242</v>
      </c>
      <c r="V17" s="327">
        <v>1012325</v>
      </c>
      <c r="W17" s="328">
        <v>6949237</v>
      </c>
      <c r="X17" s="330">
        <v>7127352</v>
      </c>
      <c r="Y17" s="326">
        <v>0</v>
      </c>
      <c r="Z17" s="327">
        <v>0</v>
      </c>
      <c r="AA17" s="328">
        <v>0</v>
      </c>
      <c r="AB17" s="326">
        <v>0</v>
      </c>
      <c r="AC17" s="327">
        <v>308448</v>
      </c>
      <c r="AD17" s="327">
        <v>304946</v>
      </c>
      <c r="AE17" s="327">
        <v>667026</v>
      </c>
      <c r="AF17" s="327">
        <v>1006907</v>
      </c>
      <c r="AG17" s="327">
        <v>467682</v>
      </c>
      <c r="AH17" s="328">
        <v>2755009</v>
      </c>
      <c r="AI17" s="330">
        <v>2755009</v>
      </c>
      <c r="AJ17" s="326">
        <v>0</v>
      </c>
      <c r="AK17" s="327">
        <v>0</v>
      </c>
      <c r="AL17" s="328">
        <v>0</v>
      </c>
      <c r="AM17" s="326">
        <v>0</v>
      </c>
      <c r="AN17" s="327">
        <v>0</v>
      </c>
      <c r="AO17" s="327">
        <v>0</v>
      </c>
      <c r="AP17" s="327">
        <v>0</v>
      </c>
      <c r="AQ17" s="327">
        <v>211134</v>
      </c>
      <c r="AR17" s="327">
        <v>37263</v>
      </c>
      <c r="AS17" s="328">
        <v>248397</v>
      </c>
      <c r="AT17" s="330">
        <v>248397</v>
      </c>
      <c r="AU17" s="326">
        <v>38369</v>
      </c>
      <c r="AV17" s="327">
        <v>74401</v>
      </c>
      <c r="AW17" s="328">
        <v>112770</v>
      </c>
      <c r="AX17" s="326">
        <v>0</v>
      </c>
      <c r="AY17" s="327">
        <v>901731</v>
      </c>
      <c r="AZ17" s="327">
        <v>610919</v>
      </c>
      <c r="BA17" s="327">
        <v>153332</v>
      </c>
      <c r="BB17" s="327">
        <v>645905</v>
      </c>
      <c r="BC17" s="327">
        <v>310176</v>
      </c>
      <c r="BD17" s="328">
        <v>2622063</v>
      </c>
      <c r="BE17" s="330">
        <v>2734833</v>
      </c>
      <c r="BF17" s="326">
        <v>0</v>
      </c>
      <c r="BG17" s="327">
        <v>0</v>
      </c>
      <c r="BH17" s="331">
        <v>0</v>
      </c>
      <c r="BI17" s="332">
        <v>0</v>
      </c>
      <c r="BJ17" s="327">
        <v>92630</v>
      </c>
      <c r="BK17" s="327">
        <v>124067</v>
      </c>
      <c r="BL17" s="327">
        <v>0</v>
      </c>
      <c r="BM17" s="327">
        <v>20076</v>
      </c>
      <c r="BN17" s="327">
        <v>37604</v>
      </c>
      <c r="BO17" s="328">
        <v>274377</v>
      </c>
      <c r="BP17" s="330">
        <v>274377</v>
      </c>
      <c r="BQ17" s="326">
        <v>29988</v>
      </c>
      <c r="BR17" s="327">
        <v>35357</v>
      </c>
      <c r="BS17" s="328">
        <v>65345</v>
      </c>
      <c r="BT17" s="326">
        <v>0</v>
      </c>
      <c r="BU17" s="327">
        <v>160783</v>
      </c>
      <c r="BV17" s="327">
        <v>293125</v>
      </c>
      <c r="BW17" s="327">
        <v>166663</v>
      </c>
      <c r="BX17" s="327">
        <v>269220</v>
      </c>
      <c r="BY17" s="327">
        <v>159600</v>
      </c>
      <c r="BZ17" s="328">
        <v>1049391</v>
      </c>
      <c r="CA17" s="330">
        <v>1114736</v>
      </c>
      <c r="CB17" s="326">
        <v>17423</v>
      </c>
      <c r="CC17" s="327">
        <v>165552</v>
      </c>
      <c r="CD17" s="328">
        <v>182975</v>
      </c>
      <c r="CE17" s="326">
        <v>0</v>
      </c>
      <c r="CF17" s="327">
        <v>1650960</v>
      </c>
      <c r="CG17" s="327">
        <v>1008523</v>
      </c>
      <c r="CH17" s="327">
        <v>1354092</v>
      </c>
      <c r="CI17" s="327">
        <v>809088</v>
      </c>
      <c r="CJ17" s="327">
        <v>258144</v>
      </c>
      <c r="CK17" s="328">
        <v>5080807</v>
      </c>
      <c r="CL17" s="330">
        <v>5263782</v>
      </c>
      <c r="CM17" s="326">
        <v>0</v>
      </c>
      <c r="CN17" s="327">
        <v>0</v>
      </c>
      <c r="CO17" s="328">
        <v>0</v>
      </c>
      <c r="CP17" s="332">
        <v>0</v>
      </c>
      <c r="CQ17" s="327">
        <v>1226486</v>
      </c>
      <c r="CR17" s="327">
        <v>721108</v>
      </c>
      <c r="CS17" s="327">
        <v>583184</v>
      </c>
      <c r="CT17" s="327">
        <v>704962</v>
      </c>
      <c r="CU17" s="327">
        <v>258144</v>
      </c>
      <c r="CV17" s="328">
        <v>3493884</v>
      </c>
      <c r="CW17" s="330">
        <v>3493884</v>
      </c>
      <c r="CX17" s="326">
        <v>17423</v>
      </c>
      <c r="CY17" s="327">
        <v>165552</v>
      </c>
      <c r="CZ17" s="328">
        <v>182975</v>
      </c>
      <c r="DA17" s="326">
        <v>0</v>
      </c>
      <c r="DB17" s="327">
        <v>424474</v>
      </c>
      <c r="DC17" s="327">
        <v>287415</v>
      </c>
      <c r="DD17" s="327">
        <v>770908</v>
      </c>
      <c r="DE17" s="327">
        <v>104126</v>
      </c>
      <c r="DF17" s="327">
        <v>0</v>
      </c>
      <c r="DG17" s="328">
        <v>1586923</v>
      </c>
      <c r="DH17" s="330">
        <v>1769898</v>
      </c>
      <c r="DI17" s="326">
        <v>0</v>
      </c>
      <c r="DJ17" s="327">
        <v>0</v>
      </c>
      <c r="DK17" s="331">
        <v>0</v>
      </c>
      <c r="DL17" s="332">
        <v>0</v>
      </c>
      <c r="DM17" s="327">
        <v>188268</v>
      </c>
      <c r="DN17" s="327">
        <v>57735</v>
      </c>
      <c r="DO17" s="327">
        <v>212784</v>
      </c>
      <c r="DP17" s="327">
        <v>66191</v>
      </c>
      <c r="DQ17" s="327">
        <v>404138</v>
      </c>
      <c r="DR17" s="328">
        <v>929116</v>
      </c>
      <c r="DS17" s="330">
        <v>929116</v>
      </c>
      <c r="DT17" s="326">
        <v>0</v>
      </c>
      <c r="DU17" s="327">
        <v>0</v>
      </c>
      <c r="DV17" s="328">
        <v>0</v>
      </c>
      <c r="DW17" s="326">
        <v>0</v>
      </c>
      <c r="DX17" s="327">
        <v>188268</v>
      </c>
      <c r="DY17" s="327">
        <v>57735</v>
      </c>
      <c r="DZ17" s="327">
        <v>0</v>
      </c>
      <c r="EA17" s="327">
        <v>66191</v>
      </c>
      <c r="EB17" s="327">
        <v>161413</v>
      </c>
      <c r="EC17" s="328">
        <v>473607</v>
      </c>
      <c r="ED17" s="330">
        <v>473607</v>
      </c>
      <c r="EE17" s="326">
        <v>0</v>
      </c>
      <c r="EF17" s="331">
        <v>0</v>
      </c>
      <c r="EG17" s="328">
        <v>0</v>
      </c>
      <c r="EH17" s="326">
        <v>0</v>
      </c>
      <c r="EI17" s="327">
        <v>0</v>
      </c>
      <c r="EJ17" s="327">
        <v>0</v>
      </c>
      <c r="EK17" s="327">
        <v>212784</v>
      </c>
      <c r="EL17" s="327">
        <v>0</v>
      </c>
      <c r="EM17" s="327">
        <v>242725</v>
      </c>
      <c r="EN17" s="331">
        <v>455509</v>
      </c>
      <c r="EO17" s="330">
        <v>455509</v>
      </c>
      <c r="EP17" s="326">
        <v>0</v>
      </c>
      <c r="EQ17" s="327">
        <v>0</v>
      </c>
      <c r="ER17" s="331">
        <v>0</v>
      </c>
      <c r="ES17" s="332">
        <v>0</v>
      </c>
      <c r="ET17" s="327">
        <v>0</v>
      </c>
      <c r="EU17" s="327">
        <v>0</v>
      </c>
      <c r="EV17" s="327">
        <v>0</v>
      </c>
      <c r="EW17" s="327">
        <v>0</v>
      </c>
      <c r="EX17" s="327">
        <v>0</v>
      </c>
      <c r="EY17" s="328">
        <v>0</v>
      </c>
      <c r="EZ17" s="330">
        <v>0</v>
      </c>
      <c r="FA17" s="326">
        <v>0</v>
      </c>
      <c r="FB17" s="327">
        <v>0</v>
      </c>
      <c r="FC17" s="331">
        <v>0</v>
      </c>
      <c r="FD17" s="404">
        <v>0</v>
      </c>
      <c r="FE17" s="327">
        <v>0</v>
      </c>
      <c r="FF17" s="327">
        <v>0</v>
      </c>
      <c r="FG17" s="327">
        <v>0</v>
      </c>
      <c r="FH17" s="327">
        <v>0</v>
      </c>
      <c r="FI17" s="327">
        <v>0</v>
      </c>
      <c r="FJ17" s="328">
        <v>0</v>
      </c>
      <c r="FK17" s="330">
        <v>0</v>
      </c>
      <c r="FL17" s="326">
        <v>224336</v>
      </c>
      <c r="FM17" s="327">
        <v>184044</v>
      </c>
      <c r="FN17" s="328">
        <v>408380</v>
      </c>
      <c r="FO17" s="326">
        <v>0</v>
      </c>
      <c r="FP17" s="327">
        <v>330540</v>
      </c>
      <c r="FQ17" s="327">
        <v>611366</v>
      </c>
      <c r="FR17" s="327">
        <v>466151</v>
      </c>
      <c r="FS17" s="327">
        <v>524034</v>
      </c>
      <c r="FT17" s="327">
        <v>197435</v>
      </c>
      <c r="FU17" s="328">
        <v>2129526</v>
      </c>
      <c r="FV17" s="330">
        <v>2537906</v>
      </c>
      <c r="FW17" s="333">
        <v>78988</v>
      </c>
      <c r="FX17" s="327">
        <v>81774</v>
      </c>
      <c r="FY17" s="331">
        <v>160762</v>
      </c>
      <c r="FZ17" s="332">
        <v>0</v>
      </c>
      <c r="GA17" s="327">
        <v>230440</v>
      </c>
      <c r="GB17" s="327">
        <v>611366</v>
      </c>
      <c r="GC17" s="327">
        <v>466151</v>
      </c>
      <c r="GD17" s="327">
        <v>468594</v>
      </c>
      <c r="GE17" s="327">
        <v>197435</v>
      </c>
      <c r="GF17" s="328">
        <v>1973986</v>
      </c>
      <c r="GG17" s="334">
        <v>2134748</v>
      </c>
      <c r="GH17" s="333">
        <v>44583</v>
      </c>
      <c r="GI17" s="327">
        <v>0</v>
      </c>
      <c r="GJ17" s="331">
        <v>44583</v>
      </c>
      <c r="GK17" s="332">
        <v>0</v>
      </c>
      <c r="GL17" s="327">
        <v>0</v>
      </c>
      <c r="GM17" s="327">
        <v>0</v>
      </c>
      <c r="GN17" s="327">
        <v>0</v>
      </c>
      <c r="GO17" s="327">
        <v>55440</v>
      </c>
      <c r="GP17" s="327">
        <v>0</v>
      </c>
      <c r="GQ17" s="328">
        <v>55440</v>
      </c>
      <c r="GR17" s="330">
        <v>100023</v>
      </c>
      <c r="GS17" s="326">
        <v>100765</v>
      </c>
      <c r="GT17" s="327">
        <v>102270</v>
      </c>
      <c r="GU17" s="328">
        <v>203035</v>
      </c>
      <c r="GV17" s="326">
        <v>0</v>
      </c>
      <c r="GW17" s="327">
        <v>100100</v>
      </c>
      <c r="GX17" s="327">
        <v>0</v>
      </c>
      <c r="GY17" s="327">
        <v>0</v>
      </c>
      <c r="GZ17" s="327">
        <v>0</v>
      </c>
      <c r="HA17" s="327">
        <v>0</v>
      </c>
      <c r="HB17" s="331">
        <v>100100</v>
      </c>
      <c r="HC17" s="330">
        <v>303135</v>
      </c>
      <c r="HD17" s="326">
        <v>139612</v>
      </c>
      <c r="HE17" s="327">
        <v>232514</v>
      </c>
      <c r="HF17" s="331">
        <v>372126</v>
      </c>
      <c r="HG17" s="332">
        <v>0</v>
      </c>
      <c r="HH17" s="327">
        <v>2505396</v>
      </c>
      <c r="HI17" s="327">
        <v>1727559</v>
      </c>
      <c r="HJ17" s="327">
        <v>1453970</v>
      </c>
      <c r="HK17" s="327">
        <v>2484588</v>
      </c>
      <c r="HL17" s="327">
        <v>1802855</v>
      </c>
      <c r="HM17" s="328">
        <v>9974368</v>
      </c>
      <c r="HN17" s="329">
        <v>10346494</v>
      </c>
      <c r="HO17" s="333">
        <v>0</v>
      </c>
      <c r="HP17" s="327">
        <v>0</v>
      </c>
      <c r="HQ17" s="328">
        <v>0</v>
      </c>
      <c r="HR17" s="326">
        <v>0</v>
      </c>
      <c r="HS17" s="327">
        <v>0</v>
      </c>
      <c r="HT17" s="327">
        <v>0</v>
      </c>
      <c r="HU17" s="327">
        <v>0</v>
      </c>
      <c r="HV17" s="327">
        <v>0</v>
      </c>
      <c r="HW17" s="327">
        <v>0</v>
      </c>
      <c r="HX17" s="331">
        <v>0</v>
      </c>
      <c r="HY17" s="330">
        <v>0</v>
      </c>
      <c r="HZ17" s="335">
        <v>0</v>
      </c>
      <c r="IA17" s="336">
        <v>60004</v>
      </c>
      <c r="IB17" s="337">
        <v>60004</v>
      </c>
      <c r="IC17" s="338">
        <v>0</v>
      </c>
      <c r="ID17" s="336">
        <v>1723941</v>
      </c>
      <c r="IE17" s="339">
        <v>1229301</v>
      </c>
      <c r="IF17" s="337">
        <v>541211</v>
      </c>
      <c r="IG17" s="336">
        <v>978907</v>
      </c>
      <c r="IH17" s="337">
        <v>457566</v>
      </c>
      <c r="II17" s="340">
        <v>4930926</v>
      </c>
      <c r="IJ17" s="341">
        <v>4990930</v>
      </c>
      <c r="IK17" s="342">
        <v>0</v>
      </c>
      <c r="IL17" s="343">
        <v>0</v>
      </c>
      <c r="IM17" s="344">
        <v>0</v>
      </c>
      <c r="IN17" s="404">
        <v>0</v>
      </c>
      <c r="IO17" s="345">
        <v>67806</v>
      </c>
      <c r="IP17" s="345">
        <v>104218</v>
      </c>
      <c r="IQ17" s="345">
        <v>0</v>
      </c>
      <c r="IR17" s="345">
        <v>0</v>
      </c>
      <c r="IS17" s="345">
        <v>226310</v>
      </c>
      <c r="IT17" s="346">
        <v>398334</v>
      </c>
      <c r="IU17" s="347">
        <v>398334</v>
      </c>
      <c r="IV17" s="348">
        <v>0</v>
      </c>
      <c r="IW17" s="345">
        <v>0</v>
      </c>
      <c r="IX17" s="349">
        <v>0</v>
      </c>
      <c r="IY17" s="404">
        <v>0</v>
      </c>
      <c r="IZ17" s="345">
        <v>14403</v>
      </c>
      <c r="JA17" s="345">
        <v>0</v>
      </c>
      <c r="JB17" s="345">
        <v>0</v>
      </c>
      <c r="JC17" s="345">
        <v>14403</v>
      </c>
      <c r="JD17" s="345">
        <v>0</v>
      </c>
      <c r="JE17" s="349">
        <v>28806</v>
      </c>
      <c r="JF17" s="350">
        <v>28806</v>
      </c>
      <c r="JG17" s="348">
        <v>0</v>
      </c>
      <c r="JH17" s="345">
        <v>0</v>
      </c>
      <c r="JI17" s="346">
        <v>0</v>
      </c>
      <c r="JJ17" s="351">
        <v>0</v>
      </c>
      <c r="JK17" s="345">
        <v>1141174</v>
      </c>
      <c r="JL17" s="345">
        <v>432400</v>
      </c>
      <c r="JM17" s="345">
        <v>95678</v>
      </c>
      <c r="JN17" s="345">
        <v>275180</v>
      </c>
      <c r="JO17" s="345">
        <v>231256</v>
      </c>
      <c r="JP17" s="349">
        <v>2175688</v>
      </c>
      <c r="JQ17" s="347">
        <v>2175688</v>
      </c>
      <c r="JR17" s="348">
        <v>0</v>
      </c>
      <c r="JS17" s="345">
        <v>0</v>
      </c>
      <c r="JT17" s="346">
        <v>0</v>
      </c>
      <c r="JU17" s="351">
        <v>0</v>
      </c>
      <c r="JV17" s="345">
        <v>180894</v>
      </c>
      <c r="JW17" s="345">
        <v>0</v>
      </c>
      <c r="JX17" s="345">
        <v>0</v>
      </c>
      <c r="JY17" s="345">
        <v>0</v>
      </c>
      <c r="JZ17" s="345">
        <v>0</v>
      </c>
      <c r="KA17" s="349">
        <v>180894</v>
      </c>
      <c r="KB17" s="347">
        <v>180894</v>
      </c>
      <c r="KC17" s="352">
        <v>0</v>
      </c>
      <c r="KD17" s="353">
        <v>60004</v>
      </c>
      <c r="KE17" s="349">
        <v>60004</v>
      </c>
      <c r="KF17" s="351">
        <v>0</v>
      </c>
      <c r="KG17" s="345">
        <v>319664</v>
      </c>
      <c r="KH17" s="345">
        <v>258569</v>
      </c>
      <c r="KI17" s="345">
        <v>0</v>
      </c>
      <c r="KJ17" s="345">
        <v>462728</v>
      </c>
      <c r="KK17" s="345">
        <v>0</v>
      </c>
      <c r="KL17" s="349">
        <v>1040961</v>
      </c>
      <c r="KM17" s="354">
        <v>1100965</v>
      </c>
      <c r="KN17" s="342">
        <v>0</v>
      </c>
      <c r="KO17" s="343">
        <v>0</v>
      </c>
      <c r="KP17" s="344">
        <v>0</v>
      </c>
      <c r="KQ17" s="404">
        <v>0</v>
      </c>
      <c r="KR17" s="345">
        <v>0</v>
      </c>
      <c r="KS17" s="345">
        <v>434114</v>
      </c>
      <c r="KT17" s="345">
        <v>445533</v>
      </c>
      <c r="KU17" s="345">
        <v>226596</v>
      </c>
      <c r="KV17" s="345">
        <v>0</v>
      </c>
      <c r="KW17" s="349">
        <v>1106243</v>
      </c>
      <c r="KX17" s="347">
        <v>1106243</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0</v>
      </c>
      <c r="LZ17" s="345">
        <v>0</v>
      </c>
      <c r="MA17" s="345">
        <v>0</v>
      </c>
      <c r="MB17" s="345">
        <v>0</v>
      </c>
      <c r="MC17" s="345">
        <v>0</v>
      </c>
      <c r="MD17" s="349">
        <v>0</v>
      </c>
      <c r="ME17" s="350">
        <v>0</v>
      </c>
      <c r="MF17" s="348">
        <v>0</v>
      </c>
      <c r="MG17" s="345">
        <v>0</v>
      </c>
      <c r="MH17" s="349">
        <v>0</v>
      </c>
      <c r="MI17" s="404">
        <v>0</v>
      </c>
      <c r="MJ17" s="345">
        <v>196429</v>
      </c>
      <c r="MK17" s="345">
        <v>387792</v>
      </c>
      <c r="ML17" s="345">
        <v>2732546</v>
      </c>
      <c r="MM17" s="345">
        <v>2294839</v>
      </c>
      <c r="MN17" s="345">
        <v>1789455</v>
      </c>
      <c r="MO17" s="349">
        <v>7401061</v>
      </c>
      <c r="MP17" s="354">
        <v>7401061</v>
      </c>
      <c r="MQ17" s="348">
        <v>0</v>
      </c>
      <c r="MR17" s="345">
        <v>0</v>
      </c>
      <c r="MS17" s="349">
        <v>0</v>
      </c>
      <c r="MT17" s="404">
        <v>0</v>
      </c>
      <c r="MU17" s="345">
        <v>0</v>
      </c>
      <c r="MV17" s="345">
        <v>0</v>
      </c>
      <c r="MW17" s="345">
        <v>1501959</v>
      </c>
      <c r="MX17" s="345">
        <v>1815430</v>
      </c>
      <c r="MY17" s="345">
        <v>1522224</v>
      </c>
      <c r="MZ17" s="349">
        <v>4839613</v>
      </c>
      <c r="NA17" s="354">
        <v>4839613</v>
      </c>
      <c r="NB17" s="348">
        <v>0</v>
      </c>
      <c r="NC17" s="345">
        <v>0</v>
      </c>
      <c r="ND17" s="349">
        <v>0</v>
      </c>
      <c r="NE17" s="404">
        <v>0</v>
      </c>
      <c r="NF17" s="345">
        <v>196429</v>
      </c>
      <c r="NG17" s="345">
        <v>387792</v>
      </c>
      <c r="NH17" s="345">
        <v>1230587</v>
      </c>
      <c r="NI17" s="345">
        <v>479409</v>
      </c>
      <c r="NJ17" s="345">
        <v>54093</v>
      </c>
      <c r="NK17" s="349">
        <v>2348310</v>
      </c>
      <c r="NL17" s="347">
        <v>2348310</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0</v>
      </c>
      <c r="OF17" s="345">
        <v>213138</v>
      </c>
      <c r="OG17" s="349">
        <v>213138</v>
      </c>
      <c r="OH17" s="350">
        <v>213138</v>
      </c>
      <c r="OI17" s="348">
        <v>449728</v>
      </c>
      <c r="OJ17" s="345">
        <v>751872</v>
      </c>
      <c r="OK17" s="346">
        <v>1201600</v>
      </c>
      <c r="OL17" s="351">
        <v>0</v>
      </c>
      <c r="OM17" s="345">
        <v>8059126</v>
      </c>
      <c r="ON17" s="345">
        <v>6355333</v>
      </c>
      <c r="OO17" s="345">
        <v>7747775</v>
      </c>
      <c r="OP17" s="345">
        <v>9310889</v>
      </c>
      <c r="OQ17" s="345">
        <v>5921918</v>
      </c>
      <c r="OR17" s="349">
        <v>37395041</v>
      </c>
      <c r="OS17" s="354">
        <v>38596641</v>
      </c>
    </row>
    <row r="18" spans="2:409" s="70" customFormat="1" ht="21" customHeight="1" x14ac:dyDescent="0.2">
      <c r="B18" s="106" t="s">
        <v>12</v>
      </c>
      <c r="C18" s="326">
        <v>958862</v>
      </c>
      <c r="D18" s="327">
        <v>2088218</v>
      </c>
      <c r="E18" s="328">
        <v>3047080</v>
      </c>
      <c r="F18" s="329">
        <v>0</v>
      </c>
      <c r="G18" s="327">
        <v>6178073</v>
      </c>
      <c r="H18" s="366">
        <v>8438515</v>
      </c>
      <c r="I18" s="366">
        <v>6210639</v>
      </c>
      <c r="J18" s="366">
        <v>7748183</v>
      </c>
      <c r="K18" s="366">
        <v>5334621</v>
      </c>
      <c r="L18" s="331">
        <v>33910031</v>
      </c>
      <c r="M18" s="330">
        <v>36957111</v>
      </c>
      <c r="N18" s="326">
        <v>246917</v>
      </c>
      <c r="O18" s="327">
        <v>843519</v>
      </c>
      <c r="P18" s="328">
        <v>1090436</v>
      </c>
      <c r="Q18" s="326">
        <v>0</v>
      </c>
      <c r="R18" s="327">
        <v>2134510</v>
      </c>
      <c r="S18" s="327">
        <v>3078914</v>
      </c>
      <c r="T18" s="327">
        <v>1958223</v>
      </c>
      <c r="U18" s="327">
        <v>3226067</v>
      </c>
      <c r="V18" s="327">
        <v>2717482</v>
      </c>
      <c r="W18" s="328">
        <v>13115196</v>
      </c>
      <c r="X18" s="330">
        <v>14205632</v>
      </c>
      <c r="Y18" s="326">
        <v>0</v>
      </c>
      <c r="Z18" s="327">
        <v>0</v>
      </c>
      <c r="AA18" s="328">
        <v>0</v>
      </c>
      <c r="AB18" s="326">
        <v>0</v>
      </c>
      <c r="AC18" s="327">
        <v>1295429</v>
      </c>
      <c r="AD18" s="327">
        <v>1660457</v>
      </c>
      <c r="AE18" s="327">
        <v>1219956</v>
      </c>
      <c r="AF18" s="327">
        <v>1905301</v>
      </c>
      <c r="AG18" s="327">
        <v>1859524</v>
      </c>
      <c r="AH18" s="328">
        <v>7940667</v>
      </c>
      <c r="AI18" s="330">
        <v>7940667</v>
      </c>
      <c r="AJ18" s="326">
        <v>0</v>
      </c>
      <c r="AK18" s="327">
        <v>8980</v>
      </c>
      <c r="AL18" s="328">
        <v>8980</v>
      </c>
      <c r="AM18" s="326">
        <v>0</v>
      </c>
      <c r="AN18" s="327">
        <v>0</v>
      </c>
      <c r="AO18" s="327">
        <v>51396</v>
      </c>
      <c r="AP18" s="327">
        <v>82224</v>
      </c>
      <c r="AQ18" s="327">
        <v>251600</v>
      </c>
      <c r="AR18" s="327">
        <v>154195</v>
      </c>
      <c r="AS18" s="328">
        <v>539415</v>
      </c>
      <c r="AT18" s="330">
        <v>548395</v>
      </c>
      <c r="AU18" s="326">
        <v>175551</v>
      </c>
      <c r="AV18" s="327">
        <v>724731</v>
      </c>
      <c r="AW18" s="328">
        <v>900282</v>
      </c>
      <c r="AX18" s="326">
        <v>0</v>
      </c>
      <c r="AY18" s="327">
        <v>582212</v>
      </c>
      <c r="AZ18" s="327">
        <v>906097</v>
      </c>
      <c r="BA18" s="327">
        <v>312026</v>
      </c>
      <c r="BB18" s="327">
        <v>695002</v>
      </c>
      <c r="BC18" s="327">
        <v>541251</v>
      </c>
      <c r="BD18" s="328">
        <v>3036588</v>
      </c>
      <c r="BE18" s="330">
        <v>3936870</v>
      </c>
      <c r="BF18" s="326">
        <v>34672</v>
      </c>
      <c r="BG18" s="327">
        <v>31716</v>
      </c>
      <c r="BH18" s="331">
        <v>66388</v>
      </c>
      <c r="BI18" s="332">
        <v>0</v>
      </c>
      <c r="BJ18" s="327">
        <v>18491</v>
      </c>
      <c r="BK18" s="327">
        <v>82404</v>
      </c>
      <c r="BL18" s="327">
        <v>71227</v>
      </c>
      <c r="BM18" s="327">
        <v>19191</v>
      </c>
      <c r="BN18" s="327">
        <v>0</v>
      </c>
      <c r="BO18" s="328">
        <v>191313</v>
      </c>
      <c r="BP18" s="330">
        <v>257701</v>
      </c>
      <c r="BQ18" s="326">
        <v>36694</v>
      </c>
      <c r="BR18" s="327">
        <v>78092</v>
      </c>
      <c r="BS18" s="328">
        <v>114786</v>
      </c>
      <c r="BT18" s="326">
        <v>0</v>
      </c>
      <c r="BU18" s="327">
        <v>238378</v>
      </c>
      <c r="BV18" s="327">
        <v>378560</v>
      </c>
      <c r="BW18" s="327">
        <v>272790</v>
      </c>
      <c r="BX18" s="327">
        <v>354973</v>
      </c>
      <c r="BY18" s="327">
        <v>162512</v>
      </c>
      <c r="BZ18" s="328">
        <v>1407213</v>
      </c>
      <c r="CA18" s="330">
        <v>1521999</v>
      </c>
      <c r="CB18" s="326">
        <v>161491</v>
      </c>
      <c r="CC18" s="327">
        <v>310500</v>
      </c>
      <c r="CD18" s="328">
        <v>471991</v>
      </c>
      <c r="CE18" s="326">
        <v>0</v>
      </c>
      <c r="CF18" s="327">
        <v>2153880</v>
      </c>
      <c r="CG18" s="327">
        <v>2076896</v>
      </c>
      <c r="CH18" s="327">
        <v>1655985</v>
      </c>
      <c r="CI18" s="327">
        <v>1423483</v>
      </c>
      <c r="CJ18" s="327">
        <v>966838</v>
      </c>
      <c r="CK18" s="328">
        <v>8277082</v>
      </c>
      <c r="CL18" s="330">
        <v>8749073</v>
      </c>
      <c r="CM18" s="326">
        <v>0</v>
      </c>
      <c r="CN18" s="327">
        <v>0</v>
      </c>
      <c r="CO18" s="328">
        <v>0</v>
      </c>
      <c r="CP18" s="332">
        <v>0</v>
      </c>
      <c r="CQ18" s="327">
        <v>1675689</v>
      </c>
      <c r="CR18" s="327">
        <v>1716255</v>
      </c>
      <c r="CS18" s="327">
        <v>834096</v>
      </c>
      <c r="CT18" s="327">
        <v>896164</v>
      </c>
      <c r="CU18" s="327">
        <v>783006</v>
      </c>
      <c r="CV18" s="328">
        <v>5905210</v>
      </c>
      <c r="CW18" s="330">
        <v>5905210</v>
      </c>
      <c r="CX18" s="326">
        <v>161491</v>
      </c>
      <c r="CY18" s="327">
        <v>310500</v>
      </c>
      <c r="CZ18" s="328">
        <v>471991</v>
      </c>
      <c r="DA18" s="326">
        <v>0</v>
      </c>
      <c r="DB18" s="327">
        <v>478191</v>
      </c>
      <c r="DC18" s="327">
        <v>360641</v>
      </c>
      <c r="DD18" s="327">
        <v>821889</v>
      </c>
      <c r="DE18" s="327">
        <v>527319</v>
      </c>
      <c r="DF18" s="327">
        <v>183832</v>
      </c>
      <c r="DG18" s="328">
        <v>2371872</v>
      </c>
      <c r="DH18" s="330">
        <v>2843863</v>
      </c>
      <c r="DI18" s="326">
        <v>0</v>
      </c>
      <c r="DJ18" s="327">
        <v>14533</v>
      </c>
      <c r="DK18" s="331">
        <v>14533</v>
      </c>
      <c r="DL18" s="332">
        <v>0</v>
      </c>
      <c r="DM18" s="327">
        <v>416368</v>
      </c>
      <c r="DN18" s="327">
        <v>382757</v>
      </c>
      <c r="DO18" s="327">
        <v>622913</v>
      </c>
      <c r="DP18" s="327">
        <v>250192</v>
      </c>
      <c r="DQ18" s="327">
        <v>159743</v>
      </c>
      <c r="DR18" s="328">
        <v>1831973</v>
      </c>
      <c r="DS18" s="330">
        <v>1846506</v>
      </c>
      <c r="DT18" s="326">
        <v>0</v>
      </c>
      <c r="DU18" s="327">
        <v>14533</v>
      </c>
      <c r="DV18" s="328">
        <v>14533</v>
      </c>
      <c r="DW18" s="326">
        <v>0</v>
      </c>
      <c r="DX18" s="327">
        <v>329368</v>
      </c>
      <c r="DY18" s="327">
        <v>382757</v>
      </c>
      <c r="DZ18" s="327">
        <v>622913</v>
      </c>
      <c r="EA18" s="327">
        <v>250192</v>
      </c>
      <c r="EB18" s="327">
        <v>159743</v>
      </c>
      <c r="EC18" s="328">
        <v>1744973</v>
      </c>
      <c r="ED18" s="330">
        <v>1759506</v>
      </c>
      <c r="EE18" s="326">
        <v>0</v>
      </c>
      <c r="EF18" s="331">
        <v>0</v>
      </c>
      <c r="EG18" s="328">
        <v>0</v>
      </c>
      <c r="EH18" s="326">
        <v>0</v>
      </c>
      <c r="EI18" s="327">
        <v>87000</v>
      </c>
      <c r="EJ18" s="327">
        <v>0</v>
      </c>
      <c r="EK18" s="327">
        <v>0</v>
      </c>
      <c r="EL18" s="327">
        <v>0</v>
      </c>
      <c r="EM18" s="327">
        <v>0</v>
      </c>
      <c r="EN18" s="331">
        <v>87000</v>
      </c>
      <c r="EO18" s="330">
        <v>87000</v>
      </c>
      <c r="EP18" s="326">
        <v>0</v>
      </c>
      <c r="EQ18" s="327">
        <v>0</v>
      </c>
      <c r="ER18" s="331">
        <v>0</v>
      </c>
      <c r="ES18" s="332">
        <v>0</v>
      </c>
      <c r="ET18" s="327">
        <v>0</v>
      </c>
      <c r="EU18" s="327">
        <v>0</v>
      </c>
      <c r="EV18" s="327">
        <v>0</v>
      </c>
      <c r="EW18" s="327">
        <v>0</v>
      </c>
      <c r="EX18" s="327">
        <v>0</v>
      </c>
      <c r="EY18" s="328">
        <v>0</v>
      </c>
      <c r="EZ18" s="330">
        <v>0</v>
      </c>
      <c r="FA18" s="326">
        <v>0</v>
      </c>
      <c r="FB18" s="327">
        <v>0</v>
      </c>
      <c r="FC18" s="331">
        <v>0</v>
      </c>
      <c r="FD18" s="404">
        <v>0</v>
      </c>
      <c r="FE18" s="327">
        <v>0</v>
      </c>
      <c r="FF18" s="327">
        <v>0</v>
      </c>
      <c r="FG18" s="327">
        <v>0</v>
      </c>
      <c r="FH18" s="327">
        <v>0</v>
      </c>
      <c r="FI18" s="327">
        <v>0</v>
      </c>
      <c r="FJ18" s="328">
        <v>0</v>
      </c>
      <c r="FK18" s="330">
        <v>0</v>
      </c>
      <c r="FL18" s="326">
        <v>358029</v>
      </c>
      <c r="FM18" s="327">
        <v>494305</v>
      </c>
      <c r="FN18" s="328">
        <v>852334</v>
      </c>
      <c r="FO18" s="326">
        <v>0</v>
      </c>
      <c r="FP18" s="327">
        <v>244314</v>
      </c>
      <c r="FQ18" s="327">
        <v>651644</v>
      </c>
      <c r="FR18" s="327">
        <v>690347</v>
      </c>
      <c r="FS18" s="327">
        <v>923153</v>
      </c>
      <c r="FT18" s="327">
        <v>447118</v>
      </c>
      <c r="FU18" s="328">
        <v>2956576</v>
      </c>
      <c r="FV18" s="330">
        <v>3808910</v>
      </c>
      <c r="FW18" s="333">
        <v>132909</v>
      </c>
      <c r="FX18" s="327">
        <v>339493</v>
      </c>
      <c r="FY18" s="331">
        <v>472402</v>
      </c>
      <c r="FZ18" s="332">
        <v>0</v>
      </c>
      <c r="GA18" s="327">
        <v>244314</v>
      </c>
      <c r="GB18" s="327">
        <v>581889</v>
      </c>
      <c r="GC18" s="327">
        <v>426076</v>
      </c>
      <c r="GD18" s="327">
        <v>757253</v>
      </c>
      <c r="GE18" s="327">
        <v>424718</v>
      </c>
      <c r="GF18" s="328">
        <v>2434250</v>
      </c>
      <c r="GG18" s="334">
        <v>2906652</v>
      </c>
      <c r="GH18" s="333">
        <v>40810</v>
      </c>
      <c r="GI18" s="327">
        <v>19712</v>
      </c>
      <c r="GJ18" s="331">
        <v>60522</v>
      </c>
      <c r="GK18" s="332">
        <v>0</v>
      </c>
      <c r="GL18" s="327">
        <v>0</v>
      </c>
      <c r="GM18" s="327">
        <v>24255</v>
      </c>
      <c r="GN18" s="327">
        <v>24871</v>
      </c>
      <c r="GO18" s="327">
        <v>140000</v>
      </c>
      <c r="GP18" s="327">
        <v>0</v>
      </c>
      <c r="GQ18" s="328">
        <v>189126</v>
      </c>
      <c r="GR18" s="330">
        <v>249648</v>
      </c>
      <c r="GS18" s="326">
        <v>184310</v>
      </c>
      <c r="GT18" s="327">
        <v>135100</v>
      </c>
      <c r="GU18" s="328">
        <v>319410</v>
      </c>
      <c r="GV18" s="326">
        <v>0</v>
      </c>
      <c r="GW18" s="327">
        <v>0</v>
      </c>
      <c r="GX18" s="327">
        <v>45500</v>
      </c>
      <c r="GY18" s="327">
        <v>239400</v>
      </c>
      <c r="GZ18" s="327">
        <v>25900</v>
      </c>
      <c r="HA18" s="327">
        <v>22400</v>
      </c>
      <c r="HB18" s="331">
        <v>333200</v>
      </c>
      <c r="HC18" s="330">
        <v>652610</v>
      </c>
      <c r="HD18" s="326">
        <v>192425</v>
      </c>
      <c r="HE18" s="327">
        <v>425361</v>
      </c>
      <c r="HF18" s="331">
        <v>617786</v>
      </c>
      <c r="HG18" s="332">
        <v>0</v>
      </c>
      <c r="HH18" s="327">
        <v>1229001</v>
      </c>
      <c r="HI18" s="327">
        <v>2248304</v>
      </c>
      <c r="HJ18" s="327">
        <v>1283171</v>
      </c>
      <c r="HK18" s="327">
        <v>1925288</v>
      </c>
      <c r="HL18" s="327">
        <v>1043440</v>
      </c>
      <c r="HM18" s="328">
        <v>7729204</v>
      </c>
      <c r="HN18" s="329">
        <v>8346990</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1016838</v>
      </c>
      <c r="IE18" s="357">
        <v>1435497</v>
      </c>
      <c r="IF18" s="358">
        <v>1532500</v>
      </c>
      <c r="IG18" s="356">
        <v>1330349</v>
      </c>
      <c r="IH18" s="358">
        <v>1309310</v>
      </c>
      <c r="II18" s="359">
        <v>6624494</v>
      </c>
      <c r="IJ18" s="358">
        <v>6624494</v>
      </c>
      <c r="IK18" s="342">
        <v>0</v>
      </c>
      <c r="IL18" s="343">
        <v>0</v>
      </c>
      <c r="IM18" s="344">
        <v>0</v>
      </c>
      <c r="IN18" s="404">
        <v>0</v>
      </c>
      <c r="IO18" s="345">
        <v>0</v>
      </c>
      <c r="IP18" s="345">
        <v>0</v>
      </c>
      <c r="IQ18" s="345">
        <v>0</v>
      </c>
      <c r="IR18" s="345">
        <v>0</v>
      </c>
      <c r="IS18" s="345">
        <v>0</v>
      </c>
      <c r="IT18" s="346">
        <v>0</v>
      </c>
      <c r="IU18" s="347">
        <v>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708411</v>
      </c>
      <c r="JL18" s="345">
        <v>477993</v>
      </c>
      <c r="JM18" s="345">
        <v>366916</v>
      </c>
      <c r="JN18" s="345">
        <v>158046</v>
      </c>
      <c r="JO18" s="345">
        <v>469650</v>
      </c>
      <c r="JP18" s="349">
        <v>2181016</v>
      </c>
      <c r="JQ18" s="347">
        <v>2181016</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107082</v>
      </c>
      <c r="KH18" s="345">
        <v>165224</v>
      </c>
      <c r="KI18" s="345">
        <v>503093</v>
      </c>
      <c r="KJ18" s="345">
        <v>458179</v>
      </c>
      <c r="KK18" s="345">
        <v>0</v>
      </c>
      <c r="KL18" s="349">
        <v>1233578</v>
      </c>
      <c r="KM18" s="354">
        <v>1233578</v>
      </c>
      <c r="KN18" s="342">
        <v>0</v>
      </c>
      <c r="KO18" s="343">
        <v>0</v>
      </c>
      <c r="KP18" s="344">
        <v>0</v>
      </c>
      <c r="KQ18" s="404">
        <v>0</v>
      </c>
      <c r="KR18" s="345">
        <v>201345</v>
      </c>
      <c r="KS18" s="345">
        <v>433742</v>
      </c>
      <c r="KT18" s="345">
        <v>0</v>
      </c>
      <c r="KU18" s="345">
        <v>0</v>
      </c>
      <c r="KV18" s="345">
        <v>226655</v>
      </c>
      <c r="KW18" s="349">
        <v>861742</v>
      </c>
      <c r="KX18" s="347">
        <v>861742</v>
      </c>
      <c r="KY18" s="348">
        <v>0</v>
      </c>
      <c r="KZ18" s="345">
        <v>0</v>
      </c>
      <c r="LA18" s="349">
        <v>0</v>
      </c>
      <c r="LB18" s="404">
        <v>0</v>
      </c>
      <c r="LC18" s="345">
        <v>0</v>
      </c>
      <c r="LD18" s="345">
        <v>160680</v>
      </c>
      <c r="LE18" s="345">
        <v>0</v>
      </c>
      <c r="LF18" s="345">
        <v>193956</v>
      </c>
      <c r="LG18" s="345">
        <v>0</v>
      </c>
      <c r="LH18" s="349">
        <v>354636</v>
      </c>
      <c r="LI18" s="350">
        <v>354636</v>
      </c>
      <c r="LJ18" s="348">
        <v>0</v>
      </c>
      <c r="LK18" s="345">
        <v>0</v>
      </c>
      <c r="LL18" s="349">
        <v>0</v>
      </c>
      <c r="LM18" s="404">
        <v>0</v>
      </c>
      <c r="LN18" s="345">
        <v>0</v>
      </c>
      <c r="LO18" s="345">
        <v>0</v>
      </c>
      <c r="LP18" s="345">
        <v>0</v>
      </c>
      <c r="LQ18" s="345">
        <v>250070</v>
      </c>
      <c r="LR18" s="345">
        <v>0</v>
      </c>
      <c r="LS18" s="349">
        <v>250070</v>
      </c>
      <c r="LT18" s="347">
        <v>250070</v>
      </c>
      <c r="LU18" s="348">
        <v>0</v>
      </c>
      <c r="LV18" s="345">
        <v>0</v>
      </c>
      <c r="LW18" s="349">
        <v>0</v>
      </c>
      <c r="LX18" s="404">
        <v>0</v>
      </c>
      <c r="LY18" s="345">
        <v>0</v>
      </c>
      <c r="LZ18" s="345">
        <v>197858</v>
      </c>
      <c r="MA18" s="345">
        <v>662491</v>
      </c>
      <c r="MB18" s="345">
        <v>270098</v>
      </c>
      <c r="MC18" s="345">
        <v>613005</v>
      </c>
      <c r="MD18" s="349">
        <v>1743452</v>
      </c>
      <c r="ME18" s="350">
        <v>1743452</v>
      </c>
      <c r="MF18" s="348">
        <v>0</v>
      </c>
      <c r="MG18" s="345">
        <v>0</v>
      </c>
      <c r="MH18" s="349">
        <v>0</v>
      </c>
      <c r="MI18" s="404">
        <v>0</v>
      </c>
      <c r="MJ18" s="345">
        <v>206743</v>
      </c>
      <c r="MK18" s="345">
        <v>786677</v>
      </c>
      <c r="ML18" s="345">
        <v>1000337</v>
      </c>
      <c r="MM18" s="345">
        <v>5161816</v>
      </c>
      <c r="MN18" s="345">
        <v>1885077</v>
      </c>
      <c r="MO18" s="349">
        <v>9040650</v>
      </c>
      <c r="MP18" s="354">
        <v>9040650</v>
      </c>
      <c r="MQ18" s="348">
        <v>0</v>
      </c>
      <c r="MR18" s="345">
        <v>0</v>
      </c>
      <c r="MS18" s="349">
        <v>0</v>
      </c>
      <c r="MT18" s="404">
        <v>0</v>
      </c>
      <c r="MU18" s="345">
        <v>0</v>
      </c>
      <c r="MV18" s="345">
        <v>149269</v>
      </c>
      <c r="MW18" s="345">
        <v>228673</v>
      </c>
      <c r="MX18" s="345">
        <v>3027992</v>
      </c>
      <c r="MY18" s="345">
        <v>1632772</v>
      </c>
      <c r="MZ18" s="349">
        <v>5038706</v>
      </c>
      <c r="NA18" s="354">
        <v>5038706</v>
      </c>
      <c r="NB18" s="348">
        <v>0</v>
      </c>
      <c r="NC18" s="345">
        <v>0</v>
      </c>
      <c r="ND18" s="349">
        <v>0</v>
      </c>
      <c r="NE18" s="404">
        <v>0</v>
      </c>
      <c r="NF18" s="345">
        <v>206743</v>
      </c>
      <c r="NG18" s="345">
        <v>637408</v>
      </c>
      <c r="NH18" s="345">
        <v>771664</v>
      </c>
      <c r="NI18" s="345">
        <v>1212894</v>
      </c>
      <c r="NJ18" s="345">
        <v>252305</v>
      </c>
      <c r="NK18" s="349">
        <v>3081014</v>
      </c>
      <c r="NL18" s="347">
        <v>3081014</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920930</v>
      </c>
      <c r="OF18" s="345">
        <v>0</v>
      </c>
      <c r="OG18" s="349">
        <v>920930</v>
      </c>
      <c r="OH18" s="350">
        <v>920930</v>
      </c>
      <c r="OI18" s="348">
        <v>958862</v>
      </c>
      <c r="OJ18" s="345">
        <v>2088218</v>
      </c>
      <c r="OK18" s="346">
        <v>3047080</v>
      </c>
      <c r="OL18" s="351">
        <v>0</v>
      </c>
      <c r="OM18" s="345">
        <v>7401654</v>
      </c>
      <c r="ON18" s="345">
        <v>10660689</v>
      </c>
      <c r="OO18" s="345">
        <v>8743476</v>
      </c>
      <c r="OP18" s="345">
        <v>14240348</v>
      </c>
      <c r="OQ18" s="345">
        <v>8529008</v>
      </c>
      <c r="OR18" s="349">
        <v>49575175</v>
      </c>
      <c r="OS18" s="354">
        <v>52622255</v>
      </c>
    </row>
    <row r="19" spans="2:409" s="70" customFormat="1" ht="21" customHeight="1" x14ac:dyDescent="0.2">
      <c r="B19" s="106" t="s">
        <v>13</v>
      </c>
      <c r="C19" s="326">
        <v>335841</v>
      </c>
      <c r="D19" s="327">
        <v>872075</v>
      </c>
      <c r="E19" s="328">
        <v>1207916</v>
      </c>
      <c r="F19" s="326">
        <v>0</v>
      </c>
      <c r="G19" s="366">
        <v>3900938</v>
      </c>
      <c r="H19" s="327">
        <v>4378988</v>
      </c>
      <c r="I19" s="327">
        <v>4356133</v>
      </c>
      <c r="J19" s="327">
        <v>3376025</v>
      </c>
      <c r="K19" s="327">
        <v>4050458</v>
      </c>
      <c r="L19" s="331">
        <v>20062542</v>
      </c>
      <c r="M19" s="330">
        <v>21270458</v>
      </c>
      <c r="N19" s="326">
        <v>114722</v>
      </c>
      <c r="O19" s="327">
        <v>190234</v>
      </c>
      <c r="P19" s="328">
        <v>304956</v>
      </c>
      <c r="Q19" s="326">
        <v>0</v>
      </c>
      <c r="R19" s="327">
        <v>1438246</v>
      </c>
      <c r="S19" s="327">
        <v>1960727</v>
      </c>
      <c r="T19" s="327">
        <v>1904865</v>
      </c>
      <c r="U19" s="327">
        <v>1017666</v>
      </c>
      <c r="V19" s="327">
        <v>1901981</v>
      </c>
      <c r="W19" s="328">
        <v>8223485</v>
      </c>
      <c r="X19" s="330">
        <v>8528441</v>
      </c>
      <c r="Y19" s="326">
        <v>0</v>
      </c>
      <c r="Z19" s="327">
        <v>0</v>
      </c>
      <c r="AA19" s="328">
        <v>0</v>
      </c>
      <c r="AB19" s="326">
        <v>0</v>
      </c>
      <c r="AC19" s="327">
        <v>423776</v>
      </c>
      <c r="AD19" s="327">
        <v>846674</v>
      </c>
      <c r="AE19" s="327">
        <v>912793</v>
      </c>
      <c r="AF19" s="327">
        <v>579065</v>
      </c>
      <c r="AG19" s="327">
        <v>1213379</v>
      </c>
      <c r="AH19" s="328">
        <v>3975687</v>
      </c>
      <c r="AI19" s="330">
        <v>3975687</v>
      </c>
      <c r="AJ19" s="326">
        <v>0</v>
      </c>
      <c r="AK19" s="327">
        <v>0</v>
      </c>
      <c r="AL19" s="328">
        <v>0</v>
      </c>
      <c r="AM19" s="326">
        <v>0</v>
      </c>
      <c r="AN19" s="327">
        <v>0</v>
      </c>
      <c r="AO19" s="327">
        <v>22810</v>
      </c>
      <c r="AP19" s="327">
        <v>0</v>
      </c>
      <c r="AQ19" s="327">
        <v>53077</v>
      </c>
      <c r="AR19" s="327">
        <v>133501</v>
      </c>
      <c r="AS19" s="328">
        <v>209388</v>
      </c>
      <c r="AT19" s="330">
        <v>209388</v>
      </c>
      <c r="AU19" s="326">
        <v>33466</v>
      </c>
      <c r="AV19" s="327">
        <v>101509</v>
      </c>
      <c r="AW19" s="328">
        <v>134975</v>
      </c>
      <c r="AX19" s="326">
        <v>0</v>
      </c>
      <c r="AY19" s="327">
        <v>704380</v>
      </c>
      <c r="AZ19" s="327">
        <v>619282</v>
      </c>
      <c r="BA19" s="327">
        <v>701372</v>
      </c>
      <c r="BB19" s="327">
        <v>190453</v>
      </c>
      <c r="BC19" s="327">
        <v>228695</v>
      </c>
      <c r="BD19" s="328">
        <v>2444182</v>
      </c>
      <c r="BE19" s="330">
        <v>2579157</v>
      </c>
      <c r="BF19" s="326">
        <v>0</v>
      </c>
      <c r="BG19" s="327">
        <v>0</v>
      </c>
      <c r="BH19" s="331">
        <v>0</v>
      </c>
      <c r="BI19" s="332">
        <v>0</v>
      </c>
      <c r="BJ19" s="327">
        <v>19191</v>
      </c>
      <c r="BK19" s="327">
        <v>62671</v>
      </c>
      <c r="BL19" s="327">
        <v>28473</v>
      </c>
      <c r="BM19" s="327">
        <v>17236</v>
      </c>
      <c r="BN19" s="327">
        <v>82029</v>
      </c>
      <c r="BO19" s="328">
        <v>209600</v>
      </c>
      <c r="BP19" s="330">
        <v>209600</v>
      </c>
      <c r="BQ19" s="326">
        <v>81256</v>
      </c>
      <c r="BR19" s="327">
        <v>88725</v>
      </c>
      <c r="BS19" s="328">
        <v>169981</v>
      </c>
      <c r="BT19" s="326">
        <v>0</v>
      </c>
      <c r="BU19" s="327">
        <v>290899</v>
      </c>
      <c r="BV19" s="327">
        <v>409290</v>
      </c>
      <c r="BW19" s="327">
        <v>262227</v>
      </c>
      <c r="BX19" s="327">
        <v>177835</v>
      </c>
      <c r="BY19" s="327">
        <v>244377</v>
      </c>
      <c r="BZ19" s="328">
        <v>1384628</v>
      </c>
      <c r="CA19" s="330">
        <v>1554609</v>
      </c>
      <c r="CB19" s="326">
        <v>18431</v>
      </c>
      <c r="CC19" s="327">
        <v>0</v>
      </c>
      <c r="CD19" s="328">
        <v>18431</v>
      </c>
      <c r="CE19" s="326">
        <v>0</v>
      </c>
      <c r="CF19" s="327">
        <v>692814</v>
      </c>
      <c r="CG19" s="327">
        <v>800878</v>
      </c>
      <c r="CH19" s="327">
        <v>771966</v>
      </c>
      <c r="CI19" s="327">
        <v>393181</v>
      </c>
      <c r="CJ19" s="327">
        <v>100159</v>
      </c>
      <c r="CK19" s="328">
        <v>2758998</v>
      </c>
      <c r="CL19" s="330">
        <v>2777429</v>
      </c>
      <c r="CM19" s="326">
        <v>0</v>
      </c>
      <c r="CN19" s="327">
        <v>0</v>
      </c>
      <c r="CO19" s="328">
        <v>0</v>
      </c>
      <c r="CP19" s="332">
        <v>0</v>
      </c>
      <c r="CQ19" s="327">
        <v>628300</v>
      </c>
      <c r="CR19" s="327">
        <v>585489</v>
      </c>
      <c r="CS19" s="327">
        <v>638839</v>
      </c>
      <c r="CT19" s="327">
        <v>4500</v>
      </c>
      <c r="CU19" s="327">
        <v>0</v>
      </c>
      <c r="CV19" s="328">
        <v>1857128</v>
      </c>
      <c r="CW19" s="330">
        <v>1857128</v>
      </c>
      <c r="CX19" s="326">
        <v>18431</v>
      </c>
      <c r="CY19" s="327">
        <v>0</v>
      </c>
      <c r="CZ19" s="328">
        <v>18431</v>
      </c>
      <c r="DA19" s="326">
        <v>0</v>
      </c>
      <c r="DB19" s="327">
        <v>64514</v>
      </c>
      <c r="DC19" s="327">
        <v>215389</v>
      </c>
      <c r="DD19" s="327">
        <v>133127</v>
      </c>
      <c r="DE19" s="327">
        <v>388681</v>
      </c>
      <c r="DF19" s="327">
        <v>100159</v>
      </c>
      <c r="DG19" s="328">
        <v>901870</v>
      </c>
      <c r="DH19" s="330">
        <v>920301</v>
      </c>
      <c r="DI19" s="326">
        <v>0</v>
      </c>
      <c r="DJ19" s="327">
        <v>0</v>
      </c>
      <c r="DK19" s="331">
        <v>0</v>
      </c>
      <c r="DL19" s="332">
        <v>0</v>
      </c>
      <c r="DM19" s="327">
        <v>0</v>
      </c>
      <c r="DN19" s="327">
        <v>26788</v>
      </c>
      <c r="DO19" s="327">
        <v>97380</v>
      </c>
      <c r="DP19" s="327">
        <v>57006</v>
      </c>
      <c r="DQ19" s="327">
        <v>121098</v>
      </c>
      <c r="DR19" s="328">
        <v>302272</v>
      </c>
      <c r="DS19" s="330">
        <v>302272</v>
      </c>
      <c r="DT19" s="326">
        <v>0</v>
      </c>
      <c r="DU19" s="327">
        <v>0</v>
      </c>
      <c r="DV19" s="328">
        <v>0</v>
      </c>
      <c r="DW19" s="326">
        <v>0</v>
      </c>
      <c r="DX19" s="327">
        <v>0</v>
      </c>
      <c r="DY19" s="327">
        <v>26788</v>
      </c>
      <c r="DZ19" s="327">
        <v>66826</v>
      </c>
      <c r="EA19" s="327">
        <v>57006</v>
      </c>
      <c r="EB19" s="327">
        <v>121098</v>
      </c>
      <c r="EC19" s="328">
        <v>271718</v>
      </c>
      <c r="ED19" s="330">
        <v>271718</v>
      </c>
      <c r="EE19" s="326">
        <v>0</v>
      </c>
      <c r="EF19" s="331">
        <v>0</v>
      </c>
      <c r="EG19" s="328">
        <v>0</v>
      </c>
      <c r="EH19" s="326">
        <v>0</v>
      </c>
      <c r="EI19" s="327">
        <v>0</v>
      </c>
      <c r="EJ19" s="327">
        <v>0</v>
      </c>
      <c r="EK19" s="327">
        <v>30554</v>
      </c>
      <c r="EL19" s="327">
        <v>0</v>
      </c>
      <c r="EM19" s="327">
        <v>0</v>
      </c>
      <c r="EN19" s="331">
        <v>30554</v>
      </c>
      <c r="EO19" s="330">
        <v>30554</v>
      </c>
      <c r="EP19" s="326">
        <v>0</v>
      </c>
      <c r="EQ19" s="327">
        <v>0</v>
      </c>
      <c r="ER19" s="331">
        <v>0</v>
      </c>
      <c r="ES19" s="332">
        <v>0</v>
      </c>
      <c r="ET19" s="327">
        <v>0</v>
      </c>
      <c r="EU19" s="327">
        <v>0</v>
      </c>
      <c r="EV19" s="327">
        <v>0</v>
      </c>
      <c r="EW19" s="327">
        <v>0</v>
      </c>
      <c r="EX19" s="327">
        <v>0</v>
      </c>
      <c r="EY19" s="328">
        <v>0</v>
      </c>
      <c r="EZ19" s="330">
        <v>0</v>
      </c>
      <c r="FA19" s="326">
        <v>0</v>
      </c>
      <c r="FB19" s="327">
        <v>0</v>
      </c>
      <c r="FC19" s="331">
        <v>0</v>
      </c>
      <c r="FD19" s="404">
        <v>0</v>
      </c>
      <c r="FE19" s="327">
        <v>0</v>
      </c>
      <c r="FF19" s="327">
        <v>0</v>
      </c>
      <c r="FG19" s="327">
        <v>0</v>
      </c>
      <c r="FH19" s="327">
        <v>0</v>
      </c>
      <c r="FI19" s="327">
        <v>0</v>
      </c>
      <c r="FJ19" s="328">
        <v>0</v>
      </c>
      <c r="FK19" s="330">
        <v>0</v>
      </c>
      <c r="FL19" s="326">
        <v>10178</v>
      </c>
      <c r="FM19" s="327">
        <v>196168</v>
      </c>
      <c r="FN19" s="328">
        <v>206346</v>
      </c>
      <c r="FO19" s="326">
        <v>0</v>
      </c>
      <c r="FP19" s="327">
        <v>295386</v>
      </c>
      <c r="FQ19" s="327">
        <v>492177</v>
      </c>
      <c r="FR19" s="327">
        <v>362911</v>
      </c>
      <c r="FS19" s="327">
        <v>392042</v>
      </c>
      <c r="FT19" s="327">
        <v>148519</v>
      </c>
      <c r="FU19" s="328">
        <v>1691035</v>
      </c>
      <c r="FV19" s="330">
        <v>1897381</v>
      </c>
      <c r="FW19" s="333">
        <v>10178</v>
      </c>
      <c r="FX19" s="327">
        <v>131663</v>
      </c>
      <c r="FY19" s="331">
        <v>141841</v>
      </c>
      <c r="FZ19" s="332">
        <v>0</v>
      </c>
      <c r="GA19" s="327">
        <v>115626</v>
      </c>
      <c r="GB19" s="327">
        <v>471849</v>
      </c>
      <c r="GC19" s="327">
        <v>342314</v>
      </c>
      <c r="GD19" s="327">
        <v>252042</v>
      </c>
      <c r="GE19" s="327">
        <v>148519</v>
      </c>
      <c r="GF19" s="328">
        <v>1330350</v>
      </c>
      <c r="GG19" s="334">
        <v>1472191</v>
      </c>
      <c r="GH19" s="333">
        <v>0</v>
      </c>
      <c r="GI19" s="327">
        <v>12705</v>
      </c>
      <c r="GJ19" s="331">
        <v>12705</v>
      </c>
      <c r="GK19" s="332">
        <v>0</v>
      </c>
      <c r="GL19" s="327">
        <v>0</v>
      </c>
      <c r="GM19" s="327">
        <v>20328</v>
      </c>
      <c r="GN19" s="327">
        <v>20597</v>
      </c>
      <c r="GO19" s="327">
        <v>0</v>
      </c>
      <c r="GP19" s="327">
        <v>0</v>
      </c>
      <c r="GQ19" s="328">
        <v>40925</v>
      </c>
      <c r="GR19" s="330">
        <v>53630</v>
      </c>
      <c r="GS19" s="326">
        <v>0</v>
      </c>
      <c r="GT19" s="327">
        <v>51800</v>
      </c>
      <c r="GU19" s="328">
        <v>51800</v>
      </c>
      <c r="GV19" s="326">
        <v>0</v>
      </c>
      <c r="GW19" s="327">
        <v>179760</v>
      </c>
      <c r="GX19" s="327">
        <v>0</v>
      </c>
      <c r="GY19" s="327">
        <v>0</v>
      </c>
      <c r="GZ19" s="327">
        <v>140000</v>
      </c>
      <c r="HA19" s="327">
        <v>0</v>
      </c>
      <c r="HB19" s="331">
        <v>319760</v>
      </c>
      <c r="HC19" s="330">
        <v>371560</v>
      </c>
      <c r="HD19" s="326">
        <v>192510</v>
      </c>
      <c r="HE19" s="327">
        <v>485673</v>
      </c>
      <c r="HF19" s="331">
        <v>678183</v>
      </c>
      <c r="HG19" s="332">
        <v>0</v>
      </c>
      <c r="HH19" s="327">
        <v>1474492</v>
      </c>
      <c r="HI19" s="327">
        <v>1098418</v>
      </c>
      <c r="HJ19" s="327">
        <v>1219011</v>
      </c>
      <c r="HK19" s="327">
        <v>1516130</v>
      </c>
      <c r="HL19" s="327">
        <v>1778701</v>
      </c>
      <c r="HM19" s="328">
        <v>7086752</v>
      </c>
      <c r="HN19" s="329">
        <v>7764935</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443808</v>
      </c>
      <c r="IE19" s="339">
        <v>526613</v>
      </c>
      <c r="IF19" s="337">
        <v>844317</v>
      </c>
      <c r="IG19" s="336">
        <v>124274</v>
      </c>
      <c r="IH19" s="337">
        <v>300288</v>
      </c>
      <c r="II19" s="340">
        <v>2239300</v>
      </c>
      <c r="IJ19" s="341">
        <v>2239300</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234591</v>
      </c>
      <c r="JL19" s="345">
        <v>396649</v>
      </c>
      <c r="JM19" s="345">
        <v>539051</v>
      </c>
      <c r="JN19" s="345">
        <v>124274</v>
      </c>
      <c r="JO19" s="345">
        <v>300288</v>
      </c>
      <c r="JP19" s="349">
        <v>1594853</v>
      </c>
      <c r="JQ19" s="347">
        <v>1594853</v>
      </c>
      <c r="JR19" s="348">
        <v>0</v>
      </c>
      <c r="JS19" s="345">
        <v>0</v>
      </c>
      <c r="JT19" s="346">
        <v>0</v>
      </c>
      <c r="JU19" s="351">
        <v>0</v>
      </c>
      <c r="JV19" s="345">
        <v>0</v>
      </c>
      <c r="JW19" s="345">
        <v>129964</v>
      </c>
      <c r="JX19" s="345">
        <v>0</v>
      </c>
      <c r="JY19" s="345">
        <v>0</v>
      </c>
      <c r="JZ19" s="345">
        <v>0</v>
      </c>
      <c r="KA19" s="349">
        <v>129964</v>
      </c>
      <c r="KB19" s="347">
        <v>129964</v>
      </c>
      <c r="KC19" s="352">
        <v>0</v>
      </c>
      <c r="KD19" s="353">
        <v>0</v>
      </c>
      <c r="KE19" s="349">
        <v>0</v>
      </c>
      <c r="KF19" s="351">
        <v>0</v>
      </c>
      <c r="KG19" s="345">
        <v>0</v>
      </c>
      <c r="KH19" s="345">
        <v>0</v>
      </c>
      <c r="KI19" s="345">
        <v>214532</v>
      </c>
      <c r="KJ19" s="345">
        <v>0</v>
      </c>
      <c r="KK19" s="345">
        <v>0</v>
      </c>
      <c r="KL19" s="349">
        <v>214532</v>
      </c>
      <c r="KM19" s="354">
        <v>214532</v>
      </c>
      <c r="KN19" s="342">
        <v>0</v>
      </c>
      <c r="KO19" s="343">
        <v>0</v>
      </c>
      <c r="KP19" s="344">
        <v>0</v>
      </c>
      <c r="KQ19" s="404">
        <v>0</v>
      </c>
      <c r="KR19" s="345">
        <v>209217</v>
      </c>
      <c r="KS19" s="345">
        <v>0</v>
      </c>
      <c r="KT19" s="345">
        <v>0</v>
      </c>
      <c r="KU19" s="345">
        <v>0</v>
      </c>
      <c r="KV19" s="345">
        <v>0</v>
      </c>
      <c r="KW19" s="349">
        <v>209217</v>
      </c>
      <c r="KX19" s="347">
        <v>209217</v>
      </c>
      <c r="KY19" s="348">
        <v>0</v>
      </c>
      <c r="KZ19" s="345">
        <v>0</v>
      </c>
      <c r="LA19" s="349">
        <v>0</v>
      </c>
      <c r="LB19" s="404">
        <v>0</v>
      </c>
      <c r="LC19" s="345">
        <v>0</v>
      </c>
      <c r="LD19" s="345">
        <v>0</v>
      </c>
      <c r="LE19" s="345">
        <v>90734</v>
      </c>
      <c r="LF19" s="345">
        <v>0</v>
      </c>
      <c r="LG19" s="345">
        <v>0</v>
      </c>
      <c r="LH19" s="349">
        <v>90734</v>
      </c>
      <c r="LI19" s="350">
        <v>90734</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0</v>
      </c>
      <c r="MK19" s="345">
        <v>0</v>
      </c>
      <c r="ML19" s="345">
        <v>457612</v>
      </c>
      <c r="MM19" s="345">
        <v>2261056</v>
      </c>
      <c r="MN19" s="345">
        <v>1803821</v>
      </c>
      <c r="MO19" s="349">
        <v>4522489</v>
      </c>
      <c r="MP19" s="354">
        <v>4522489</v>
      </c>
      <c r="MQ19" s="348">
        <v>0</v>
      </c>
      <c r="MR19" s="345">
        <v>0</v>
      </c>
      <c r="MS19" s="349">
        <v>0</v>
      </c>
      <c r="MT19" s="404">
        <v>0</v>
      </c>
      <c r="MU19" s="345">
        <v>0</v>
      </c>
      <c r="MV19" s="345">
        <v>0</v>
      </c>
      <c r="MW19" s="345">
        <v>196387</v>
      </c>
      <c r="MX19" s="345">
        <v>1637710</v>
      </c>
      <c r="MY19" s="345">
        <v>1504821</v>
      </c>
      <c r="MZ19" s="349">
        <v>3338918</v>
      </c>
      <c r="NA19" s="354">
        <v>3338918</v>
      </c>
      <c r="NB19" s="348">
        <v>0</v>
      </c>
      <c r="NC19" s="345">
        <v>0</v>
      </c>
      <c r="ND19" s="349">
        <v>0</v>
      </c>
      <c r="NE19" s="404">
        <v>0</v>
      </c>
      <c r="NF19" s="345">
        <v>0</v>
      </c>
      <c r="NG19" s="345">
        <v>0</v>
      </c>
      <c r="NH19" s="345">
        <v>261225</v>
      </c>
      <c r="NI19" s="345">
        <v>623346</v>
      </c>
      <c r="NJ19" s="345">
        <v>299000</v>
      </c>
      <c r="NK19" s="349">
        <v>1183571</v>
      </c>
      <c r="NL19" s="347">
        <v>1183571</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335841</v>
      </c>
      <c r="OJ19" s="345">
        <v>872075</v>
      </c>
      <c r="OK19" s="346">
        <v>1207916</v>
      </c>
      <c r="OL19" s="351">
        <v>0</v>
      </c>
      <c r="OM19" s="345">
        <v>4344746</v>
      </c>
      <c r="ON19" s="345">
        <v>4905601</v>
      </c>
      <c r="OO19" s="345">
        <v>5658062</v>
      </c>
      <c r="OP19" s="345">
        <v>5761355</v>
      </c>
      <c r="OQ19" s="345">
        <v>6154567</v>
      </c>
      <c r="OR19" s="349">
        <v>26824331</v>
      </c>
      <c r="OS19" s="354">
        <v>28032247</v>
      </c>
    </row>
    <row r="20" spans="2:409" s="70" customFormat="1" ht="21" customHeight="1" x14ac:dyDescent="0.2">
      <c r="B20" s="106" t="s">
        <v>15</v>
      </c>
      <c r="C20" s="326">
        <v>52791</v>
      </c>
      <c r="D20" s="327">
        <v>137828</v>
      </c>
      <c r="E20" s="328">
        <v>190619</v>
      </c>
      <c r="F20" s="329">
        <v>0</v>
      </c>
      <c r="G20" s="327">
        <v>1286333</v>
      </c>
      <c r="H20" s="327">
        <v>1310788</v>
      </c>
      <c r="I20" s="327">
        <v>1180075</v>
      </c>
      <c r="J20" s="327">
        <v>1923850</v>
      </c>
      <c r="K20" s="327">
        <v>1168925</v>
      </c>
      <c r="L20" s="329">
        <v>6869971</v>
      </c>
      <c r="M20" s="330">
        <v>7060590</v>
      </c>
      <c r="N20" s="326">
        <v>0</v>
      </c>
      <c r="O20" s="327">
        <v>28240</v>
      </c>
      <c r="P20" s="328">
        <v>28240</v>
      </c>
      <c r="Q20" s="326">
        <v>0</v>
      </c>
      <c r="R20" s="327">
        <v>270324</v>
      </c>
      <c r="S20" s="327">
        <v>380027</v>
      </c>
      <c r="T20" s="327">
        <v>194096</v>
      </c>
      <c r="U20" s="327">
        <v>643566</v>
      </c>
      <c r="V20" s="327">
        <v>448252</v>
      </c>
      <c r="W20" s="328">
        <v>1936265</v>
      </c>
      <c r="X20" s="330">
        <v>1964505</v>
      </c>
      <c r="Y20" s="326">
        <v>0</v>
      </c>
      <c r="Z20" s="327">
        <v>0</v>
      </c>
      <c r="AA20" s="328">
        <v>0</v>
      </c>
      <c r="AB20" s="326">
        <v>0</v>
      </c>
      <c r="AC20" s="327">
        <v>158051</v>
      </c>
      <c r="AD20" s="327">
        <v>170011</v>
      </c>
      <c r="AE20" s="327">
        <v>0</v>
      </c>
      <c r="AF20" s="327">
        <v>406439</v>
      </c>
      <c r="AG20" s="327">
        <v>96046</v>
      </c>
      <c r="AH20" s="328">
        <v>830547</v>
      </c>
      <c r="AI20" s="330">
        <v>830547</v>
      </c>
      <c r="AJ20" s="326">
        <v>0</v>
      </c>
      <c r="AK20" s="327">
        <v>0</v>
      </c>
      <c r="AL20" s="328">
        <v>0</v>
      </c>
      <c r="AM20" s="326">
        <v>0</v>
      </c>
      <c r="AN20" s="327">
        <v>0</v>
      </c>
      <c r="AO20" s="327">
        <v>0</v>
      </c>
      <c r="AP20" s="327">
        <v>52068</v>
      </c>
      <c r="AQ20" s="327">
        <v>31239</v>
      </c>
      <c r="AR20" s="327">
        <v>145786</v>
      </c>
      <c r="AS20" s="328">
        <v>229093</v>
      </c>
      <c r="AT20" s="330">
        <v>229093</v>
      </c>
      <c r="AU20" s="326">
        <v>0</v>
      </c>
      <c r="AV20" s="327">
        <v>24068</v>
      </c>
      <c r="AW20" s="328">
        <v>24068</v>
      </c>
      <c r="AX20" s="326">
        <v>0</v>
      </c>
      <c r="AY20" s="327">
        <v>60739</v>
      </c>
      <c r="AZ20" s="327">
        <v>103219</v>
      </c>
      <c r="BA20" s="327">
        <v>105313</v>
      </c>
      <c r="BB20" s="327">
        <v>90696</v>
      </c>
      <c r="BC20" s="327">
        <v>130541</v>
      </c>
      <c r="BD20" s="328">
        <v>490508</v>
      </c>
      <c r="BE20" s="330">
        <v>514576</v>
      </c>
      <c r="BF20" s="326">
        <v>0</v>
      </c>
      <c r="BG20" s="327">
        <v>0</v>
      </c>
      <c r="BH20" s="331">
        <v>0</v>
      </c>
      <c r="BI20" s="332">
        <v>0</v>
      </c>
      <c r="BJ20" s="327">
        <v>0</v>
      </c>
      <c r="BK20" s="327">
        <v>35033</v>
      </c>
      <c r="BL20" s="327">
        <v>0</v>
      </c>
      <c r="BM20" s="327">
        <v>0</v>
      </c>
      <c r="BN20" s="327">
        <v>21020</v>
      </c>
      <c r="BO20" s="328">
        <v>56053</v>
      </c>
      <c r="BP20" s="330">
        <v>56053</v>
      </c>
      <c r="BQ20" s="326">
        <v>0</v>
      </c>
      <c r="BR20" s="327">
        <v>4172</v>
      </c>
      <c r="BS20" s="328">
        <v>4172</v>
      </c>
      <c r="BT20" s="326">
        <v>0</v>
      </c>
      <c r="BU20" s="327">
        <v>51534</v>
      </c>
      <c r="BV20" s="327">
        <v>71764</v>
      </c>
      <c r="BW20" s="327">
        <v>36715</v>
      </c>
      <c r="BX20" s="327">
        <v>115192</v>
      </c>
      <c r="BY20" s="327">
        <v>54859</v>
      </c>
      <c r="BZ20" s="328">
        <v>330064</v>
      </c>
      <c r="CA20" s="330">
        <v>334236</v>
      </c>
      <c r="CB20" s="326">
        <v>0</v>
      </c>
      <c r="CC20" s="327">
        <v>0</v>
      </c>
      <c r="CD20" s="328">
        <v>0</v>
      </c>
      <c r="CE20" s="326">
        <v>0</v>
      </c>
      <c r="CF20" s="327">
        <v>145373</v>
      </c>
      <c r="CG20" s="327">
        <v>305108</v>
      </c>
      <c r="CH20" s="327">
        <v>406804</v>
      </c>
      <c r="CI20" s="327">
        <v>160229</v>
      </c>
      <c r="CJ20" s="327">
        <v>92565</v>
      </c>
      <c r="CK20" s="328">
        <v>1110079</v>
      </c>
      <c r="CL20" s="330">
        <v>1110079</v>
      </c>
      <c r="CM20" s="326">
        <v>0</v>
      </c>
      <c r="CN20" s="327">
        <v>0</v>
      </c>
      <c r="CO20" s="328">
        <v>0</v>
      </c>
      <c r="CP20" s="332">
        <v>0</v>
      </c>
      <c r="CQ20" s="327">
        <v>104332</v>
      </c>
      <c r="CR20" s="327">
        <v>184174</v>
      </c>
      <c r="CS20" s="327">
        <v>275839</v>
      </c>
      <c r="CT20" s="327">
        <v>57672</v>
      </c>
      <c r="CU20" s="327">
        <v>0</v>
      </c>
      <c r="CV20" s="328">
        <v>622017</v>
      </c>
      <c r="CW20" s="330">
        <v>622017</v>
      </c>
      <c r="CX20" s="326">
        <v>0</v>
      </c>
      <c r="CY20" s="327">
        <v>0</v>
      </c>
      <c r="CZ20" s="328">
        <v>0</v>
      </c>
      <c r="DA20" s="326">
        <v>0</v>
      </c>
      <c r="DB20" s="327">
        <v>41041</v>
      </c>
      <c r="DC20" s="327">
        <v>120934</v>
      </c>
      <c r="DD20" s="327">
        <v>130965</v>
      </c>
      <c r="DE20" s="327">
        <v>102557</v>
      </c>
      <c r="DF20" s="327">
        <v>92565</v>
      </c>
      <c r="DG20" s="328">
        <v>488062</v>
      </c>
      <c r="DH20" s="330">
        <v>488062</v>
      </c>
      <c r="DI20" s="326">
        <v>0</v>
      </c>
      <c r="DJ20" s="327">
        <v>0</v>
      </c>
      <c r="DK20" s="331">
        <v>0</v>
      </c>
      <c r="DL20" s="332">
        <v>0</v>
      </c>
      <c r="DM20" s="327">
        <v>0</v>
      </c>
      <c r="DN20" s="327">
        <v>276271</v>
      </c>
      <c r="DO20" s="327">
        <v>167632</v>
      </c>
      <c r="DP20" s="327">
        <v>400215</v>
      </c>
      <c r="DQ20" s="327">
        <v>69590</v>
      </c>
      <c r="DR20" s="328">
        <v>913708</v>
      </c>
      <c r="DS20" s="330">
        <v>913708</v>
      </c>
      <c r="DT20" s="326">
        <v>0</v>
      </c>
      <c r="DU20" s="327">
        <v>0</v>
      </c>
      <c r="DV20" s="328">
        <v>0</v>
      </c>
      <c r="DW20" s="326">
        <v>0</v>
      </c>
      <c r="DX20" s="327">
        <v>0</v>
      </c>
      <c r="DY20" s="327">
        <v>276271</v>
      </c>
      <c r="DZ20" s="327">
        <v>167632</v>
      </c>
      <c r="EA20" s="327">
        <v>400215</v>
      </c>
      <c r="EB20" s="327">
        <v>69590</v>
      </c>
      <c r="EC20" s="328">
        <v>913708</v>
      </c>
      <c r="ED20" s="330">
        <v>913708</v>
      </c>
      <c r="EE20" s="326">
        <v>0</v>
      </c>
      <c r="EF20" s="331">
        <v>0</v>
      </c>
      <c r="EG20" s="328">
        <v>0</v>
      </c>
      <c r="EH20" s="326">
        <v>0</v>
      </c>
      <c r="EI20" s="327">
        <v>0</v>
      </c>
      <c r="EJ20" s="327">
        <v>0</v>
      </c>
      <c r="EK20" s="327">
        <v>0</v>
      </c>
      <c r="EL20" s="327">
        <v>0</v>
      </c>
      <c r="EM20" s="327">
        <v>0</v>
      </c>
      <c r="EN20" s="331">
        <v>0</v>
      </c>
      <c r="EO20" s="330">
        <v>0</v>
      </c>
      <c r="EP20" s="326">
        <v>0</v>
      </c>
      <c r="EQ20" s="327">
        <v>0</v>
      </c>
      <c r="ER20" s="331">
        <v>0</v>
      </c>
      <c r="ES20" s="332">
        <v>0</v>
      </c>
      <c r="ET20" s="327">
        <v>0</v>
      </c>
      <c r="EU20" s="327">
        <v>0</v>
      </c>
      <c r="EV20" s="327">
        <v>0</v>
      </c>
      <c r="EW20" s="327">
        <v>0</v>
      </c>
      <c r="EX20" s="327">
        <v>0</v>
      </c>
      <c r="EY20" s="328">
        <v>0</v>
      </c>
      <c r="EZ20" s="330">
        <v>0</v>
      </c>
      <c r="FA20" s="326">
        <v>0</v>
      </c>
      <c r="FB20" s="327">
        <v>0</v>
      </c>
      <c r="FC20" s="331">
        <v>0</v>
      </c>
      <c r="FD20" s="404">
        <v>0</v>
      </c>
      <c r="FE20" s="327">
        <v>0</v>
      </c>
      <c r="FF20" s="327">
        <v>0</v>
      </c>
      <c r="FG20" s="327">
        <v>0</v>
      </c>
      <c r="FH20" s="327">
        <v>0</v>
      </c>
      <c r="FI20" s="327">
        <v>0</v>
      </c>
      <c r="FJ20" s="328">
        <v>0</v>
      </c>
      <c r="FK20" s="330">
        <v>0</v>
      </c>
      <c r="FL20" s="326">
        <v>1050</v>
      </c>
      <c r="FM20" s="327">
        <v>25760</v>
      </c>
      <c r="FN20" s="328">
        <v>26810</v>
      </c>
      <c r="FO20" s="326">
        <v>0</v>
      </c>
      <c r="FP20" s="327">
        <v>16702</v>
      </c>
      <c r="FQ20" s="327">
        <v>97853</v>
      </c>
      <c r="FR20" s="327">
        <v>61894</v>
      </c>
      <c r="FS20" s="327">
        <v>151522</v>
      </c>
      <c r="FT20" s="327">
        <v>131768</v>
      </c>
      <c r="FU20" s="328">
        <v>459739</v>
      </c>
      <c r="FV20" s="330">
        <v>486549</v>
      </c>
      <c r="FW20" s="333">
        <v>1050</v>
      </c>
      <c r="FX20" s="327">
        <v>25760</v>
      </c>
      <c r="FY20" s="331">
        <v>26810</v>
      </c>
      <c r="FZ20" s="332">
        <v>0</v>
      </c>
      <c r="GA20" s="327">
        <v>16702</v>
      </c>
      <c r="GB20" s="327">
        <v>97853</v>
      </c>
      <c r="GC20" s="327">
        <v>61894</v>
      </c>
      <c r="GD20" s="327">
        <v>151522</v>
      </c>
      <c r="GE20" s="327">
        <v>112364</v>
      </c>
      <c r="GF20" s="328">
        <v>440335</v>
      </c>
      <c r="GG20" s="334">
        <v>467145</v>
      </c>
      <c r="GH20" s="333">
        <v>0</v>
      </c>
      <c r="GI20" s="327">
        <v>0</v>
      </c>
      <c r="GJ20" s="331">
        <v>0</v>
      </c>
      <c r="GK20" s="332">
        <v>0</v>
      </c>
      <c r="GL20" s="327">
        <v>0</v>
      </c>
      <c r="GM20" s="327">
        <v>0</v>
      </c>
      <c r="GN20" s="327">
        <v>0</v>
      </c>
      <c r="GO20" s="327">
        <v>0</v>
      </c>
      <c r="GP20" s="327">
        <v>19404</v>
      </c>
      <c r="GQ20" s="328">
        <v>19404</v>
      </c>
      <c r="GR20" s="330">
        <v>19404</v>
      </c>
      <c r="GS20" s="326">
        <v>0</v>
      </c>
      <c r="GT20" s="327">
        <v>0</v>
      </c>
      <c r="GU20" s="328">
        <v>0</v>
      </c>
      <c r="GV20" s="326">
        <v>0</v>
      </c>
      <c r="GW20" s="327">
        <v>0</v>
      </c>
      <c r="GX20" s="327">
        <v>0</v>
      </c>
      <c r="GY20" s="327">
        <v>0</v>
      </c>
      <c r="GZ20" s="327">
        <v>0</v>
      </c>
      <c r="HA20" s="327">
        <v>0</v>
      </c>
      <c r="HB20" s="331">
        <v>0</v>
      </c>
      <c r="HC20" s="330">
        <v>0</v>
      </c>
      <c r="HD20" s="326">
        <v>51741</v>
      </c>
      <c r="HE20" s="327">
        <v>83828</v>
      </c>
      <c r="HF20" s="331">
        <v>135569</v>
      </c>
      <c r="HG20" s="332">
        <v>0</v>
      </c>
      <c r="HH20" s="327">
        <v>853934</v>
      </c>
      <c r="HI20" s="327">
        <v>251529</v>
      </c>
      <c r="HJ20" s="327">
        <v>349649</v>
      </c>
      <c r="HK20" s="327">
        <v>568318</v>
      </c>
      <c r="HL20" s="327">
        <v>426750</v>
      </c>
      <c r="HM20" s="328">
        <v>2450180</v>
      </c>
      <c r="HN20" s="329">
        <v>2585749</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274753</v>
      </c>
      <c r="IE20" s="357">
        <v>244072</v>
      </c>
      <c r="IF20" s="358">
        <v>35649</v>
      </c>
      <c r="IG20" s="356">
        <v>583534</v>
      </c>
      <c r="IH20" s="358">
        <v>134741</v>
      </c>
      <c r="II20" s="359">
        <v>1272749</v>
      </c>
      <c r="IJ20" s="358">
        <v>1272749</v>
      </c>
      <c r="IK20" s="342">
        <v>0</v>
      </c>
      <c r="IL20" s="343">
        <v>0</v>
      </c>
      <c r="IM20" s="344">
        <v>0</v>
      </c>
      <c r="IN20" s="404">
        <v>0</v>
      </c>
      <c r="IO20" s="345">
        <v>0</v>
      </c>
      <c r="IP20" s="345">
        <v>0</v>
      </c>
      <c r="IQ20" s="345">
        <v>0</v>
      </c>
      <c r="IR20" s="345">
        <v>198175</v>
      </c>
      <c r="IS20" s="345">
        <v>0</v>
      </c>
      <c r="IT20" s="346">
        <v>198175</v>
      </c>
      <c r="IU20" s="347">
        <v>198175</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274753</v>
      </c>
      <c r="JL20" s="345">
        <v>244072</v>
      </c>
      <c r="JM20" s="345">
        <v>35649</v>
      </c>
      <c r="JN20" s="345">
        <v>163252</v>
      </c>
      <c r="JO20" s="345">
        <v>134741</v>
      </c>
      <c r="JP20" s="349">
        <v>852467</v>
      </c>
      <c r="JQ20" s="347">
        <v>852467</v>
      </c>
      <c r="JR20" s="348">
        <v>0</v>
      </c>
      <c r="JS20" s="345">
        <v>0</v>
      </c>
      <c r="JT20" s="346">
        <v>0</v>
      </c>
      <c r="JU20" s="351">
        <v>0</v>
      </c>
      <c r="JV20" s="345">
        <v>0</v>
      </c>
      <c r="JW20" s="345">
        <v>0</v>
      </c>
      <c r="JX20" s="345">
        <v>0</v>
      </c>
      <c r="JY20" s="345">
        <v>0</v>
      </c>
      <c r="JZ20" s="345">
        <v>0</v>
      </c>
      <c r="KA20" s="349">
        <v>0</v>
      </c>
      <c r="KB20" s="347">
        <v>0</v>
      </c>
      <c r="KC20" s="352">
        <v>0</v>
      </c>
      <c r="KD20" s="353">
        <v>0</v>
      </c>
      <c r="KE20" s="349">
        <v>0</v>
      </c>
      <c r="KF20" s="351">
        <v>0</v>
      </c>
      <c r="KG20" s="345">
        <v>0</v>
      </c>
      <c r="KH20" s="345">
        <v>0</v>
      </c>
      <c r="KI20" s="345">
        <v>0</v>
      </c>
      <c r="KJ20" s="345">
        <v>0</v>
      </c>
      <c r="KK20" s="345">
        <v>0</v>
      </c>
      <c r="KL20" s="349">
        <v>0</v>
      </c>
      <c r="KM20" s="354">
        <v>0</v>
      </c>
      <c r="KN20" s="342">
        <v>0</v>
      </c>
      <c r="KO20" s="343">
        <v>0</v>
      </c>
      <c r="KP20" s="344">
        <v>0</v>
      </c>
      <c r="KQ20" s="404">
        <v>0</v>
      </c>
      <c r="KR20" s="345">
        <v>0</v>
      </c>
      <c r="KS20" s="345">
        <v>0</v>
      </c>
      <c r="KT20" s="345">
        <v>0</v>
      </c>
      <c r="KU20" s="345">
        <v>222107</v>
      </c>
      <c r="KV20" s="345">
        <v>0</v>
      </c>
      <c r="KW20" s="349">
        <v>222107</v>
      </c>
      <c r="KX20" s="347">
        <v>222107</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0</v>
      </c>
      <c r="LR20" s="345">
        <v>0</v>
      </c>
      <c r="LS20" s="349">
        <v>0</v>
      </c>
      <c r="LT20" s="347">
        <v>0</v>
      </c>
      <c r="LU20" s="348">
        <v>0</v>
      </c>
      <c r="LV20" s="345">
        <v>0</v>
      </c>
      <c r="LW20" s="349">
        <v>0</v>
      </c>
      <c r="LX20" s="404">
        <v>0</v>
      </c>
      <c r="LY20" s="345">
        <v>0</v>
      </c>
      <c r="LZ20" s="345">
        <v>0</v>
      </c>
      <c r="MA20" s="345">
        <v>0</v>
      </c>
      <c r="MB20" s="345">
        <v>0</v>
      </c>
      <c r="MC20" s="345">
        <v>0</v>
      </c>
      <c r="MD20" s="349">
        <v>0</v>
      </c>
      <c r="ME20" s="350">
        <v>0</v>
      </c>
      <c r="MF20" s="348">
        <v>0</v>
      </c>
      <c r="MG20" s="345">
        <v>0</v>
      </c>
      <c r="MH20" s="349">
        <v>0</v>
      </c>
      <c r="MI20" s="404">
        <v>0</v>
      </c>
      <c r="MJ20" s="345">
        <v>0</v>
      </c>
      <c r="MK20" s="345">
        <v>0</v>
      </c>
      <c r="ML20" s="345">
        <v>495600</v>
      </c>
      <c r="MM20" s="345">
        <v>488318</v>
      </c>
      <c r="MN20" s="345">
        <v>237372</v>
      </c>
      <c r="MO20" s="349">
        <v>1221290</v>
      </c>
      <c r="MP20" s="354">
        <v>1221290</v>
      </c>
      <c r="MQ20" s="348">
        <v>0</v>
      </c>
      <c r="MR20" s="345">
        <v>0</v>
      </c>
      <c r="MS20" s="349">
        <v>0</v>
      </c>
      <c r="MT20" s="404">
        <v>0</v>
      </c>
      <c r="MU20" s="345">
        <v>0</v>
      </c>
      <c r="MV20" s="345">
        <v>0</v>
      </c>
      <c r="MW20" s="345">
        <v>0</v>
      </c>
      <c r="MX20" s="345">
        <v>0</v>
      </c>
      <c r="MY20" s="345">
        <v>237372</v>
      </c>
      <c r="MZ20" s="349">
        <v>237372</v>
      </c>
      <c r="NA20" s="354">
        <v>237372</v>
      </c>
      <c r="NB20" s="348">
        <v>0</v>
      </c>
      <c r="NC20" s="345">
        <v>0</v>
      </c>
      <c r="ND20" s="349">
        <v>0</v>
      </c>
      <c r="NE20" s="404">
        <v>0</v>
      </c>
      <c r="NF20" s="345">
        <v>0</v>
      </c>
      <c r="NG20" s="345">
        <v>0</v>
      </c>
      <c r="NH20" s="345">
        <v>495600</v>
      </c>
      <c r="NI20" s="345">
        <v>488318</v>
      </c>
      <c r="NJ20" s="345">
        <v>0</v>
      </c>
      <c r="NK20" s="349">
        <v>983918</v>
      </c>
      <c r="NL20" s="347">
        <v>983918</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52791</v>
      </c>
      <c r="OJ20" s="345">
        <v>137828</v>
      </c>
      <c r="OK20" s="346">
        <v>190619</v>
      </c>
      <c r="OL20" s="351">
        <v>0</v>
      </c>
      <c r="OM20" s="345">
        <v>1561086</v>
      </c>
      <c r="ON20" s="345">
        <v>1554860</v>
      </c>
      <c r="OO20" s="345">
        <v>1711324</v>
      </c>
      <c r="OP20" s="345">
        <v>2995702</v>
      </c>
      <c r="OQ20" s="345">
        <v>1541038</v>
      </c>
      <c r="OR20" s="349">
        <v>9364010</v>
      </c>
      <c r="OS20" s="354">
        <v>9554629</v>
      </c>
    </row>
    <row r="21" spans="2:409" s="70" customFormat="1" ht="21" customHeight="1" x14ac:dyDescent="0.2">
      <c r="B21" s="106" t="s">
        <v>16</v>
      </c>
      <c r="C21" s="326">
        <v>330405</v>
      </c>
      <c r="D21" s="327">
        <v>503626</v>
      </c>
      <c r="E21" s="328">
        <v>834031</v>
      </c>
      <c r="F21" s="329">
        <v>0</v>
      </c>
      <c r="G21" s="327">
        <v>2462547</v>
      </c>
      <c r="H21" s="327">
        <v>5113486</v>
      </c>
      <c r="I21" s="327">
        <v>3809088</v>
      </c>
      <c r="J21" s="327">
        <v>3512412</v>
      </c>
      <c r="K21" s="327">
        <v>1541176</v>
      </c>
      <c r="L21" s="329">
        <v>16438709</v>
      </c>
      <c r="M21" s="330">
        <v>17272740</v>
      </c>
      <c r="N21" s="326">
        <v>66305</v>
      </c>
      <c r="O21" s="327">
        <v>156445</v>
      </c>
      <c r="P21" s="328">
        <v>222750</v>
      </c>
      <c r="Q21" s="326">
        <v>0</v>
      </c>
      <c r="R21" s="327">
        <v>371505</v>
      </c>
      <c r="S21" s="327">
        <v>1545469</v>
      </c>
      <c r="T21" s="327">
        <v>862337</v>
      </c>
      <c r="U21" s="327">
        <v>835968</v>
      </c>
      <c r="V21" s="327">
        <v>537928</v>
      </c>
      <c r="W21" s="328">
        <v>4153207</v>
      </c>
      <c r="X21" s="330">
        <v>4375957</v>
      </c>
      <c r="Y21" s="326">
        <v>0</v>
      </c>
      <c r="Z21" s="327">
        <v>0</v>
      </c>
      <c r="AA21" s="328">
        <v>0</v>
      </c>
      <c r="AB21" s="326">
        <v>0</v>
      </c>
      <c r="AC21" s="327">
        <v>111580</v>
      </c>
      <c r="AD21" s="327">
        <v>768916</v>
      </c>
      <c r="AE21" s="327">
        <v>333519</v>
      </c>
      <c r="AF21" s="327">
        <v>372623</v>
      </c>
      <c r="AG21" s="327">
        <v>193378</v>
      </c>
      <c r="AH21" s="328">
        <v>1780016</v>
      </c>
      <c r="AI21" s="330">
        <v>1780016</v>
      </c>
      <c r="AJ21" s="326">
        <v>0</v>
      </c>
      <c r="AK21" s="327">
        <v>0</v>
      </c>
      <c r="AL21" s="328">
        <v>0</v>
      </c>
      <c r="AM21" s="326">
        <v>0</v>
      </c>
      <c r="AN21" s="327">
        <v>0</v>
      </c>
      <c r="AO21" s="327">
        <v>0</v>
      </c>
      <c r="AP21" s="327">
        <v>0</v>
      </c>
      <c r="AQ21" s="327">
        <v>40043</v>
      </c>
      <c r="AR21" s="327">
        <v>90094</v>
      </c>
      <c r="AS21" s="328">
        <v>130137</v>
      </c>
      <c r="AT21" s="330">
        <v>130137</v>
      </c>
      <c r="AU21" s="326">
        <v>24893</v>
      </c>
      <c r="AV21" s="327">
        <v>138133</v>
      </c>
      <c r="AW21" s="328">
        <v>163026</v>
      </c>
      <c r="AX21" s="326">
        <v>0</v>
      </c>
      <c r="AY21" s="327">
        <v>119918</v>
      </c>
      <c r="AZ21" s="327">
        <v>574609</v>
      </c>
      <c r="BA21" s="327">
        <v>344112</v>
      </c>
      <c r="BB21" s="327">
        <v>306318</v>
      </c>
      <c r="BC21" s="327">
        <v>178723</v>
      </c>
      <c r="BD21" s="328">
        <v>1523680</v>
      </c>
      <c r="BE21" s="330">
        <v>1686706</v>
      </c>
      <c r="BF21" s="326">
        <v>0</v>
      </c>
      <c r="BG21" s="327">
        <v>0</v>
      </c>
      <c r="BH21" s="331">
        <v>0</v>
      </c>
      <c r="BI21" s="332">
        <v>0</v>
      </c>
      <c r="BJ21" s="327">
        <v>0</v>
      </c>
      <c r="BK21" s="327">
        <v>55301</v>
      </c>
      <c r="BL21" s="327">
        <v>34563</v>
      </c>
      <c r="BM21" s="327">
        <v>0</v>
      </c>
      <c r="BN21" s="327">
        <v>13825</v>
      </c>
      <c r="BO21" s="328">
        <v>103689</v>
      </c>
      <c r="BP21" s="330">
        <v>103689</v>
      </c>
      <c r="BQ21" s="326">
        <v>41412</v>
      </c>
      <c r="BR21" s="327">
        <v>18312</v>
      </c>
      <c r="BS21" s="328">
        <v>59724</v>
      </c>
      <c r="BT21" s="326">
        <v>0</v>
      </c>
      <c r="BU21" s="327">
        <v>140007</v>
      </c>
      <c r="BV21" s="327">
        <v>146643</v>
      </c>
      <c r="BW21" s="327">
        <v>150143</v>
      </c>
      <c r="BX21" s="327">
        <v>116984</v>
      </c>
      <c r="BY21" s="327">
        <v>61908</v>
      </c>
      <c r="BZ21" s="328">
        <v>615685</v>
      </c>
      <c r="CA21" s="330">
        <v>675409</v>
      </c>
      <c r="CB21" s="326">
        <v>36776</v>
      </c>
      <c r="CC21" s="327">
        <v>171819</v>
      </c>
      <c r="CD21" s="328">
        <v>208595</v>
      </c>
      <c r="CE21" s="326">
        <v>0</v>
      </c>
      <c r="CF21" s="327">
        <v>1138671</v>
      </c>
      <c r="CG21" s="327">
        <v>1983909</v>
      </c>
      <c r="CH21" s="327">
        <v>848729</v>
      </c>
      <c r="CI21" s="327">
        <v>506132</v>
      </c>
      <c r="CJ21" s="327">
        <v>192862</v>
      </c>
      <c r="CK21" s="328">
        <v>4670303</v>
      </c>
      <c r="CL21" s="330">
        <v>4878898</v>
      </c>
      <c r="CM21" s="326">
        <v>0</v>
      </c>
      <c r="CN21" s="327">
        <v>0</v>
      </c>
      <c r="CO21" s="328">
        <v>0</v>
      </c>
      <c r="CP21" s="332">
        <v>0</v>
      </c>
      <c r="CQ21" s="327">
        <v>874996</v>
      </c>
      <c r="CR21" s="327">
        <v>897347</v>
      </c>
      <c r="CS21" s="327">
        <v>424232</v>
      </c>
      <c r="CT21" s="327">
        <v>301476</v>
      </c>
      <c r="CU21" s="327">
        <v>94218</v>
      </c>
      <c r="CV21" s="328">
        <v>2592269</v>
      </c>
      <c r="CW21" s="330">
        <v>2592269</v>
      </c>
      <c r="CX21" s="326">
        <v>36776</v>
      </c>
      <c r="CY21" s="327">
        <v>171819</v>
      </c>
      <c r="CZ21" s="328">
        <v>208595</v>
      </c>
      <c r="DA21" s="326">
        <v>0</v>
      </c>
      <c r="DB21" s="327">
        <v>263675</v>
      </c>
      <c r="DC21" s="327">
        <v>1086562</v>
      </c>
      <c r="DD21" s="327">
        <v>424497</v>
      </c>
      <c r="DE21" s="327">
        <v>204656</v>
      </c>
      <c r="DF21" s="327">
        <v>98644</v>
      </c>
      <c r="DG21" s="328">
        <v>2078034</v>
      </c>
      <c r="DH21" s="330">
        <v>2286629</v>
      </c>
      <c r="DI21" s="326">
        <v>0</v>
      </c>
      <c r="DJ21" s="327">
        <v>6471</v>
      </c>
      <c r="DK21" s="331">
        <v>6471</v>
      </c>
      <c r="DL21" s="332">
        <v>0</v>
      </c>
      <c r="DM21" s="327">
        <v>47124</v>
      </c>
      <c r="DN21" s="327">
        <v>417032</v>
      </c>
      <c r="DO21" s="327">
        <v>145804</v>
      </c>
      <c r="DP21" s="327">
        <v>77963</v>
      </c>
      <c r="DQ21" s="327">
        <v>0</v>
      </c>
      <c r="DR21" s="328">
        <v>687923</v>
      </c>
      <c r="DS21" s="330">
        <v>694394</v>
      </c>
      <c r="DT21" s="326">
        <v>0</v>
      </c>
      <c r="DU21" s="327">
        <v>6471</v>
      </c>
      <c r="DV21" s="328">
        <v>6471</v>
      </c>
      <c r="DW21" s="326">
        <v>0</v>
      </c>
      <c r="DX21" s="327">
        <v>47124</v>
      </c>
      <c r="DY21" s="327">
        <v>379679</v>
      </c>
      <c r="DZ21" s="327">
        <v>145804</v>
      </c>
      <c r="EA21" s="327">
        <v>77963</v>
      </c>
      <c r="EB21" s="327">
        <v>0</v>
      </c>
      <c r="EC21" s="328">
        <v>650570</v>
      </c>
      <c r="ED21" s="330">
        <v>657041</v>
      </c>
      <c r="EE21" s="326">
        <v>0</v>
      </c>
      <c r="EF21" s="331">
        <v>0</v>
      </c>
      <c r="EG21" s="328">
        <v>0</v>
      </c>
      <c r="EH21" s="326">
        <v>0</v>
      </c>
      <c r="EI21" s="327">
        <v>0</v>
      </c>
      <c r="EJ21" s="327">
        <v>37353</v>
      </c>
      <c r="EK21" s="327">
        <v>0</v>
      </c>
      <c r="EL21" s="327">
        <v>0</v>
      </c>
      <c r="EM21" s="327">
        <v>0</v>
      </c>
      <c r="EN21" s="331">
        <v>37353</v>
      </c>
      <c r="EO21" s="330">
        <v>37353</v>
      </c>
      <c r="EP21" s="326">
        <v>0</v>
      </c>
      <c r="EQ21" s="327">
        <v>0</v>
      </c>
      <c r="ER21" s="331">
        <v>0</v>
      </c>
      <c r="ES21" s="332">
        <v>0</v>
      </c>
      <c r="ET21" s="327">
        <v>0</v>
      </c>
      <c r="EU21" s="327">
        <v>0</v>
      </c>
      <c r="EV21" s="327">
        <v>0</v>
      </c>
      <c r="EW21" s="327">
        <v>0</v>
      </c>
      <c r="EX21" s="327">
        <v>0</v>
      </c>
      <c r="EY21" s="328">
        <v>0</v>
      </c>
      <c r="EZ21" s="330">
        <v>0</v>
      </c>
      <c r="FA21" s="326">
        <v>0</v>
      </c>
      <c r="FB21" s="327">
        <v>0</v>
      </c>
      <c r="FC21" s="331">
        <v>0</v>
      </c>
      <c r="FD21" s="404">
        <v>0</v>
      </c>
      <c r="FE21" s="327">
        <v>0</v>
      </c>
      <c r="FF21" s="327">
        <v>0</v>
      </c>
      <c r="FG21" s="327">
        <v>0</v>
      </c>
      <c r="FH21" s="327">
        <v>0</v>
      </c>
      <c r="FI21" s="327">
        <v>0</v>
      </c>
      <c r="FJ21" s="328">
        <v>0</v>
      </c>
      <c r="FK21" s="330">
        <v>0</v>
      </c>
      <c r="FL21" s="326">
        <v>31136</v>
      </c>
      <c r="FM21" s="327">
        <v>89341</v>
      </c>
      <c r="FN21" s="328">
        <v>120477</v>
      </c>
      <c r="FO21" s="326">
        <v>0</v>
      </c>
      <c r="FP21" s="327">
        <v>70336</v>
      </c>
      <c r="FQ21" s="327">
        <v>410739</v>
      </c>
      <c r="FR21" s="327">
        <v>223055</v>
      </c>
      <c r="FS21" s="327">
        <v>268989</v>
      </c>
      <c r="FT21" s="327">
        <v>194446</v>
      </c>
      <c r="FU21" s="328">
        <v>1167565</v>
      </c>
      <c r="FV21" s="330">
        <v>1288042</v>
      </c>
      <c r="FW21" s="333">
        <v>31136</v>
      </c>
      <c r="FX21" s="327">
        <v>56826</v>
      </c>
      <c r="FY21" s="331">
        <v>87962</v>
      </c>
      <c r="FZ21" s="332">
        <v>0</v>
      </c>
      <c r="GA21" s="327">
        <v>70336</v>
      </c>
      <c r="GB21" s="327">
        <v>410739</v>
      </c>
      <c r="GC21" s="327">
        <v>223055</v>
      </c>
      <c r="GD21" s="327">
        <v>248661</v>
      </c>
      <c r="GE21" s="327">
        <v>194446</v>
      </c>
      <c r="GF21" s="328">
        <v>1147237</v>
      </c>
      <c r="GG21" s="334">
        <v>1235199</v>
      </c>
      <c r="GH21" s="333">
        <v>0</v>
      </c>
      <c r="GI21" s="327">
        <v>0</v>
      </c>
      <c r="GJ21" s="331">
        <v>0</v>
      </c>
      <c r="GK21" s="332">
        <v>0</v>
      </c>
      <c r="GL21" s="327">
        <v>0</v>
      </c>
      <c r="GM21" s="327">
        <v>0</v>
      </c>
      <c r="GN21" s="327">
        <v>0</v>
      </c>
      <c r="GO21" s="327">
        <v>20328</v>
      </c>
      <c r="GP21" s="327">
        <v>0</v>
      </c>
      <c r="GQ21" s="328">
        <v>20328</v>
      </c>
      <c r="GR21" s="330">
        <v>20328</v>
      </c>
      <c r="GS21" s="326">
        <v>0</v>
      </c>
      <c r="GT21" s="327">
        <v>32515</v>
      </c>
      <c r="GU21" s="328">
        <v>32515</v>
      </c>
      <c r="GV21" s="326">
        <v>0</v>
      </c>
      <c r="GW21" s="327">
        <v>0</v>
      </c>
      <c r="GX21" s="327">
        <v>0</v>
      </c>
      <c r="GY21" s="327">
        <v>0</v>
      </c>
      <c r="GZ21" s="327">
        <v>0</v>
      </c>
      <c r="HA21" s="327">
        <v>0</v>
      </c>
      <c r="HB21" s="331">
        <v>0</v>
      </c>
      <c r="HC21" s="330">
        <v>32515</v>
      </c>
      <c r="HD21" s="326">
        <v>196188</v>
      </c>
      <c r="HE21" s="327">
        <v>79550</v>
      </c>
      <c r="HF21" s="331">
        <v>275738</v>
      </c>
      <c r="HG21" s="332">
        <v>0</v>
      </c>
      <c r="HH21" s="327">
        <v>834911</v>
      </c>
      <c r="HI21" s="327">
        <v>756337</v>
      </c>
      <c r="HJ21" s="327">
        <v>1729163</v>
      </c>
      <c r="HK21" s="327">
        <v>1823360</v>
      </c>
      <c r="HL21" s="327">
        <v>615940</v>
      </c>
      <c r="HM21" s="328">
        <v>5759711</v>
      </c>
      <c r="HN21" s="329">
        <v>6035449</v>
      </c>
      <c r="HO21" s="333">
        <v>0</v>
      </c>
      <c r="HP21" s="327">
        <v>0</v>
      </c>
      <c r="HQ21" s="328">
        <v>0</v>
      </c>
      <c r="HR21" s="326">
        <v>0</v>
      </c>
      <c r="HS21" s="327">
        <v>0</v>
      </c>
      <c r="HT21" s="327">
        <v>0</v>
      </c>
      <c r="HU21" s="327">
        <v>0</v>
      </c>
      <c r="HV21" s="327">
        <v>0</v>
      </c>
      <c r="HW21" s="327">
        <v>0</v>
      </c>
      <c r="HX21" s="331">
        <v>0</v>
      </c>
      <c r="HY21" s="330">
        <v>0</v>
      </c>
      <c r="HZ21" s="335">
        <v>0</v>
      </c>
      <c r="IA21" s="336">
        <v>62888</v>
      </c>
      <c r="IB21" s="337">
        <v>62888</v>
      </c>
      <c r="IC21" s="338">
        <v>0</v>
      </c>
      <c r="ID21" s="336">
        <v>673188</v>
      </c>
      <c r="IE21" s="339">
        <v>837070</v>
      </c>
      <c r="IF21" s="337">
        <v>740552</v>
      </c>
      <c r="IG21" s="336">
        <v>34211</v>
      </c>
      <c r="IH21" s="337">
        <v>253048</v>
      </c>
      <c r="II21" s="340">
        <v>2538069</v>
      </c>
      <c r="IJ21" s="341">
        <v>2600957</v>
      </c>
      <c r="IK21" s="342">
        <v>0</v>
      </c>
      <c r="IL21" s="343">
        <v>0</v>
      </c>
      <c r="IM21" s="344">
        <v>0</v>
      </c>
      <c r="IN21" s="404">
        <v>0</v>
      </c>
      <c r="IO21" s="345">
        <v>0</v>
      </c>
      <c r="IP21" s="345">
        <v>0</v>
      </c>
      <c r="IQ21" s="345">
        <v>0</v>
      </c>
      <c r="IR21" s="345">
        <v>0</v>
      </c>
      <c r="IS21" s="345">
        <v>0</v>
      </c>
      <c r="IT21" s="346">
        <v>0</v>
      </c>
      <c r="IU21" s="347">
        <v>0</v>
      </c>
      <c r="IV21" s="348">
        <v>0</v>
      </c>
      <c r="IW21" s="345">
        <v>0</v>
      </c>
      <c r="IX21" s="349">
        <v>0</v>
      </c>
      <c r="IY21" s="404">
        <v>0</v>
      </c>
      <c r="IZ21" s="345">
        <v>0</v>
      </c>
      <c r="JA21" s="345">
        <v>0</v>
      </c>
      <c r="JB21" s="345">
        <v>0</v>
      </c>
      <c r="JC21" s="345">
        <v>14025</v>
      </c>
      <c r="JD21" s="345">
        <v>0</v>
      </c>
      <c r="JE21" s="349">
        <v>14025</v>
      </c>
      <c r="JF21" s="350">
        <v>14025</v>
      </c>
      <c r="JG21" s="348">
        <v>0</v>
      </c>
      <c r="JH21" s="345">
        <v>0</v>
      </c>
      <c r="JI21" s="346">
        <v>0</v>
      </c>
      <c r="JJ21" s="351">
        <v>0</v>
      </c>
      <c r="JK21" s="345">
        <v>235144</v>
      </c>
      <c r="JL21" s="345">
        <v>333577</v>
      </c>
      <c r="JM21" s="345">
        <v>421717</v>
      </c>
      <c r="JN21" s="345">
        <v>20186</v>
      </c>
      <c r="JO21" s="345">
        <v>0</v>
      </c>
      <c r="JP21" s="349">
        <v>1010624</v>
      </c>
      <c r="JQ21" s="347">
        <v>1010624</v>
      </c>
      <c r="JR21" s="348">
        <v>0</v>
      </c>
      <c r="JS21" s="345">
        <v>0</v>
      </c>
      <c r="JT21" s="346">
        <v>0</v>
      </c>
      <c r="JU21" s="351">
        <v>0</v>
      </c>
      <c r="JV21" s="345">
        <v>34231</v>
      </c>
      <c r="JW21" s="345">
        <v>136318</v>
      </c>
      <c r="JX21" s="345">
        <v>95890</v>
      </c>
      <c r="JY21" s="345">
        <v>0</v>
      </c>
      <c r="JZ21" s="345">
        <v>0</v>
      </c>
      <c r="KA21" s="349">
        <v>266439</v>
      </c>
      <c r="KB21" s="347">
        <v>266439</v>
      </c>
      <c r="KC21" s="352">
        <v>0</v>
      </c>
      <c r="KD21" s="353">
        <v>62888</v>
      </c>
      <c r="KE21" s="349">
        <v>62888</v>
      </c>
      <c r="KF21" s="351">
        <v>0</v>
      </c>
      <c r="KG21" s="345">
        <v>205858</v>
      </c>
      <c r="KH21" s="345">
        <v>160477</v>
      </c>
      <c r="KI21" s="345">
        <v>0</v>
      </c>
      <c r="KJ21" s="345">
        <v>0</v>
      </c>
      <c r="KK21" s="345">
        <v>253048</v>
      </c>
      <c r="KL21" s="349">
        <v>619383</v>
      </c>
      <c r="KM21" s="354">
        <v>682271</v>
      </c>
      <c r="KN21" s="342">
        <v>0</v>
      </c>
      <c r="KO21" s="343">
        <v>0</v>
      </c>
      <c r="KP21" s="344">
        <v>0</v>
      </c>
      <c r="KQ21" s="404">
        <v>0</v>
      </c>
      <c r="KR21" s="345">
        <v>197955</v>
      </c>
      <c r="KS21" s="345">
        <v>206698</v>
      </c>
      <c r="KT21" s="345">
        <v>222945</v>
      </c>
      <c r="KU21" s="345">
        <v>0</v>
      </c>
      <c r="KV21" s="345">
        <v>0</v>
      </c>
      <c r="KW21" s="349">
        <v>627598</v>
      </c>
      <c r="KX21" s="347">
        <v>627598</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0</v>
      </c>
      <c r="LR21" s="345">
        <v>0</v>
      </c>
      <c r="LS21" s="349">
        <v>0</v>
      </c>
      <c r="LT21" s="347">
        <v>0</v>
      </c>
      <c r="LU21" s="348">
        <v>0</v>
      </c>
      <c r="LV21" s="345">
        <v>0</v>
      </c>
      <c r="LW21" s="349">
        <v>0</v>
      </c>
      <c r="LX21" s="404">
        <v>0</v>
      </c>
      <c r="LY21" s="345">
        <v>0</v>
      </c>
      <c r="LZ21" s="345">
        <v>0</v>
      </c>
      <c r="MA21" s="345">
        <v>0</v>
      </c>
      <c r="MB21" s="345">
        <v>0</v>
      </c>
      <c r="MC21" s="345">
        <v>0</v>
      </c>
      <c r="MD21" s="349">
        <v>0</v>
      </c>
      <c r="ME21" s="350">
        <v>0</v>
      </c>
      <c r="MF21" s="348">
        <v>0</v>
      </c>
      <c r="MG21" s="345">
        <v>0</v>
      </c>
      <c r="MH21" s="349">
        <v>0</v>
      </c>
      <c r="MI21" s="404">
        <v>0</v>
      </c>
      <c r="MJ21" s="345">
        <v>207574</v>
      </c>
      <c r="MK21" s="345">
        <v>513133</v>
      </c>
      <c r="ML21" s="345">
        <v>2046442</v>
      </c>
      <c r="MM21" s="345">
        <v>3023482</v>
      </c>
      <c r="MN21" s="345">
        <v>734312</v>
      </c>
      <c r="MO21" s="349">
        <v>6524943</v>
      </c>
      <c r="MP21" s="354">
        <v>6524943</v>
      </c>
      <c r="MQ21" s="348">
        <v>0</v>
      </c>
      <c r="MR21" s="345">
        <v>0</v>
      </c>
      <c r="MS21" s="349">
        <v>0</v>
      </c>
      <c r="MT21" s="404">
        <v>0</v>
      </c>
      <c r="MU21" s="345">
        <v>0</v>
      </c>
      <c r="MV21" s="345">
        <v>0</v>
      </c>
      <c r="MW21" s="345">
        <v>1248150</v>
      </c>
      <c r="MX21" s="345">
        <v>2009382</v>
      </c>
      <c r="MY21" s="345">
        <v>734312</v>
      </c>
      <c r="MZ21" s="349">
        <v>3991844</v>
      </c>
      <c r="NA21" s="354">
        <v>3991844</v>
      </c>
      <c r="NB21" s="348">
        <v>0</v>
      </c>
      <c r="NC21" s="345">
        <v>0</v>
      </c>
      <c r="ND21" s="349">
        <v>0</v>
      </c>
      <c r="NE21" s="404">
        <v>0</v>
      </c>
      <c r="NF21" s="345">
        <v>207574</v>
      </c>
      <c r="NG21" s="345">
        <v>513133</v>
      </c>
      <c r="NH21" s="345">
        <v>798292</v>
      </c>
      <c r="NI21" s="345">
        <v>1014100</v>
      </c>
      <c r="NJ21" s="345">
        <v>0</v>
      </c>
      <c r="NK21" s="349">
        <v>2533099</v>
      </c>
      <c r="NL21" s="347">
        <v>2533099</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0</v>
      </c>
      <c r="OG21" s="349">
        <v>0</v>
      </c>
      <c r="OH21" s="350">
        <v>0</v>
      </c>
      <c r="OI21" s="348">
        <v>330405</v>
      </c>
      <c r="OJ21" s="345">
        <v>566514</v>
      </c>
      <c r="OK21" s="346">
        <v>896919</v>
      </c>
      <c r="OL21" s="351">
        <v>0</v>
      </c>
      <c r="OM21" s="345">
        <v>3343309</v>
      </c>
      <c r="ON21" s="345">
        <v>6463689</v>
      </c>
      <c r="OO21" s="345">
        <v>6596082</v>
      </c>
      <c r="OP21" s="345">
        <v>6570105</v>
      </c>
      <c r="OQ21" s="345">
        <v>2528536</v>
      </c>
      <c r="OR21" s="349">
        <v>25501721</v>
      </c>
      <c r="OS21" s="354">
        <v>26398640</v>
      </c>
    </row>
    <row r="22" spans="2:409" s="70" customFormat="1" ht="21" customHeight="1" x14ac:dyDescent="0.2">
      <c r="B22" s="106" t="s">
        <v>17</v>
      </c>
      <c r="C22" s="326">
        <v>568376</v>
      </c>
      <c r="D22" s="327">
        <v>999418</v>
      </c>
      <c r="E22" s="328">
        <v>1567794</v>
      </c>
      <c r="F22" s="329">
        <v>0</v>
      </c>
      <c r="G22" s="327">
        <v>3255271</v>
      </c>
      <c r="H22" s="327">
        <v>7219953</v>
      </c>
      <c r="I22" s="327">
        <v>6024270</v>
      </c>
      <c r="J22" s="327">
        <v>5725392</v>
      </c>
      <c r="K22" s="327">
        <v>2576110</v>
      </c>
      <c r="L22" s="329">
        <v>24800996</v>
      </c>
      <c r="M22" s="330">
        <v>26368790</v>
      </c>
      <c r="N22" s="326">
        <v>156457</v>
      </c>
      <c r="O22" s="327">
        <v>245336</v>
      </c>
      <c r="P22" s="328">
        <v>401793</v>
      </c>
      <c r="Q22" s="326">
        <v>0</v>
      </c>
      <c r="R22" s="327">
        <v>826053</v>
      </c>
      <c r="S22" s="327">
        <v>2346890</v>
      </c>
      <c r="T22" s="327">
        <v>2435796</v>
      </c>
      <c r="U22" s="327">
        <v>1622263</v>
      </c>
      <c r="V22" s="327">
        <v>1345038</v>
      </c>
      <c r="W22" s="328">
        <v>8576040</v>
      </c>
      <c r="X22" s="330">
        <v>8977833</v>
      </c>
      <c r="Y22" s="326">
        <v>0</v>
      </c>
      <c r="Z22" s="327">
        <v>0</v>
      </c>
      <c r="AA22" s="328">
        <v>0</v>
      </c>
      <c r="AB22" s="326">
        <v>0</v>
      </c>
      <c r="AC22" s="327">
        <v>422618</v>
      </c>
      <c r="AD22" s="327">
        <v>999117</v>
      </c>
      <c r="AE22" s="327">
        <v>1228041</v>
      </c>
      <c r="AF22" s="327">
        <v>524912</v>
      </c>
      <c r="AG22" s="327">
        <v>854461</v>
      </c>
      <c r="AH22" s="328">
        <v>4029149</v>
      </c>
      <c r="AI22" s="330">
        <v>4029149</v>
      </c>
      <c r="AJ22" s="326">
        <v>0</v>
      </c>
      <c r="AK22" s="327">
        <v>0</v>
      </c>
      <c r="AL22" s="328">
        <v>0</v>
      </c>
      <c r="AM22" s="326">
        <v>0</v>
      </c>
      <c r="AN22" s="327">
        <v>0</v>
      </c>
      <c r="AO22" s="327">
        <v>0</v>
      </c>
      <c r="AP22" s="327">
        <v>31171</v>
      </c>
      <c r="AQ22" s="327">
        <v>182285</v>
      </c>
      <c r="AR22" s="327">
        <v>95534</v>
      </c>
      <c r="AS22" s="328">
        <v>308990</v>
      </c>
      <c r="AT22" s="330">
        <v>308990</v>
      </c>
      <c r="AU22" s="326">
        <v>47367</v>
      </c>
      <c r="AV22" s="327">
        <v>190085</v>
      </c>
      <c r="AW22" s="328">
        <v>237452</v>
      </c>
      <c r="AX22" s="326">
        <v>0</v>
      </c>
      <c r="AY22" s="327">
        <v>197040</v>
      </c>
      <c r="AZ22" s="327">
        <v>921863</v>
      </c>
      <c r="BA22" s="327">
        <v>721551</v>
      </c>
      <c r="BB22" s="327">
        <v>591088</v>
      </c>
      <c r="BC22" s="327">
        <v>168698</v>
      </c>
      <c r="BD22" s="328">
        <v>2600240</v>
      </c>
      <c r="BE22" s="330">
        <v>2837692</v>
      </c>
      <c r="BF22" s="326">
        <v>20946</v>
      </c>
      <c r="BG22" s="327">
        <v>0</v>
      </c>
      <c r="BH22" s="331">
        <v>20946</v>
      </c>
      <c r="BI22" s="332">
        <v>0</v>
      </c>
      <c r="BJ22" s="327">
        <v>0</v>
      </c>
      <c r="BK22" s="327">
        <v>120997</v>
      </c>
      <c r="BL22" s="327">
        <v>90879</v>
      </c>
      <c r="BM22" s="327">
        <v>76325</v>
      </c>
      <c r="BN22" s="327">
        <v>31339</v>
      </c>
      <c r="BO22" s="328">
        <v>319540</v>
      </c>
      <c r="BP22" s="330">
        <v>340486</v>
      </c>
      <c r="BQ22" s="326">
        <v>88144</v>
      </c>
      <c r="BR22" s="327">
        <v>55251</v>
      </c>
      <c r="BS22" s="328">
        <v>143395</v>
      </c>
      <c r="BT22" s="326">
        <v>0</v>
      </c>
      <c r="BU22" s="327">
        <v>206395</v>
      </c>
      <c r="BV22" s="327">
        <v>304913</v>
      </c>
      <c r="BW22" s="327">
        <v>364154</v>
      </c>
      <c r="BX22" s="327">
        <v>247653</v>
      </c>
      <c r="BY22" s="327">
        <v>195006</v>
      </c>
      <c r="BZ22" s="328">
        <v>1318121</v>
      </c>
      <c r="CA22" s="330">
        <v>1461516</v>
      </c>
      <c r="CB22" s="326">
        <v>94390</v>
      </c>
      <c r="CC22" s="327">
        <v>139489</v>
      </c>
      <c r="CD22" s="328">
        <v>233879</v>
      </c>
      <c r="CE22" s="326">
        <v>0</v>
      </c>
      <c r="CF22" s="327">
        <v>944693</v>
      </c>
      <c r="CG22" s="327">
        <v>2235913</v>
      </c>
      <c r="CH22" s="327">
        <v>1465409</v>
      </c>
      <c r="CI22" s="327">
        <v>1402730</v>
      </c>
      <c r="CJ22" s="327">
        <v>270822</v>
      </c>
      <c r="CK22" s="328">
        <v>6319567</v>
      </c>
      <c r="CL22" s="330">
        <v>6553446</v>
      </c>
      <c r="CM22" s="326">
        <v>0</v>
      </c>
      <c r="CN22" s="327">
        <v>0</v>
      </c>
      <c r="CO22" s="328">
        <v>0</v>
      </c>
      <c r="CP22" s="332">
        <v>0</v>
      </c>
      <c r="CQ22" s="327">
        <v>768892</v>
      </c>
      <c r="CR22" s="327">
        <v>1463819</v>
      </c>
      <c r="CS22" s="327">
        <v>1055747</v>
      </c>
      <c r="CT22" s="327">
        <v>925288</v>
      </c>
      <c r="CU22" s="327">
        <v>206335</v>
      </c>
      <c r="CV22" s="328">
        <v>4420081</v>
      </c>
      <c r="CW22" s="330">
        <v>4420081</v>
      </c>
      <c r="CX22" s="326">
        <v>94390</v>
      </c>
      <c r="CY22" s="327">
        <v>139489</v>
      </c>
      <c r="CZ22" s="328">
        <v>233879</v>
      </c>
      <c r="DA22" s="326">
        <v>0</v>
      </c>
      <c r="DB22" s="327">
        <v>175801</v>
      </c>
      <c r="DC22" s="327">
        <v>772094</v>
      </c>
      <c r="DD22" s="327">
        <v>409662</v>
      </c>
      <c r="DE22" s="327">
        <v>477442</v>
      </c>
      <c r="DF22" s="327">
        <v>64487</v>
      </c>
      <c r="DG22" s="328">
        <v>1899486</v>
      </c>
      <c r="DH22" s="330">
        <v>2133365</v>
      </c>
      <c r="DI22" s="326">
        <v>0</v>
      </c>
      <c r="DJ22" s="327">
        <v>0</v>
      </c>
      <c r="DK22" s="331">
        <v>0</v>
      </c>
      <c r="DL22" s="332">
        <v>0</v>
      </c>
      <c r="DM22" s="327">
        <v>17898</v>
      </c>
      <c r="DN22" s="327">
        <v>534905</v>
      </c>
      <c r="DO22" s="327">
        <v>291406</v>
      </c>
      <c r="DP22" s="327">
        <v>393200</v>
      </c>
      <c r="DQ22" s="327">
        <v>107838</v>
      </c>
      <c r="DR22" s="328">
        <v>1345247</v>
      </c>
      <c r="DS22" s="330">
        <v>1345247</v>
      </c>
      <c r="DT22" s="326">
        <v>0</v>
      </c>
      <c r="DU22" s="327">
        <v>0</v>
      </c>
      <c r="DV22" s="328">
        <v>0</v>
      </c>
      <c r="DW22" s="326">
        <v>0</v>
      </c>
      <c r="DX22" s="327">
        <v>17898</v>
      </c>
      <c r="DY22" s="327">
        <v>358756</v>
      </c>
      <c r="DZ22" s="327">
        <v>291406</v>
      </c>
      <c r="EA22" s="327">
        <v>318747</v>
      </c>
      <c r="EB22" s="327">
        <v>107838</v>
      </c>
      <c r="EC22" s="328">
        <v>1094645</v>
      </c>
      <c r="ED22" s="330">
        <v>1094645</v>
      </c>
      <c r="EE22" s="326">
        <v>0</v>
      </c>
      <c r="EF22" s="331">
        <v>0</v>
      </c>
      <c r="EG22" s="328">
        <v>0</v>
      </c>
      <c r="EH22" s="326">
        <v>0</v>
      </c>
      <c r="EI22" s="327">
        <v>0</v>
      </c>
      <c r="EJ22" s="327">
        <v>176149</v>
      </c>
      <c r="EK22" s="327">
        <v>0</v>
      </c>
      <c r="EL22" s="327">
        <v>74453</v>
      </c>
      <c r="EM22" s="327">
        <v>0</v>
      </c>
      <c r="EN22" s="331">
        <v>250602</v>
      </c>
      <c r="EO22" s="330">
        <v>250602</v>
      </c>
      <c r="EP22" s="326">
        <v>0</v>
      </c>
      <c r="EQ22" s="327">
        <v>0</v>
      </c>
      <c r="ER22" s="331">
        <v>0</v>
      </c>
      <c r="ES22" s="332">
        <v>0</v>
      </c>
      <c r="ET22" s="327">
        <v>0</v>
      </c>
      <c r="EU22" s="327">
        <v>0</v>
      </c>
      <c r="EV22" s="327">
        <v>0</v>
      </c>
      <c r="EW22" s="327">
        <v>0</v>
      </c>
      <c r="EX22" s="327">
        <v>0</v>
      </c>
      <c r="EY22" s="328">
        <v>0</v>
      </c>
      <c r="EZ22" s="330">
        <v>0</v>
      </c>
      <c r="FA22" s="326">
        <v>0</v>
      </c>
      <c r="FB22" s="327">
        <v>0</v>
      </c>
      <c r="FC22" s="331">
        <v>0</v>
      </c>
      <c r="FD22" s="404">
        <v>0</v>
      </c>
      <c r="FE22" s="327">
        <v>0</v>
      </c>
      <c r="FF22" s="327">
        <v>0</v>
      </c>
      <c r="FG22" s="327">
        <v>0</v>
      </c>
      <c r="FH22" s="327">
        <v>0</v>
      </c>
      <c r="FI22" s="327">
        <v>0</v>
      </c>
      <c r="FJ22" s="328">
        <v>0</v>
      </c>
      <c r="FK22" s="330">
        <v>0</v>
      </c>
      <c r="FL22" s="326">
        <v>41972</v>
      </c>
      <c r="FM22" s="327">
        <v>156632</v>
      </c>
      <c r="FN22" s="328">
        <v>198604</v>
      </c>
      <c r="FO22" s="326">
        <v>0</v>
      </c>
      <c r="FP22" s="327">
        <v>185899</v>
      </c>
      <c r="FQ22" s="327">
        <v>820274</v>
      </c>
      <c r="FR22" s="327">
        <v>628754</v>
      </c>
      <c r="FS22" s="327">
        <v>462371</v>
      </c>
      <c r="FT22" s="327">
        <v>263956</v>
      </c>
      <c r="FU22" s="328">
        <v>2361254</v>
      </c>
      <c r="FV22" s="330">
        <v>2559858</v>
      </c>
      <c r="FW22" s="333">
        <v>41972</v>
      </c>
      <c r="FX22" s="327">
        <v>128632</v>
      </c>
      <c r="FY22" s="331">
        <v>170604</v>
      </c>
      <c r="FZ22" s="332">
        <v>0</v>
      </c>
      <c r="GA22" s="327">
        <v>135499</v>
      </c>
      <c r="GB22" s="327">
        <v>477274</v>
      </c>
      <c r="GC22" s="327">
        <v>628754</v>
      </c>
      <c r="GD22" s="327">
        <v>462371</v>
      </c>
      <c r="GE22" s="327">
        <v>263956</v>
      </c>
      <c r="GF22" s="328">
        <v>1967854</v>
      </c>
      <c r="GG22" s="334">
        <v>2138458</v>
      </c>
      <c r="GH22" s="333">
        <v>0</v>
      </c>
      <c r="GI22" s="327">
        <v>0</v>
      </c>
      <c r="GJ22" s="331">
        <v>0</v>
      </c>
      <c r="GK22" s="332">
        <v>0</v>
      </c>
      <c r="GL22" s="327">
        <v>0</v>
      </c>
      <c r="GM22" s="327">
        <v>0</v>
      </c>
      <c r="GN22" s="327">
        <v>0</v>
      </c>
      <c r="GO22" s="327">
        <v>0</v>
      </c>
      <c r="GP22" s="327">
        <v>0</v>
      </c>
      <c r="GQ22" s="328">
        <v>0</v>
      </c>
      <c r="GR22" s="330">
        <v>0</v>
      </c>
      <c r="GS22" s="326">
        <v>0</v>
      </c>
      <c r="GT22" s="327">
        <v>28000</v>
      </c>
      <c r="GU22" s="328">
        <v>28000</v>
      </c>
      <c r="GV22" s="326">
        <v>0</v>
      </c>
      <c r="GW22" s="327">
        <v>50400</v>
      </c>
      <c r="GX22" s="327">
        <v>343000</v>
      </c>
      <c r="GY22" s="327">
        <v>0</v>
      </c>
      <c r="GZ22" s="327">
        <v>0</v>
      </c>
      <c r="HA22" s="327">
        <v>0</v>
      </c>
      <c r="HB22" s="331">
        <v>393400</v>
      </c>
      <c r="HC22" s="330">
        <v>421400</v>
      </c>
      <c r="HD22" s="326">
        <v>275557</v>
      </c>
      <c r="HE22" s="327">
        <v>457961</v>
      </c>
      <c r="HF22" s="331">
        <v>733518</v>
      </c>
      <c r="HG22" s="332">
        <v>0</v>
      </c>
      <c r="HH22" s="327">
        <v>1280728</v>
      </c>
      <c r="HI22" s="327">
        <v>1281971</v>
      </c>
      <c r="HJ22" s="327">
        <v>1202905</v>
      </c>
      <c r="HK22" s="327">
        <v>1844828</v>
      </c>
      <c r="HL22" s="327">
        <v>588456</v>
      </c>
      <c r="HM22" s="328">
        <v>6198888</v>
      </c>
      <c r="HN22" s="329">
        <v>6932406</v>
      </c>
      <c r="HO22" s="333">
        <v>0</v>
      </c>
      <c r="HP22" s="327">
        <v>0</v>
      </c>
      <c r="HQ22" s="328">
        <v>0</v>
      </c>
      <c r="HR22" s="326">
        <v>0</v>
      </c>
      <c r="HS22" s="327">
        <v>0</v>
      </c>
      <c r="HT22" s="327">
        <v>0</v>
      </c>
      <c r="HU22" s="327">
        <v>0</v>
      </c>
      <c r="HV22" s="327">
        <v>0</v>
      </c>
      <c r="HW22" s="327">
        <v>0</v>
      </c>
      <c r="HX22" s="331">
        <v>0</v>
      </c>
      <c r="HY22" s="330">
        <v>0</v>
      </c>
      <c r="HZ22" s="358">
        <v>0</v>
      </c>
      <c r="IA22" s="356">
        <v>0</v>
      </c>
      <c r="IB22" s="358">
        <v>0</v>
      </c>
      <c r="IC22" s="355">
        <v>0</v>
      </c>
      <c r="ID22" s="356">
        <v>1354265</v>
      </c>
      <c r="IE22" s="357">
        <v>1300458</v>
      </c>
      <c r="IF22" s="358">
        <v>1475738</v>
      </c>
      <c r="IG22" s="356">
        <v>1865061</v>
      </c>
      <c r="IH22" s="358">
        <v>1301773</v>
      </c>
      <c r="II22" s="359">
        <v>7297295</v>
      </c>
      <c r="IJ22" s="358">
        <v>7297295</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903690</v>
      </c>
      <c r="JL22" s="345">
        <v>513126</v>
      </c>
      <c r="JM22" s="345">
        <v>366429</v>
      </c>
      <c r="JN22" s="345">
        <v>132708</v>
      </c>
      <c r="JO22" s="345">
        <v>97094</v>
      </c>
      <c r="JP22" s="349">
        <v>2013047</v>
      </c>
      <c r="JQ22" s="347">
        <v>2013047</v>
      </c>
      <c r="JR22" s="348">
        <v>0</v>
      </c>
      <c r="JS22" s="345">
        <v>0</v>
      </c>
      <c r="JT22" s="346">
        <v>0</v>
      </c>
      <c r="JU22" s="351">
        <v>0</v>
      </c>
      <c r="JV22" s="345">
        <v>128335</v>
      </c>
      <c r="JW22" s="345">
        <v>0</v>
      </c>
      <c r="JX22" s="345">
        <v>0</v>
      </c>
      <c r="JY22" s="345">
        <v>0</v>
      </c>
      <c r="JZ22" s="345">
        <v>0</v>
      </c>
      <c r="KA22" s="349">
        <v>128335</v>
      </c>
      <c r="KB22" s="347">
        <v>128335</v>
      </c>
      <c r="KC22" s="352">
        <v>0</v>
      </c>
      <c r="KD22" s="353">
        <v>0</v>
      </c>
      <c r="KE22" s="349">
        <v>0</v>
      </c>
      <c r="KF22" s="351">
        <v>0</v>
      </c>
      <c r="KG22" s="345">
        <v>116898</v>
      </c>
      <c r="KH22" s="345">
        <v>163081</v>
      </c>
      <c r="KI22" s="345">
        <v>224648</v>
      </c>
      <c r="KJ22" s="345">
        <v>481763</v>
      </c>
      <c r="KK22" s="345">
        <v>0</v>
      </c>
      <c r="KL22" s="349">
        <v>986390</v>
      </c>
      <c r="KM22" s="354">
        <v>986390</v>
      </c>
      <c r="KN22" s="342">
        <v>0</v>
      </c>
      <c r="KO22" s="343">
        <v>0</v>
      </c>
      <c r="KP22" s="344">
        <v>0</v>
      </c>
      <c r="KQ22" s="404">
        <v>0</v>
      </c>
      <c r="KR22" s="345">
        <v>205342</v>
      </c>
      <c r="KS22" s="345">
        <v>624251</v>
      </c>
      <c r="KT22" s="345">
        <v>667230</v>
      </c>
      <c r="KU22" s="345">
        <v>0</v>
      </c>
      <c r="KV22" s="345">
        <v>698107</v>
      </c>
      <c r="KW22" s="349">
        <v>2194930</v>
      </c>
      <c r="KX22" s="347">
        <v>2194930</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217431</v>
      </c>
      <c r="LQ22" s="345">
        <v>963802</v>
      </c>
      <c r="LR22" s="345">
        <v>506572</v>
      </c>
      <c r="LS22" s="349">
        <v>1687805</v>
      </c>
      <c r="LT22" s="347">
        <v>1687805</v>
      </c>
      <c r="LU22" s="348">
        <v>0</v>
      </c>
      <c r="LV22" s="345">
        <v>0</v>
      </c>
      <c r="LW22" s="349">
        <v>0</v>
      </c>
      <c r="LX22" s="404">
        <v>0</v>
      </c>
      <c r="LY22" s="345">
        <v>0</v>
      </c>
      <c r="LZ22" s="345">
        <v>0</v>
      </c>
      <c r="MA22" s="345">
        <v>0</v>
      </c>
      <c r="MB22" s="345">
        <v>286788</v>
      </c>
      <c r="MC22" s="345">
        <v>0</v>
      </c>
      <c r="MD22" s="349">
        <v>286788</v>
      </c>
      <c r="ME22" s="350">
        <v>286788</v>
      </c>
      <c r="MF22" s="348">
        <v>0</v>
      </c>
      <c r="MG22" s="345">
        <v>0</v>
      </c>
      <c r="MH22" s="349">
        <v>0</v>
      </c>
      <c r="MI22" s="404">
        <v>0</v>
      </c>
      <c r="MJ22" s="345">
        <v>206920</v>
      </c>
      <c r="MK22" s="345">
        <v>1232886</v>
      </c>
      <c r="ML22" s="345">
        <v>2285421</v>
      </c>
      <c r="MM22" s="345">
        <v>1768877</v>
      </c>
      <c r="MN22" s="345">
        <v>4014348</v>
      </c>
      <c r="MO22" s="349">
        <v>9508452</v>
      </c>
      <c r="MP22" s="354">
        <v>9508452</v>
      </c>
      <c r="MQ22" s="348">
        <v>0</v>
      </c>
      <c r="MR22" s="345">
        <v>0</v>
      </c>
      <c r="MS22" s="349">
        <v>0</v>
      </c>
      <c r="MT22" s="404">
        <v>0</v>
      </c>
      <c r="MU22" s="345">
        <v>0</v>
      </c>
      <c r="MV22" s="345">
        <v>214979</v>
      </c>
      <c r="MW22" s="345">
        <v>1058912</v>
      </c>
      <c r="MX22" s="345">
        <v>961009</v>
      </c>
      <c r="MY22" s="345">
        <v>1993275</v>
      </c>
      <c r="MZ22" s="349">
        <v>4228175</v>
      </c>
      <c r="NA22" s="354">
        <v>4228175</v>
      </c>
      <c r="NB22" s="348">
        <v>0</v>
      </c>
      <c r="NC22" s="345">
        <v>0</v>
      </c>
      <c r="ND22" s="349">
        <v>0</v>
      </c>
      <c r="NE22" s="404">
        <v>0</v>
      </c>
      <c r="NF22" s="345">
        <v>206920</v>
      </c>
      <c r="NG22" s="345">
        <v>1017907</v>
      </c>
      <c r="NH22" s="345">
        <v>1226509</v>
      </c>
      <c r="NI22" s="345">
        <v>807868</v>
      </c>
      <c r="NJ22" s="345">
        <v>1678196</v>
      </c>
      <c r="NK22" s="349">
        <v>4937400</v>
      </c>
      <c r="NL22" s="347">
        <v>4937400</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342877</v>
      </c>
      <c r="OG22" s="349">
        <v>342877</v>
      </c>
      <c r="OH22" s="350">
        <v>342877</v>
      </c>
      <c r="OI22" s="348">
        <v>568376</v>
      </c>
      <c r="OJ22" s="345">
        <v>999418</v>
      </c>
      <c r="OK22" s="346">
        <v>1567794</v>
      </c>
      <c r="OL22" s="351">
        <v>0</v>
      </c>
      <c r="OM22" s="345">
        <v>4816456</v>
      </c>
      <c r="ON22" s="345">
        <v>9753297</v>
      </c>
      <c r="OO22" s="345">
        <v>9785429</v>
      </c>
      <c r="OP22" s="345">
        <v>9359330</v>
      </c>
      <c r="OQ22" s="345">
        <v>7892231</v>
      </c>
      <c r="OR22" s="349">
        <v>41606743</v>
      </c>
      <c r="OS22" s="354">
        <v>43174537</v>
      </c>
    </row>
    <row r="23" spans="2:409" s="70" customFormat="1" ht="21" customHeight="1" x14ac:dyDescent="0.2">
      <c r="B23" s="106" t="s">
        <v>18</v>
      </c>
      <c r="C23" s="326">
        <v>557864</v>
      </c>
      <c r="D23" s="327">
        <v>812262</v>
      </c>
      <c r="E23" s="328">
        <v>1370126</v>
      </c>
      <c r="F23" s="329">
        <v>0</v>
      </c>
      <c r="G23" s="327">
        <v>5842864</v>
      </c>
      <c r="H23" s="327">
        <v>8562527</v>
      </c>
      <c r="I23" s="327">
        <v>7149493</v>
      </c>
      <c r="J23" s="327">
        <v>8722289</v>
      </c>
      <c r="K23" s="327">
        <v>6660456</v>
      </c>
      <c r="L23" s="329">
        <v>36937629</v>
      </c>
      <c r="M23" s="330">
        <v>38307755</v>
      </c>
      <c r="N23" s="326">
        <v>186172</v>
      </c>
      <c r="O23" s="327">
        <v>200988</v>
      </c>
      <c r="P23" s="328">
        <v>387160</v>
      </c>
      <c r="Q23" s="326">
        <v>0</v>
      </c>
      <c r="R23" s="327">
        <v>1860358</v>
      </c>
      <c r="S23" s="327">
        <v>2598531</v>
      </c>
      <c r="T23" s="327">
        <v>3085718</v>
      </c>
      <c r="U23" s="327">
        <v>3129043</v>
      </c>
      <c r="V23" s="327">
        <v>2032908</v>
      </c>
      <c r="W23" s="328">
        <v>12706558</v>
      </c>
      <c r="X23" s="330">
        <v>13093718</v>
      </c>
      <c r="Y23" s="326">
        <v>0</v>
      </c>
      <c r="Z23" s="327">
        <v>0</v>
      </c>
      <c r="AA23" s="328">
        <v>0</v>
      </c>
      <c r="AB23" s="326">
        <v>0</v>
      </c>
      <c r="AC23" s="327">
        <v>677464</v>
      </c>
      <c r="AD23" s="327">
        <v>829116</v>
      </c>
      <c r="AE23" s="327">
        <v>1642905</v>
      </c>
      <c r="AF23" s="327">
        <v>1539566</v>
      </c>
      <c r="AG23" s="327">
        <v>682585</v>
      </c>
      <c r="AH23" s="328">
        <v>5371636</v>
      </c>
      <c r="AI23" s="330">
        <v>5371636</v>
      </c>
      <c r="AJ23" s="326">
        <v>0</v>
      </c>
      <c r="AK23" s="327">
        <v>0</v>
      </c>
      <c r="AL23" s="328">
        <v>0</v>
      </c>
      <c r="AM23" s="326">
        <v>0</v>
      </c>
      <c r="AN23" s="327">
        <v>0</v>
      </c>
      <c r="AO23" s="327">
        <v>0</v>
      </c>
      <c r="AP23" s="327">
        <v>40550</v>
      </c>
      <c r="AQ23" s="327">
        <v>218042</v>
      </c>
      <c r="AR23" s="327">
        <v>156641</v>
      </c>
      <c r="AS23" s="328">
        <v>415233</v>
      </c>
      <c r="AT23" s="330">
        <v>415233</v>
      </c>
      <c r="AU23" s="326">
        <v>117543</v>
      </c>
      <c r="AV23" s="327">
        <v>116480</v>
      </c>
      <c r="AW23" s="328">
        <v>234023</v>
      </c>
      <c r="AX23" s="326">
        <v>0</v>
      </c>
      <c r="AY23" s="327">
        <v>801301</v>
      </c>
      <c r="AZ23" s="327">
        <v>1272631</v>
      </c>
      <c r="BA23" s="327">
        <v>850342</v>
      </c>
      <c r="BB23" s="327">
        <v>798929</v>
      </c>
      <c r="BC23" s="327">
        <v>818262</v>
      </c>
      <c r="BD23" s="328">
        <v>4541465</v>
      </c>
      <c r="BE23" s="330">
        <v>4775488</v>
      </c>
      <c r="BF23" s="326">
        <v>27294</v>
      </c>
      <c r="BG23" s="327">
        <v>18491</v>
      </c>
      <c r="BH23" s="331">
        <v>45785</v>
      </c>
      <c r="BI23" s="332">
        <v>0</v>
      </c>
      <c r="BJ23" s="327">
        <v>28240</v>
      </c>
      <c r="BK23" s="327">
        <v>86367</v>
      </c>
      <c r="BL23" s="327">
        <v>138851</v>
      </c>
      <c r="BM23" s="327">
        <v>67106</v>
      </c>
      <c r="BN23" s="327">
        <v>43179</v>
      </c>
      <c r="BO23" s="328">
        <v>363743</v>
      </c>
      <c r="BP23" s="330">
        <v>409528</v>
      </c>
      <c r="BQ23" s="326">
        <v>41335</v>
      </c>
      <c r="BR23" s="327">
        <v>66017</v>
      </c>
      <c r="BS23" s="328">
        <v>107352</v>
      </c>
      <c r="BT23" s="326">
        <v>0</v>
      </c>
      <c r="BU23" s="327">
        <v>353353</v>
      </c>
      <c r="BV23" s="327">
        <v>410417</v>
      </c>
      <c r="BW23" s="327">
        <v>413070</v>
      </c>
      <c r="BX23" s="327">
        <v>505400</v>
      </c>
      <c r="BY23" s="327">
        <v>332241</v>
      </c>
      <c r="BZ23" s="328">
        <v>2014481</v>
      </c>
      <c r="CA23" s="330">
        <v>2121833</v>
      </c>
      <c r="CB23" s="326">
        <v>131076</v>
      </c>
      <c r="CC23" s="327">
        <v>246498</v>
      </c>
      <c r="CD23" s="328">
        <v>377574</v>
      </c>
      <c r="CE23" s="326">
        <v>0</v>
      </c>
      <c r="CF23" s="327">
        <v>1747475</v>
      </c>
      <c r="CG23" s="327">
        <v>3120609</v>
      </c>
      <c r="CH23" s="327">
        <v>1371941</v>
      </c>
      <c r="CI23" s="327">
        <v>1267092</v>
      </c>
      <c r="CJ23" s="327">
        <v>742938</v>
      </c>
      <c r="CK23" s="328">
        <v>8250055</v>
      </c>
      <c r="CL23" s="330">
        <v>8627629</v>
      </c>
      <c r="CM23" s="326">
        <v>0</v>
      </c>
      <c r="CN23" s="327">
        <v>0</v>
      </c>
      <c r="CO23" s="328">
        <v>0</v>
      </c>
      <c r="CP23" s="332">
        <v>0</v>
      </c>
      <c r="CQ23" s="327">
        <v>1319841</v>
      </c>
      <c r="CR23" s="327">
        <v>2498782</v>
      </c>
      <c r="CS23" s="327">
        <v>784743</v>
      </c>
      <c r="CT23" s="327">
        <v>939853</v>
      </c>
      <c r="CU23" s="327">
        <v>667280</v>
      </c>
      <c r="CV23" s="328">
        <v>6210499</v>
      </c>
      <c r="CW23" s="330">
        <v>6210499</v>
      </c>
      <c r="CX23" s="326">
        <v>131076</v>
      </c>
      <c r="CY23" s="327">
        <v>246498</v>
      </c>
      <c r="CZ23" s="328">
        <v>377574</v>
      </c>
      <c r="DA23" s="326">
        <v>0</v>
      </c>
      <c r="DB23" s="327">
        <v>427634</v>
      </c>
      <c r="DC23" s="327">
        <v>621827</v>
      </c>
      <c r="DD23" s="327">
        <v>587198</v>
      </c>
      <c r="DE23" s="327">
        <v>327239</v>
      </c>
      <c r="DF23" s="327">
        <v>75658</v>
      </c>
      <c r="DG23" s="328">
        <v>2039556</v>
      </c>
      <c r="DH23" s="330">
        <v>2417130</v>
      </c>
      <c r="DI23" s="326">
        <v>26238</v>
      </c>
      <c r="DJ23" s="327">
        <v>23395</v>
      </c>
      <c r="DK23" s="331">
        <v>49633</v>
      </c>
      <c r="DL23" s="332">
        <v>0</v>
      </c>
      <c r="DM23" s="327">
        <v>161242</v>
      </c>
      <c r="DN23" s="327">
        <v>403041</v>
      </c>
      <c r="DO23" s="327">
        <v>816727</v>
      </c>
      <c r="DP23" s="327">
        <v>936258</v>
      </c>
      <c r="DQ23" s="327">
        <v>916430</v>
      </c>
      <c r="DR23" s="328">
        <v>3233698</v>
      </c>
      <c r="DS23" s="330">
        <v>3283331</v>
      </c>
      <c r="DT23" s="326">
        <v>26238</v>
      </c>
      <c r="DU23" s="327">
        <v>23395</v>
      </c>
      <c r="DV23" s="328">
        <v>49633</v>
      </c>
      <c r="DW23" s="326">
        <v>0</v>
      </c>
      <c r="DX23" s="327">
        <v>161242</v>
      </c>
      <c r="DY23" s="327">
        <v>331447</v>
      </c>
      <c r="DZ23" s="327">
        <v>816727</v>
      </c>
      <c r="EA23" s="327">
        <v>936258</v>
      </c>
      <c r="EB23" s="327">
        <v>916430</v>
      </c>
      <c r="EC23" s="328">
        <v>3162104</v>
      </c>
      <c r="ED23" s="330">
        <v>3211737</v>
      </c>
      <c r="EE23" s="326">
        <v>0</v>
      </c>
      <c r="EF23" s="331">
        <v>0</v>
      </c>
      <c r="EG23" s="328">
        <v>0</v>
      </c>
      <c r="EH23" s="326">
        <v>0</v>
      </c>
      <c r="EI23" s="327">
        <v>0</v>
      </c>
      <c r="EJ23" s="327">
        <v>71594</v>
      </c>
      <c r="EK23" s="327">
        <v>0</v>
      </c>
      <c r="EL23" s="327">
        <v>0</v>
      </c>
      <c r="EM23" s="327">
        <v>0</v>
      </c>
      <c r="EN23" s="331">
        <v>71594</v>
      </c>
      <c r="EO23" s="330">
        <v>71594</v>
      </c>
      <c r="EP23" s="326">
        <v>0</v>
      </c>
      <c r="EQ23" s="327">
        <v>0</v>
      </c>
      <c r="ER23" s="331">
        <v>0</v>
      </c>
      <c r="ES23" s="332">
        <v>0</v>
      </c>
      <c r="ET23" s="327">
        <v>0</v>
      </c>
      <c r="EU23" s="327">
        <v>0</v>
      </c>
      <c r="EV23" s="327">
        <v>0</v>
      </c>
      <c r="EW23" s="327">
        <v>0</v>
      </c>
      <c r="EX23" s="327">
        <v>0</v>
      </c>
      <c r="EY23" s="328">
        <v>0</v>
      </c>
      <c r="EZ23" s="330">
        <v>0</v>
      </c>
      <c r="FA23" s="326">
        <v>0</v>
      </c>
      <c r="FB23" s="327">
        <v>0</v>
      </c>
      <c r="FC23" s="331">
        <v>0</v>
      </c>
      <c r="FD23" s="404">
        <v>0</v>
      </c>
      <c r="FE23" s="327">
        <v>0</v>
      </c>
      <c r="FF23" s="327">
        <v>0</v>
      </c>
      <c r="FG23" s="327">
        <v>0</v>
      </c>
      <c r="FH23" s="327">
        <v>0</v>
      </c>
      <c r="FI23" s="327">
        <v>0</v>
      </c>
      <c r="FJ23" s="328">
        <v>0</v>
      </c>
      <c r="FK23" s="330">
        <v>0</v>
      </c>
      <c r="FL23" s="326">
        <v>36099</v>
      </c>
      <c r="FM23" s="327">
        <v>182223</v>
      </c>
      <c r="FN23" s="328">
        <v>218322</v>
      </c>
      <c r="FO23" s="326">
        <v>0</v>
      </c>
      <c r="FP23" s="327">
        <v>598269</v>
      </c>
      <c r="FQ23" s="327">
        <v>728577</v>
      </c>
      <c r="FR23" s="327">
        <v>659227</v>
      </c>
      <c r="FS23" s="327">
        <v>510755</v>
      </c>
      <c r="FT23" s="327">
        <v>267211</v>
      </c>
      <c r="FU23" s="328">
        <v>2764039</v>
      </c>
      <c r="FV23" s="330">
        <v>2982361</v>
      </c>
      <c r="FW23" s="333">
        <v>36099</v>
      </c>
      <c r="FX23" s="327">
        <v>137423</v>
      </c>
      <c r="FY23" s="331">
        <v>173522</v>
      </c>
      <c r="FZ23" s="332">
        <v>0</v>
      </c>
      <c r="GA23" s="327">
        <v>376404</v>
      </c>
      <c r="GB23" s="327">
        <v>667401</v>
      </c>
      <c r="GC23" s="327">
        <v>629601</v>
      </c>
      <c r="GD23" s="327">
        <v>510755</v>
      </c>
      <c r="GE23" s="327">
        <v>249711</v>
      </c>
      <c r="GF23" s="328">
        <v>2433872</v>
      </c>
      <c r="GG23" s="334">
        <v>2607394</v>
      </c>
      <c r="GH23" s="333">
        <v>0</v>
      </c>
      <c r="GI23" s="327">
        <v>0</v>
      </c>
      <c r="GJ23" s="331">
        <v>0</v>
      </c>
      <c r="GK23" s="332">
        <v>0</v>
      </c>
      <c r="GL23" s="327">
        <v>0</v>
      </c>
      <c r="GM23" s="327">
        <v>61176</v>
      </c>
      <c r="GN23" s="327">
        <v>29626</v>
      </c>
      <c r="GO23" s="327">
        <v>0</v>
      </c>
      <c r="GP23" s="327">
        <v>17500</v>
      </c>
      <c r="GQ23" s="328">
        <v>108302</v>
      </c>
      <c r="GR23" s="330">
        <v>108302</v>
      </c>
      <c r="GS23" s="326">
        <v>0</v>
      </c>
      <c r="GT23" s="327">
        <v>44800</v>
      </c>
      <c r="GU23" s="328">
        <v>44800</v>
      </c>
      <c r="GV23" s="326">
        <v>0</v>
      </c>
      <c r="GW23" s="327">
        <v>221865</v>
      </c>
      <c r="GX23" s="327">
        <v>0</v>
      </c>
      <c r="GY23" s="327">
        <v>0</v>
      </c>
      <c r="GZ23" s="327">
        <v>0</v>
      </c>
      <c r="HA23" s="327">
        <v>0</v>
      </c>
      <c r="HB23" s="331">
        <v>221865</v>
      </c>
      <c r="HC23" s="330">
        <v>266665</v>
      </c>
      <c r="HD23" s="326">
        <v>178279</v>
      </c>
      <c r="HE23" s="327">
        <v>159158</v>
      </c>
      <c r="HF23" s="331">
        <v>337437</v>
      </c>
      <c r="HG23" s="332">
        <v>0</v>
      </c>
      <c r="HH23" s="327">
        <v>1475520</v>
      </c>
      <c r="HI23" s="327">
        <v>1711769</v>
      </c>
      <c r="HJ23" s="327">
        <v>1215880</v>
      </c>
      <c r="HK23" s="327">
        <v>2879141</v>
      </c>
      <c r="HL23" s="327">
        <v>2700969</v>
      </c>
      <c r="HM23" s="328">
        <v>9983279</v>
      </c>
      <c r="HN23" s="329">
        <v>10320716</v>
      </c>
      <c r="HO23" s="333">
        <v>0</v>
      </c>
      <c r="HP23" s="327">
        <v>0</v>
      </c>
      <c r="HQ23" s="328">
        <v>0</v>
      </c>
      <c r="HR23" s="326">
        <v>0</v>
      </c>
      <c r="HS23" s="327">
        <v>0</v>
      </c>
      <c r="HT23" s="327">
        <v>0</v>
      </c>
      <c r="HU23" s="327">
        <v>0</v>
      </c>
      <c r="HV23" s="327">
        <v>0</v>
      </c>
      <c r="HW23" s="327">
        <v>0</v>
      </c>
      <c r="HX23" s="331">
        <v>0</v>
      </c>
      <c r="HY23" s="330">
        <v>0</v>
      </c>
      <c r="HZ23" s="335">
        <v>0</v>
      </c>
      <c r="IA23" s="336">
        <v>0</v>
      </c>
      <c r="IB23" s="337">
        <v>0</v>
      </c>
      <c r="IC23" s="338">
        <v>0</v>
      </c>
      <c r="ID23" s="336">
        <v>1101945</v>
      </c>
      <c r="IE23" s="339">
        <v>1433549</v>
      </c>
      <c r="IF23" s="337">
        <v>3289115</v>
      </c>
      <c r="IG23" s="336">
        <v>921312</v>
      </c>
      <c r="IH23" s="337">
        <v>1758849</v>
      </c>
      <c r="II23" s="340">
        <v>8504770</v>
      </c>
      <c r="IJ23" s="341">
        <v>8504770</v>
      </c>
      <c r="IK23" s="342">
        <v>0</v>
      </c>
      <c r="IL23" s="343">
        <v>0</v>
      </c>
      <c r="IM23" s="344">
        <v>0</v>
      </c>
      <c r="IN23" s="404">
        <v>0</v>
      </c>
      <c r="IO23" s="345">
        <v>67319</v>
      </c>
      <c r="IP23" s="345">
        <v>0</v>
      </c>
      <c r="IQ23" s="345">
        <v>0</v>
      </c>
      <c r="IR23" s="345">
        <v>0</v>
      </c>
      <c r="IS23" s="345">
        <v>0</v>
      </c>
      <c r="IT23" s="346">
        <v>67319</v>
      </c>
      <c r="IU23" s="347">
        <v>67319</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509349</v>
      </c>
      <c r="JL23" s="345">
        <v>253935</v>
      </c>
      <c r="JM23" s="345">
        <v>402037</v>
      </c>
      <c r="JN23" s="345">
        <v>190407</v>
      </c>
      <c r="JO23" s="345">
        <v>0</v>
      </c>
      <c r="JP23" s="349">
        <v>1355728</v>
      </c>
      <c r="JQ23" s="347">
        <v>1355728</v>
      </c>
      <c r="JR23" s="348">
        <v>0</v>
      </c>
      <c r="JS23" s="345">
        <v>0</v>
      </c>
      <c r="JT23" s="346">
        <v>0</v>
      </c>
      <c r="JU23" s="351">
        <v>0</v>
      </c>
      <c r="JV23" s="345">
        <v>0</v>
      </c>
      <c r="JW23" s="345">
        <v>0</v>
      </c>
      <c r="JX23" s="345">
        <v>151827</v>
      </c>
      <c r="JY23" s="345">
        <v>266176</v>
      </c>
      <c r="JZ23" s="345">
        <v>0</v>
      </c>
      <c r="KA23" s="349">
        <v>418003</v>
      </c>
      <c r="KB23" s="347">
        <v>418003</v>
      </c>
      <c r="KC23" s="352">
        <v>0</v>
      </c>
      <c r="KD23" s="353">
        <v>0</v>
      </c>
      <c r="KE23" s="349">
        <v>0</v>
      </c>
      <c r="KF23" s="351">
        <v>0</v>
      </c>
      <c r="KG23" s="345">
        <v>116165</v>
      </c>
      <c r="KH23" s="345">
        <v>148955</v>
      </c>
      <c r="KI23" s="345">
        <v>964270</v>
      </c>
      <c r="KJ23" s="345">
        <v>0</v>
      </c>
      <c r="KK23" s="345">
        <v>0</v>
      </c>
      <c r="KL23" s="349">
        <v>1229390</v>
      </c>
      <c r="KM23" s="354">
        <v>1229390</v>
      </c>
      <c r="KN23" s="342">
        <v>0</v>
      </c>
      <c r="KO23" s="343">
        <v>0</v>
      </c>
      <c r="KP23" s="344">
        <v>0</v>
      </c>
      <c r="KQ23" s="404">
        <v>0</v>
      </c>
      <c r="KR23" s="345">
        <v>409112</v>
      </c>
      <c r="KS23" s="345">
        <v>1030659</v>
      </c>
      <c r="KT23" s="345">
        <v>1513622</v>
      </c>
      <c r="KU23" s="345">
        <v>0</v>
      </c>
      <c r="KV23" s="345">
        <v>226816</v>
      </c>
      <c r="KW23" s="349">
        <v>3180209</v>
      </c>
      <c r="KX23" s="347">
        <v>3180209</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0</v>
      </c>
      <c r="LQ23" s="345">
        <v>252389</v>
      </c>
      <c r="LR23" s="345">
        <v>269696</v>
      </c>
      <c r="LS23" s="349">
        <v>522085</v>
      </c>
      <c r="LT23" s="347">
        <v>522085</v>
      </c>
      <c r="LU23" s="348">
        <v>0</v>
      </c>
      <c r="LV23" s="345">
        <v>0</v>
      </c>
      <c r="LW23" s="349">
        <v>0</v>
      </c>
      <c r="LX23" s="404">
        <v>0</v>
      </c>
      <c r="LY23" s="345">
        <v>0</v>
      </c>
      <c r="LZ23" s="345">
        <v>0</v>
      </c>
      <c r="MA23" s="345">
        <v>257359</v>
      </c>
      <c r="MB23" s="345">
        <v>212340</v>
      </c>
      <c r="MC23" s="345">
        <v>1262337</v>
      </c>
      <c r="MD23" s="349">
        <v>1732036</v>
      </c>
      <c r="ME23" s="350">
        <v>1732036</v>
      </c>
      <c r="MF23" s="348">
        <v>0</v>
      </c>
      <c r="MG23" s="345">
        <v>0</v>
      </c>
      <c r="MH23" s="349">
        <v>0</v>
      </c>
      <c r="MI23" s="404">
        <v>0</v>
      </c>
      <c r="MJ23" s="345">
        <v>392474</v>
      </c>
      <c r="MK23" s="345">
        <v>609052</v>
      </c>
      <c r="ML23" s="345">
        <v>2473231</v>
      </c>
      <c r="MM23" s="345">
        <v>3285030</v>
      </c>
      <c r="MN23" s="345">
        <v>2414513</v>
      </c>
      <c r="MO23" s="349">
        <v>9174300</v>
      </c>
      <c r="MP23" s="354">
        <v>9174300</v>
      </c>
      <c r="MQ23" s="348">
        <v>0</v>
      </c>
      <c r="MR23" s="345">
        <v>0</v>
      </c>
      <c r="MS23" s="349">
        <v>0</v>
      </c>
      <c r="MT23" s="404">
        <v>0</v>
      </c>
      <c r="MU23" s="345">
        <v>0</v>
      </c>
      <c r="MV23" s="345">
        <v>193730</v>
      </c>
      <c r="MW23" s="345">
        <v>1518166</v>
      </c>
      <c r="MX23" s="345">
        <v>1526928</v>
      </c>
      <c r="MY23" s="345">
        <v>2299923</v>
      </c>
      <c r="MZ23" s="349">
        <v>5538747</v>
      </c>
      <c r="NA23" s="354">
        <v>5538747</v>
      </c>
      <c r="NB23" s="348">
        <v>0</v>
      </c>
      <c r="NC23" s="345">
        <v>0</v>
      </c>
      <c r="ND23" s="349">
        <v>0</v>
      </c>
      <c r="NE23" s="404">
        <v>0</v>
      </c>
      <c r="NF23" s="345">
        <v>392474</v>
      </c>
      <c r="NG23" s="345">
        <v>415322</v>
      </c>
      <c r="NH23" s="345">
        <v>955065</v>
      </c>
      <c r="NI23" s="345">
        <v>1475615</v>
      </c>
      <c r="NJ23" s="345">
        <v>114590</v>
      </c>
      <c r="NK23" s="349">
        <v>3353066</v>
      </c>
      <c r="NL23" s="347">
        <v>3353066</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282487</v>
      </c>
      <c r="OF23" s="345">
        <v>0</v>
      </c>
      <c r="OG23" s="349">
        <v>282487</v>
      </c>
      <c r="OH23" s="350">
        <v>282487</v>
      </c>
      <c r="OI23" s="348">
        <v>557864</v>
      </c>
      <c r="OJ23" s="345">
        <v>812262</v>
      </c>
      <c r="OK23" s="346">
        <v>1370126</v>
      </c>
      <c r="OL23" s="351">
        <v>0</v>
      </c>
      <c r="OM23" s="345">
        <v>7337283</v>
      </c>
      <c r="ON23" s="345">
        <v>10605128</v>
      </c>
      <c r="OO23" s="345">
        <v>12911839</v>
      </c>
      <c r="OP23" s="345">
        <v>12928631</v>
      </c>
      <c r="OQ23" s="345">
        <v>10833818</v>
      </c>
      <c r="OR23" s="349">
        <v>54616699</v>
      </c>
      <c r="OS23" s="354">
        <v>55986825</v>
      </c>
    </row>
    <row r="24" spans="2:409" s="70" customFormat="1" ht="21" customHeight="1" x14ac:dyDescent="0.2">
      <c r="B24" s="106" t="s">
        <v>19</v>
      </c>
      <c r="C24" s="326">
        <v>236834</v>
      </c>
      <c r="D24" s="327">
        <v>337574</v>
      </c>
      <c r="E24" s="328">
        <v>574408</v>
      </c>
      <c r="F24" s="329">
        <v>0</v>
      </c>
      <c r="G24" s="327">
        <v>2040746</v>
      </c>
      <c r="H24" s="327">
        <v>3401631</v>
      </c>
      <c r="I24" s="327">
        <v>2894059</v>
      </c>
      <c r="J24" s="327">
        <v>1788685</v>
      </c>
      <c r="K24" s="327">
        <v>1384256</v>
      </c>
      <c r="L24" s="329">
        <v>11509377</v>
      </c>
      <c r="M24" s="330">
        <v>12083785</v>
      </c>
      <c r="N24" s="326">
        <v>102171</v>
      </c>
      <c r="O24" s="327">
        <v>222351</v>
      </c>
      <c r="P24" s="328">
        <v>324522</v>
      </c>
      <c r="Q24" s="326">
        <v>0</v>
      </c>
      <c r="R24" s="327">
        <v>749466</v>
      </c>
      <c r="S24" s="327">
        <v>1228356</v>
      </c>
      <c r="T24" s="327">
        <v>1013920</v>
      </c>
      <c r="U24" s="327">
        <v>434747</v>
      </c>
      <c r="V24" s="327">
        <v>238459</v>
      </c>
      <c r="W24" s="328">
        <v>3664948</v>
      </c>
      <c r="X24" s="330">
        <v>3989470</v>
      </c>
      <c r="Y24" s="326">
        <v>0</v>
      </c>
      <c r="Z24" s="327">
        <v>0</v>
      </c>
      <c r="AA24" s="328">
        <v>0</v>
      </c>
      <c r="AB24" s="326">
        <v>0</v>
      </c>
      <c r="AC24" s="327">
        <v>205136</v>
      </c>
      <c r="AD24" s="327">
        <v>558632</v>
      </c>
      <c r="AE24" s="327">
        <v>381529</v>
      </c>
      <c r="AF24" s="327">
        <v>69422</v>
      </c>
      <c r="AG24" s="327">
        <v>9273</v>
      </c>
      <c r="AH24" s="328">
        <v>1223992</v>
      </c>
      <c r="AI24" s="330">
        <v>1223992</v>
      </c>
      <c r="AJ24" s="326">
        <v>0</v>
      </c>
      <c r="AK24" s="327">
        <v>0</v>
      </c>
      <c r="AL24" s="328">
        <v>0</v>
      </c>
      <c r="AM24" s="326">
        <v>0</v>
      </c>
      <c r="AN24" s="327">
        <v>0</v>
      </c>
      <c r="AO24" s="327">
        <v>20021</v>
      </c>
      <c r="AP24" s="327">
        <v>41506</v>
      </c>
      <c r="AQ24" s="327">
        <v>10364</v>
      </c>
      <c r="AR24" s="327">
        <v>42782</v>
      </c>
      <c r="AS24" s="328">
        <v>114673</v>
      </c>
      <c r="AT24" s="330">
        <v>114673</v>
      </c>
      <c r="AU24" s="326">
        <v>63139</v>
      </c>
      <c r="AV24" s="327">
        <v>188093</v>
      </c>
      <c r="AW24" s="328">
        <v>251232</v>
      </c>
      <c r="AX24" s="326">
        <v>0</v>
      </c>
      <c r="AY24" s="327">
        <v>376453</v>
      </c>
      <c r="AZ24" s="327">
        <v>437666</v>
      </c>
      <c r="BA24" s="327">
        <v>422864</v>
      </c>
      <c r="BB24" s="327">
        <v>181810</v>
      </c>
      <c r="BC24" s="327">
        <v>56435</v>
      </c>
      <c r="BD24" s="328">
        <v>1475228</v>
      </c>
      <c r="BE24" s="330">
        <v>1726460</v>
      </c>
      <c r="BF24" s="326">
        <v>0</v>
      </c>
      <c r="BG24" s="327">
        <v>0</v>
      </c>
      <c r="BH24" s="331">
        <v>0</v>
      </c>
      <c r="BI24" s="332">
        <v>0</v>
      </c>
      <c r="BJ24" s="327">
        <v>38321</v>
      </c>
      <c r="BK24" s="327">
        <v>0</v>
      </c>
      <c r="BL24" s="327">
        <v>0</v>
      </c>
      <c r="BM24" s="327">
        <v>62215</v>
      </c>
      <c r="BN24" s="327">
        <v>0</v>
      </c>
      <c r="BO24" s="328">
        <v>100536</v>
      </c>
      <c r="BP24" s="330">
        <v>100536</v>
      </c>
      <c r="BQ24" s="326">
        <v>39032</v>
      </c>
      <c r="BR24" s="327">
        <v>34258</v>
      </c>
      <c r="BS24" s="328">
        <v>73290</v>
      </c>
      <c r="BT24" s="326">
        <v>0</v>
      </c>
      <c r="BU24" s="327">
        <v>129556</v>
      </c>
      <c r="BV24" s="327">
        <v>212037</v>
      </c>
      <c r="BW24" s="327">
        <v>168021</v>
      </c>
      <c r="BX24" s="327">
        <v>110936</v>
      </c>
      <c r="BY24" s="327">
        <v>129969</v>
      </c>
      <c r="BZ24" s="328">
        <v>750519</v>
      </c>
      <c r="CA24" s="330">
        <v>823809</v>
      </c>
      <c r="CB24" s="326">
        <v>55976</v>
      </c>
      <c r="CC24" s="327">
        <v>0</v>
      </c>
      <c r="CD24" s="328">
        <v>55976</v>
      </c>
      <c r="CE24" s="326">
        <v>0</v>
      </c>
      <c r="CF24" s="327">
        <v>1081320</v>
      </c>
      <c r="CG24" s="327">
        <v>901698</v>
      </c>
      <c r="CH24" s="327">
        <v>558200</v>
      </c>
      <c r="CI24" s="327">
        <v>379953</v>
      </c>
      <c r="CJ24" s="327">
        <v>588676</v>
      </c>
      <c r="CK24" s="328">
        <v>3509847</v>
      </c>
      <c r="CL24" s="330">
        <v>3565823</v>
      </c>
      <c r="CM24" s="326">
        <v>0</v>
      </c>
      <c r="CN24" s="327">
        <v>0</v>
      </c>
      <c r="CO24" s="328">
        <v>0</v>
      </c>
      <c r="CP24" s="332">
        <v>0</v>
      </c>
      <c r="CQ24" s="327">
        <v>636322</v>
      </c>
      <c r="CR24" s="327">
        <v>695807</v>
      </c>
      <c r="CS24" s="327">
        <v>255167</v>
      </c>
      <c r="CT24" s="327">
        <v>77544</v>
      </c>
      <c r="CU24" s="327">
        <v>444101</v>
      </c>
      <c r="CV24" s="328">
        <v>2108941</v>
      </c>
      <c r="CW24" s="330">
        <v>2108941</v>
      </c>
      <c r="CX24" s="326">
        <v>55976</v>
      </c>
      <c r="CY24" s="327">
        <v>0</v>
      </c>
      <c r="CZ24" s="328">
        <v>55976</v>
      </c>
      <c r="DA24" s="326">
        <v>0</v>
      </c>
      <c r="DB24" s="327">
        <v>444998</v>
      </c>
      <c r="DC24" s="327">
        <v>205891</v>
      </c>
      <c r="DD24" s="327">
        <v>303033</v>
      </c>
      <c r="DE24" s="327">
        <v>302409</v>
      </c>
      <c r="DF24" s="327">
        <v>144575</v>
      </c>
      <c r="DG24" s="328">
        <v>1400906</v>
      </c>
      <c r="DH24" s="330">
        <v>1456882</v>
      </c>
      <c r="DI24" s="326">
        <v>0</v>
      </c>
      <c r="DJ24" s="327">
        <v>16436</v>
      </c>
      <c r="DK24" s="331">
        <v>16436</v>
      </c>
      <c r="DL24" s="332">
        <v>0</v>
      </c>
      <c r="DM24" s="327">
        <v>89960</v>
      </c>
      <c r="DN24" s="327">
        <v>253674</v>
      </c>
      <c r="DO24" s="327">
        <v>39111</v>
      </c>
      <c r="DP24" s="327">
        <v>108854</v>
      </c>
      <c r="DQ24" s="327">
        <v>0</v>
      </c>
      <c r="DR24" s="328">
        <v>491599</v>
      </c>
      <c r="DS24" s="330">
        <v>508035</v>
      </c>
      <c r="DT24" s="326">
        <v>0</v>
      </c>
      <c r="DU24" s="327">
        <v>16436</v>
      </c>
      <c r="DV24" s="328">
        <v>16436</v>
      </c>
      <c r="DW24" s="326">
        <v>0</v>
      </c>
      <c r="DX24" s="327">
        <v>71051</v>
      </c>
      <c r="DY24" s="327">
        <v>253674</v>
      </c>
      <c r="DZ24" s="327">
        <v>39111</v>
      </c>
      <c r="EA24" s="327">
        <v>0</v>
      </c>
      <c r="EB24" s="327">
        <v>0</v>
      </c>
      <c r="EC24" s="328">
        <v>363836</v>
      </c>
      <c r="ED24" s="330">
        <v>380272</v>
      </c>
      <c r="EE24" s="326">
        <v>0</v>
      </c>
      <c r="EF24" s="331">
        <v>0</v>
      </c>
      <c r="EG24" s="328">
        <v>0</v>
      </c>
      <c r="EH24" s="326">
        <v>0</v>
      </c>
      <c r="EI24" s="327">
        <v>18909</v>
      </c>
      <c r="EJ24" s="327">
        <v>0</v>
      </c>
      <c r="EK24" s="327">
        <v>0</v>
      </c>
      <c r="EL24" s="327">
        <v>108854</v>
      </c>
      <c r="EM24" s="327">
        <v>0</v>
      </c>
      <c r="EN24" s="331">
        <v>127763</v>
      </c>
      <c r="EO24" s="330">
        <v>127763</v>
      </c>
      <c r="EP24" s="326">
        <v>0</v>
      </c>
      <c r="EQ24" s="327">
        <v>0</v>
      </c>
      <c r="ER24" s="331">
        <v>0</v>
      </c>
      <c r="ES24" s="332">
        <v>0</v>
      </c>
      <c r="ET24" s="327">
        <v>0</v>
      </c>
      <c r="EU24" s="327">
        <v>0</v>
      </c>
      <c r="EV24" s="327">
        <v>0</v>
      </c>
      <c r="EW24" s="327">
        <v>0</v>
      </c>
      <c r="EX24" s="327">
        <v>0</v>
      </c>
      <c r="EY24" s="328">
        <v>0</v>
      </c>
      <c r="EZ24" s="330">
        <v>0</v>
      </c>
      <c r="FA24" s="326">
        <v>0</v>
      </c>
      <c r="FB24" s="327">
        <v>0</v>
      </c>
      <c r="FC24" s="331">
        <v>0</v>
      </c>
      <c r="FD24" s="404">
        <v>0</v>
      </c>
      <c r="FE24" s="327">
        <v>0</v>
      </c>
      <c r="FF24" s="327">
        <v>0</v>
      </c>
      <c r="FG24" s="327">
        <v>0</v>
      </c>
      <c r="FH24" s="327">
        <v>0</v>
      </c>
      <c r="FI24" s="327">
        <v>0</v>
      </c>
      <c r="FJ24" s="328">
        <v>0</v>
      </c>
      <c r="FK24" s="330">
        <v>0</v>
      </c>
      <c r="FL24" s="326">
        <v>32620</v>
      </c>
      <c r="FM24" s="327">
        <v>16450</v>
      </c>
      <c r="FN24" s="328">
        <v>49070</v>
      </c>
      <c r="FO24" s="326">
        <v>0</v>
      </c>
      <c r="FP24" s="327">
        <v>156849</v>
      </c>
      <c r="FQ24" s="327">
        <v>300713</v>
      </c>
      <c r="FR24" s="327">
        <v>251979</v>
      </c>
      <c r="FS24" s="327">
        <v>94500</v>
      </c>
      <c r="FT24" s="327">
        <v>125482</v>
      </c>
      <c r="FU24" s="328">
        <v>929523</v>
      </c>
      <c r="FV24" s="330">
        <v>978593</v>
      </c>
      <c r="FW24" s="333">
        <v>32620</v>
      </c>
      <c r="FX24" s="327">
        <v>16450</v>
      </c>
      <c r="FY24" s="331">
        <v>49070</v>
      </c>
      <c r="FZ24" s="332">
        <v>0</v>
      </c>
      <c r="GA24" s="327">
        <v>156849</v>
      </c>
      <c r="GB24" s="327">
        <v>276458</v>
      </c>
      <c r="GC24" s="327">
        <v>232267</v>
      </c>
      <c r="GD24" s="327">
        <v>94500</v>
      </c>
      <c r="GE24" s="327">
        <v>125482</v>
      </c>
      <c r="GF24" s="328">
        <v>885556</v>
      </c>
      <c r="GG24" s="334">
        <v>934626</v>
      </c>
      <c r="GH24" s="333">
        <v>0</v>
      </c>
      <c r="GI24" s="327">
        <v>0</v>
      </c>
      <c r="GJ24" s="331">
        <v>0</v>
      </c>
      <c r="GK24" s="332">
        <v>0</v>
      </c>
      <c r="GL24" s="327">
        <v>0</v>
      </c>
      <c r="GM24" s="327">
        <v>24255</v>
      </c>
      <c r="GN24" s="327">
        <v>19712</v>
      </c>
      <c r="GO24" s="327">
        <v>0</v>
      </c>
      <c r="GP24" s="327">
        <v>0</v>
      </c>
      <c r="GQ24" s="328">
        <v>43967</v>
      </c>
      <c r="GR24" s="330">
        <v>43967</v>
      </c>
      <c r="GS24" s="326">
        <v>0</v>
      </c>
      <c r="GT24" s="327">
        <v>0</v>
      </c>
      <c r="GU24" s="328">
        <v>0</v>
      </c>
      <c r="GV24" s="326">
        <v>0</v>
      </c>
      <c r="GW24" s="327">
        <v>0</v>
      </c>
      <c r="GX24" s="327">
        <v>0</v>
      </c>
      <c r="GY24" s="327">
        <v>0</v>
      </c>
      <c r="GZ24" s="327">
        <v>0</v>
      </c>
      <c r="HA24" s="327">
        <v>0</v>
      </c>
      <c r="HB24" s="331">
        <v>0</v>
      </c>
      <c r="HC24" s="330">
        <v>0</v>
      </c>
      <c r="HD24" s="326">
        <v>46067</v>
      </c>
      <c r="HE24" s="327">
        <v>82337</v>
      </c>
      <c r="HF24" s="331">
        <v>128404</v>
      </c>
      <c r="HG24" s="332">
        <v>0</v>
      </c>
      <c r="HH24" s="327">
        <v>-36849</v>
      </c>
      <c r="HI24" s="327">
        <v>717190</v>
      </c>
      <c r="HJ24" s="327">
        <v>1030849</v>
      </c>
      <c r="HK24" s="327">
        <v>770631</v>
      </c>
      <c r="HL24" s="327">
        <v>431639</v>
      </c>
      <c r="HM24" s="328">
        <v>2913460</v>
      </c>
      <c r="HN24" s="329">
        <v>3041864</v>
      </c>
      <c r="HO24" s="333">
        <v>0</v>
      </c>
      <c r="HP24" s="327">
        <v>0</v>
      </c>
      <c r="HQ24" s="328">
        <v>0</v>
      </c>
      <c r="HR24" s="326">
        <v>0</v>
      </c>
      <c r="HS24" s="327">
        <v>0</v>
      </c>
      <c r="HT24" s="327">
        <v>0</v>
      </c>
      <c r="HU24" s="327">
        <v>0</v>
      </c>
      <c r="HV24" s="327">
        <v>0</v>
      </c>
      <c r="HW24" s="327">
        <v>0</v>
      </c>
      <c r="HX24" s="331">
        <v>0</v>
      </c>
      <c r="HY24" s="330">
        <v>0</v>
      </c>
      <c r="HZ24" s="358">
        <v>0</v>
      </c>
      <c r="IA24" s="356">
        <v>0</v>
      </c>
      <c r="IB24" s="358">
        <v>0</v>
      </c>
      <c r="IC24" s="355">
        <v>0</v>
      </c>
      <c r="ID24" s="356">
        <v>522726</v>
      </c>
      <c r="IE24" s="357">
        <v>586312</v>
      </c>
      <c r="IF24" s="358">
        <v>511661</v>
      </c>
      <c r="IG24" s="356">
        <v>184283</v>
      </c>
      <c r="IH24" s="358">
        <v>1434046</v>
      </c>
      <c r="II24" s="359">
        <v>3239028</v>
      </c>
      <c r="IJ24" s="358">
        <v>3239028</v>
      </c>
      <c r="IK24" s="342">
        <v>0</v>
      </c>
      <c r="IL24" s="343">
        <v>0</v>
      </c>
      <c r="IM24" s="344">
        <v>0</v>
      </c>
      <c r="IN24" s="404">
        <v>0</v>
      </c>
      <c r="IO24" s="345">
        <v>0</v>
      </c>
      <c r="IP24" s="345">
        <v>176530</v>
      </c>
      <c r="IQ24" s="345">
        <v>0</v>
      </c>
      <c r="IR24" s="345">
        <v>0</v>
      </c>
      <c r="IS24" s="345">
        <v>0</v>
      </c>
      <c r="IT24" s="346">
        <v>176530</v>
      </c>
      <c r="IU24" s="347">
        <v>176530</v>
      </c>
      <c r="IV24" s="348">
        <v>0</v>
      </c>
      <c r="IW24" s="345">
        <v>0</v>
      </c>
      <c r="IX24" s="349">
        <v>0</v>
      </c>
      <c r="IY24" s="404">
        <v>0</v>
      </c>
      <c r="IZ24" s="345">
        <v>0</v>
      </c>
      <c r="JA24" s="345">
        <v>0</v>
      </c>
      <c r="JB24" s="345">
        <v>0</v>
      </c>
      <c r="JC24" s="345">
        <v>8598</v>
      </c>
      <c r="JD24" s="345">
        <v>0</v>
      </c>
      <c r="JE24" s="349">
        <v>8598</v>
      </c>
      <c r="JF24" s="350">
        <v>8598</v>
      </c>
      <c r="JG24" s="348">
        <v>0</v>
      </c>
      <c r="JH24" s="345">
        <v>0</v>
      </c>
      <c r="JI24" s="346">
        <v>0</v>
      </c>
      <c r="JJ24" s="351">
        <v>0</v>
      </c>
      <c r="JK24" s="345">
        <v>306946</v>
      </c>
      <c r="JL24" s="345">
        <v>344935</v>
      </c>
      <c r="JM24" s="345">
        <v>48822</v>
      </c>
      <c r="JN24" s="345">
        <v>139913</v>
      </c>
      <c r="JO24" s="345">
        <v>0</v>
      </c>
      <c r="JP24" s="349">
        <v>840616</v>
      </c>
      <c r="JQ24" s="347">
        <v>840616</v>
      </c>
      <c r="JR24" s="348">
        <v>0</v>
      </c>
      <c r="JS24" s="345">
        <v>0</v>
      </c>
      <c r="JT24" s="346">
        <v>0</v>
      </c>
      <c r="JU24" s="351">
        <v>0</v>
      </c>
      <c r="JV24" s="345">
        <v>101011</v>
      </c>
      <c r="JW24" s="345">
        <v>64847</v>
      </c>
      <c r="JX24" s="345">
        <v>35484</v>
      </c>
      <c r="JY24" s="345">
        <v>35772</v>
      </c>
      <c r="JZ24" s="345">
        <v>0</v>
      </c>
      <c r="KA24" s="349">
        <v>237114</v>
      </c>
      <c r="KB24" s="347">
        <v>237114</v>
      </c>
      <c r="KC24" s="352">
        <v>0</v>
      </c>
      <c r="KD24" s="353">
        <v>0</v>
      </c>
      <c r="KE24" s="349">
        <v>0</v>
      </c>
      <c r="KF24" s="351">
        <v>0</v>
      </c>
      <c r="KG24" s="345">
        <v>114769</v>
      </c>
      <c r="KH24" s="345">
        <v>0</v>
      </c>
      <c r="KI24" s="345">
        <v>211446</v>
      </c>
      <c r="KJ24" s="345">
        <v>0</v>
      </c>
      <c r="KK24" s="345">
        <v>0</v>
      </c>
      <c r="KL24" s="349">
        <v>326215</v>
      </c>
      <c r="KM24" s="354">
        <v>326215</v>
      </c>
      <c r="KN24" s="342">
        <v>0</v>
      </c>
      <c r="KO24" s="343">
        <v>0</v>
      </c>
      <c r="KP24" s="344">
        <v>0</v>
      </c>
      <c r="KQ24" s="404">
        <v>0</v>
      </c>
      <c r="KR24" s="345">
        <v>0</v>
      </c>
      <c r="KS24" s="345">
        <v>0</v>
      </c>
      <c r="KT24" s="345">
        <v>215909</v>
      </c>
      <c r="KU24" s="345">
        <v>0</v>
      </c>
      <c r="KV24" s="345">
        <v>459797</v>
      </c>
      <c r="KW24" s="349">
        <v>675706</v>
      </c>
      <c r="KX24" s="347">
        <v>675706</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0</v>
      </c>
      <c r="MB24" s="345">
        <v>0</v>
      </c>
      <c r="MC24" s="345">
        <v>974249</v>
      </c>
      <c r="MD24" s="349">
        <v>974249</v>
      </c>
      <c r="ME24" s="350">
        <v>974249</v>
      </c>
      <c r="MF24" s="348">
        <v>0</v>
      </c>
      <c r="MG24" s="345">
        <v>0</v>
      </c>
      <c r="MH24" s="349">
        <v>0</v>
      </c>
      <c r="MI24" s="404">
        <v>0</v>
      </c>
      <c r="MJ24" s="345">
        <v>250319</v>
      </c>
      <c r="MK24" s="345">
        <v>516664</v>
      </c>
      <c r="ML24" s="345">
        <v>1798388</v>
      </c>
      <c r="MM24" s="345">
        <v>463432</v>
      </c>
      <c r="MN24" s="345">
        <v>1136635</v>
      </c>
      <c r="MO24" s="349">
        <v>4165438</v>
      </c>
      <c r="MP24" s="354">
        <v>4165438</v>
      </c>
      <c r="MQ24" s="348">
        <v>0</v>
      </c>
      <c r="MR24" s="345">
        <v>0</v>
      </c>
      <c r="MS24" s="349">
        <v>0</v>
      </c>
      <c r="MT24" s="404">
        <v>0</v>
      </c>
      <c r="MU24" s="345">
        <v>0</v>
      </c>
      <c r="MV24" s="345">
        <v>0</v>
      </c>
      <c r="MW24" s="345">
        <v>569866</v>
      </c>
      <c r="MX24" s="345">
        <v>223706</v>
      </c>
      <c r="MY24" s="345">
        <v>252784</v>
      </c>
      <c r="MZ24" s="349">
        <v>1046356</v>
      </c>
      <c r="NA24" s="354">
        <v>1046356</v>
      </c>
      <c r="NB24" s="348">
        <v>0</v>
      </c>
      <c r="NC24" s="345">
        <v>0</v>
      </c>
      <c r="ND24" s="349">
        <v>0</v>
      </c>
      <c r="NE24" s="404">
        <v>0</v>
      </c>
      <c r="NF24" s="345">
        <v>250319</v>
      </c>
      <c r="NG24" s="345">
        <v>516664</v>
      </c>
      <c r="NH24" s="345">
        <v>1228522</v>
      </c>
      <c r="NI24" s="345">
        <v>239726</v>
      </c>
      <c r="NJ24" s="345">
        <v>541477</v>
      </c>
      <c r="NK24" s="349">
        <v>2776708</v>
      </c>
      <c r="NL24" s="347">
        <v>2776708</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342374</v>
      </c>
      <c r="OG24" s="349">
        <v>342374</v>
      </c>
      <c r="OH24" s="350">
        <v>342374</v>
      </c>
      <c r="OI24" s="348">
        <v>236834</v>
      </c>
      <c r="OJ24" s="345">
        <v>337574</v>
      </c>
      <c r="OK24" s="346">
        <v>574408</v>
      </c>
      <c r="OL24" s="351">
        <v>0</v>
      </c>
      <c r="OM24" s="345">
        <v>2813791</v>
      </c>
      <c r="ON24" s="345">
        <v>4504607</v>
      </c>
      <c r="OO24" s="345">
        <v>5204108</v>
      </c>
      <c r="OP24" s="345">
        <v>2436400</v>
      </c>
      <c r="OQ24" s="345">
        <v>3954937</v>
      </c>
      <c r="OR24" s="349">
        <v>18913843</v>
      </c>
      <c r="OS24" s="354">
        <v>19488251</v>
      </c>
    </row>
    <row r="25" spans="2:409" s="70" customFormat="1" ht="21" customHeight="1" x14ac:dyDescent="0.2">
      <c r="B25" s="106" t="s">
        <v>20</v>
      </c>
      <c r="C25" s="326">
        <v>211437</v>
      </c>
      <c r="D25" s="327">
        <v>661176</v>
      </c>
      <c r="E25" s="328">
        <v>872613</v>
      </c>
      <c r="F25" s="326">
        <v>0</v>
      </c>
      <c r="G25" s="327">
        <v>3243519</v>
      </c>
      <c r="H25" s="327">
        <v>4837233</v>
      </c>
      <c r="I25" s="327">
        <v>3118593</v>
      </c>
      <c r="J25" s="327">
        <v>3504649</v>
      </c>
      <c r="K25" s="327">
        <v>2646062</v>
      </c>
      <c r="L25" s="367">
        <v>17350056</v>
      </c>
      <c r="M25" s="330">
        <v>18222669</v>
      </c>
      <c r="N25" s="326">
        <v>77376</v>
      </c>
      <c r="O25" s="327">
        <v>150151</v>
      </c>
      <c r="P25" s="328">
        <v>227527</v>
      </c>
      <c r="Q25" s="326">
        <v>0</v>
      </c>
      <c r="R25" s="327">
        <v>1374789</v>
      </c>
      <c r="S25" s="327">
        <v>1755577</v>
      </c>
      <c r="T25" s="327">
        <v>825300</v>
      </c>
      <c r="U25" s="327">
        <v>1273130</v>
      </c>
      <c r="V25" s="327">
        <v>1095757</v>
      </c>
      <c r="W25" s="328">
        <v>6324553</v>
      </c>
      <c r="X25" s="330">
        <v>6552080</v>
      </c>
      <c r="Y25" s="326">
        <v>0</v>
      </c>
      <c r="Z25" s="327">
        <v>0</v>
      </c>
      <c r="AA25" s="328">
        <v>0</v>
      </c>
      <c r="AB25" s="326">
        <v>0</v>
      </c>
      <c r="AC25" s="327">
        <v>489817</v>
      </c>
      <c r="AD25" s="327">
        <v>869365</v>
      </c>
      <c r="AE25" s="327">
        <v>254083</v>
      </c>
      <c r="AF25" s="327">
        <v>551658</v>
      </c>
      <c r="AG25" s="327">
        <v>704513</v>
      </c>
      <c r="AH25" s="328">
        <v>2869436</v>
      </c>
      <c r="AI25" s="330">
        <v>2869436</v>
      </c>
      <c r="AJ25" s="326">
        <v>0</v>
      </c>
      <c r="AK25" s="327">
        <v>0</v>
      </c>
      <c r="AL25" s="328">
        <v>0</v>
      </c>
      <c r="AM25" s="326">
        <v>0</v>
      </c>
      <c r="AN25" s="327">
        <v>0</v>
      </c>
      <c r="AO25" s="327">
        <v>0</v>
      </c>
      <c r="AP25" s="327">
        <v>0</v>
      </c>
      <c r="AQ25" s="327">
        <v>253136</v>
      </c>
      <c r="AR25" s="327">
        <v>121913</v>
      </c>
      <c r="AS25" s="328">
        <v>375049</v>
      </c>
      <c r="AT25" s="330">
        <v>375049</v>
      </c>
      <c r="AU25" s="326">
        <v>50776</v>
      </c>
      <c r="AV25" s="327">
        <v>78952</v>
      </c>
      <c r="AW25" s="328">
        <v>129728</v>
      </c>
      <c r="AX25" s="326">
        <v>0</v>
      </c>
      <c r="AY25" s="327">
        <v>591675</v>
      </c>
      <c r="AZ25" s="327">
        <v>554590</v>
      </c>
      <c r="BA25" s="327">
        <v>369606</v>
      </c>
      <c r="BB25" s="327">
        <v>260985</v>
      </c>
      <c r="BC25" s="327">
        <v>103681</v>
      </c>
      <c r="BD25" s="328">
        <v>1880537</v>
      </c>
      <c r="BE25" s="330">
        <v>2010265</v>
      </c>
      <c r="BF25" s="326">
        <v>0</v>
      </c>
      <c r="BG25" s="327">
        <v>55456</v>
      </c>
      <c r="BH25" s="331">
        <v>55456</v>
      </c>
      <c r="BI25" s="332">
        <v>0</v>
      </c>
      <c r="BJ25" s="327">
        <v>159471</v>
      </c>
      <c r="BK25" s="327">
        <v>115567</v>
      </c>
      <c r="BL25" s="327">
        <v>56053</v>
      </c>
      <c r="BM25" s="327">
        <v>56053</v>
      </c>
      <c r="BN25" s="327">
        <v>42891</v>
      </c>
      <c r="BO25" s="328">
        <v>430035</v>
      </c>
      <c r="BP25" s="330">
        <v>485491</v>
      </c>
      <c r="BQ25" s="326">
        <v>26600</v>
      </c>
      <c r="BR25" s="327">
        <v>15743</v>
      </c>
      <c r="BS25" s="328">
        <v>42343</v>
      </c>
      <c r="BT25" s="326">
        <v>0</v>
      </c>
      <c r="BU25" s="327">
        <v>133826</v>
      </c>
      <c r="BV25" s="327">
        <v>216055</v>
      </c>
      <c r="BW25" s="327">
        <v>145558</v>
      </c>
      <c r="BX25" s="327">
        <v>151298</v>
      </c>
      <c r="BY25" s="327">
        <v>122759</v>
      </c>
      <c r="BZ25" s="328">
        <v>769496</v>
      </c>
      <c r="CA25" s="330">
        <v>811839</v>
      </c>
      <c r="CB25" s="326">
        <v>0</v>
      </c>
      <c r="CC25" s="327">
        <v>103251</v>
      </c>
      <c r="CD25" s="328">
        <v>103251</v>
      </c>
      <c r="CE25" s="326">
        <v>0</v>
      </c>
      <c r="CF25" s="327">
        <v>910431</v>
      </c>
      <c r="CG25" s="327">
        <v>1272668</v>
      </c>
      <c r="CH25" s="327">
        <v>968462</v>
      </c>
      <c r="CI25" s="327">
        <v>652226</v>
      </c>
      <c r="CJ25" s="327">
        <v>557590</v>
      </c>
      <c r="CK25" s="328">
        <v>4361377</v>
      </c>
      <c r="CL25" s="330">
        <v>4464628</v>
      </c>
      <c r="CM25" s="326">
        <v>0</v>
      </c>
      <c r="CN25" s="327">
        <v>0</v>
      </c>
      <c r="CO25" s="328">
        <v>0</v>
      </c>
      <c r="CP25" s="332">
        <v>0</v>
      </c>
      <c r="CQ25" s="327">
        <v>716366</v>
      </c>
      <c r="CR25" s="327">
        <v>715466</v>
      </c>
      <c r="CS25" s="327">
        <v>719629</v>
      </c>
      <c r="CT25" s="327">
        <v>272534</v>
      </c>
      <c r="CU25" s="327">
        <v>557590</v>
      </c>
      <c r="CV25" s="328">
        <v>2981585</v>
      </c>
      <c r="CW25" s="330">
        <v>2981585</v>
      </c>
      <c r="CX25" s="326">
        <v>0</v>
      </c>
      <c r="CY25" s="327">
        <v>103251</v>
      </c>
      <c r="CZ25" s="328">
        <v>103251</v>
      </c>
      <c r="DA25" s="326">
        <v>0</v>
      </c>
      <c r="DB25" s="327">
        <v>194065</v>
      </c>
      <c r="DC25" s="327">
        <v>557202</v>
      </c>
      <c r="DD25" s="327">
        <v>248833</v>
      </c>
      <c r="DE25" s="327">
        <v>379692</v>
      </c>
      <c r="DF25" s="327">
        <v>0</v>
      </c>
      <c r="DG25" s="328">
        <v>1379792</v>
      </c>
      <c r="DH25" s="330">
        <v>1483043</v>
      </c>
      <c r="DI25" s="326">
        <v>0</v>
      </c>
      <c r="DJ25" s="327">
        <v>0</v>
      </c>
      <c r="DK25" s="331">
        <v>0</v>
      </c>
      <c r="DL25" s="332">
        <v>0</v>
      </c>
      <c r="DM25" s="327">
        <v>107633</v>
      </c>
      <c r="DN25" s="327">
        <v>788673</v>
      </c>
      <c r="DO25" s="327">
        <v>170856</v>
      </c>
      <c r="DP25" s="327">
        <v>16617</v>
      </c>
      <c r="DQ25" s="327">
        <v>204161</v>
      </c>
      <c r="DR25" s="328">
        <v>1287940</v>
      </c>
      <c r="DS25" s="330">
        <v>1287940</v>
      </c>
      <c r="DT25" s="326">
        <v>0</v>
      </c>
      <c r="DU25" s="327">
        <v>0</v>
      </c>
      <c r="DV25" s="328">
        <v>0</v>
      </c>
      <c r="DW25" s="326">
        <v>0</v>
      </c>
      <c r="DX25" s="327">
        <v>77030</v>
      </c>
      <c r="DY25" s="327">
        <v>746059</v>
      </c>
      <c r="DZ25" s="327">
        <v>170856</v>
      </c>
      <c r="EA25" s="327">
        <v>16617</v>
      </c>
      <c r="EB25" s="327">
        <v>204161</v>
      </c>
      <c r="EC25" s="328">
        <v>1214723</v>
      </c>
      <c r="ED25" s="330">
        <v>1214723</v>
      </c>
      <c r="EE25" s="326">
        <v>0</v>
      </c>
      <c r="EF25" s="331">
        <v>0</v>
      </c>
      <c r="EG25" s="328">
        <v>0</v>
      </c>
      <c r="EH25" s="326">
        <v>0</v>
      </c>
      <c r="EI25" s="327">
        <v>30603</v>
      </c>
      <c r="EJ25" s="327">
        <v>42614</v>
      </c>
      <c r="EK25" s="327">
        <v>0</v>
      </c>
      <c r="EL25" s="327">
        <v>0</v>
      </c>
      <c r="EM25" s="327">
        <v>0</v>
      </c>
      <c r="EN25" s="331">
        <v>73217</v>
      </c>
      <c r="EO25" s="330">
        <v>73217</v>
      </c>
      <c r="EP25" s="326">
        <v>0</v>
      </c>
      <c r="EQ25" s="327">
        <v>0</v>
      </c>
      <c r="ER25" s="331">
        <v>0</v>
      </c>
      <c r="ES25" s="332">
        <v>0</v>
      </c>
      <c r="ET25" s="327">
        <v>0</v>
      </c>
      <c r="EU25" s="327">
        <v>0</v>
      </c>
      <c r="EV25" s="327">
        <v>0</v>
      </c>
      <c r="EW25" s="327">
        <v>0</v>
      </c>
      <c r="EX25" s="327">
        <v>0</v>
      </c>
      <c r="EY25" s="328">
        <v>0</v>
      </c>
      <c r="EZ25" s="330">
        <v>0</v>
      </c>
      <c r="FA25" s="326">
        <v>0</v>
      </c>
      <c r="FB25" s="327">
        <v>0</v>
      </c>
      <c r="FC25" s="331">
        <v>0</v>
      </c>
      <c r="FD25" s="404">
        <v>0</v>
      </c>
      <c r="FE25" s="327">
        <v>0</v>
      </c>
      <c r="FF25" s="327">
        <v>0</v>
      </c>
      <c r="FG25" s="327">
        <v>0</v>
      </c>
      <c r="FH25" s="327">
        <v>0</v>
      </c>
      <c r="FI25" s="327">
        <v>0</v>
      </c>
      <c r="FJ25" s="328">
        <v>0</v>
      </c>
      <c r="FK25" s="330">
        <v>0</v>
      </c>
      <c r="FL25" s="326">
        <v>34545</v>
      </c>
      <c r="FM25" s="327">
        <v>252712</v>
      </c>
      <c r="FN25" s="328">
        <v>287257</v>
      </c>
      <c r="FO25" s="326">
        <v>0</v>
      </c>
      <c r="FP25" s="327">
        <v>166341</v>
      </c>
      <c r="FQ25" s="327">
        <v>421225</v>
      </c>
      <c r="FR25" s="327">
        <v>265972</v>
      </c>
      <c r="FS25" s="327">
        <v>351155</v>
      </c>
      <c r="FT25" s="327">
        <v>243845</v>
      </c>
      <c r="FU25" s="328">
        <v>1448538</v>
      </c>
      <c r="FV25" s="330">
        <v>1735795</v>
      </c>
      <c r="FW25" s="333">
        <v>34545</v>
      </c>
      <c r="FX25" s="327">
        <v>124628</v>
      </c>
      <c r="FY25" s="331">
        <v>159173</v>
      </c>
      <c r="FZ25" s="332">
        <v>0</v>
      </c>
      <c r="GA25" s="327">
        <v>143381</v>
      </c>
      <c r="GB25" s="327">
        <v>307265</v>
      </c>
      <c r="GC25" s="327">
        <v>265972</v>
      </c>
      <c r="GD25" s="327">
        <v>351155</v>
      </c>
      <c r="GE25" s="327">
        <v>243845</v>
      </c>
      <c r="GF25" s="328">
        <v>1311618</v>
      </c>
      <c r="GG25" s="334">
        <v>1470791</v>
      </c>
      <c r="GH25" s="333">
        <v>0</v>
      </c>
      <c r="GI25" s="327">
        <v>0</v>
      </c>
      <c r="GJ25" s="331">
        <v>0</v>
      </c>
      <c r="GK25" s="332">
        <v>0</v>
      </c>
      <c r="GL25" s="327">
        <v>0</v>
      </c>
      <c r="GM25" s="327">
        <v>0</v>
      </c>
      <c r="GN25" s="327">
        <v>0</v>
      </c>
      <c r="GO25" s="327">
        <v>0</v>
      </c>
      <c r="GP25" s="327">
        <v>0</v>
      </c>
      <c r="GQ25" s="328">
        <v>0</v>
      </c>
      <c r="GR25" s="330">
        <v>0</v>
      </c>
      <c r="GS25" s="326">
        <v>0</v>
      </c>
      <c r="GT25" s="327">
        <v>128084</v>
      </c>
      <c r="GU25" s="328">
        <v>128084</v>
      </c>
      <c r="GV25" s="326">
        <v>0</v>
      </c>
      <c r="GW25" s="327">
        <v>22960</v>
      </c>
      <c r="GX25" s="327">
        <v>113960</v>
      </c>
      <c r="GY25" s="327">
        <v>0</v>
      </c>
      <c r="GZ25" s="327">
        <v>0</v>
      </c>
      <c r="HA25" s="327">
        <v>0</v>
      </c>
      <c r="HB25" s="331">
        <v>136920</v>
      </c>
      <c r="HC25" s="330">
        <v>265004</v>
      </c>
      <c r="HD25" s="326">
        <v>99516</v>
      </c>
      <c r="HE25" s="327">
        <v>155062</v>
      </c>
      <c r="HF25" s="331">
        <v>254578</v>
      </c>
      <c r="HG25" s="332">
        <v>0</v>
      </c>
      <c r="HH25" s="327">
        <v>684325</v>
      </c>
      <c r="HI25" s="327">
        <v>599090</v>
      </c>
      <c r="HJ25" s="327">
        <v>888003</v>
      </c>
      <c r="HK25" s="327">
        <v>1211521</v>
      </c>
      <c r="HL25" s="327">
        <v>544709</v>
      </c>
      <c r="HM25" s="328">
        <v>3927648</v>
      </c>
      <c r="HN25" s="329">
        <v>4182226</v>
      </c>
      <c r="HO25" s="333">
        <v>0</v>
      </c>
      <c r="HP25" s="327">
        <v>0</v>
      </c>
      <c r="HQ25" s="328">
        <v>0</v>
      </c>
      <c r="HR25" s="326">
        <v>0</v>
      </c>
      <c r="HS25" s="327">
        <v>0</v>
      </c>
      <c r="HT25" s="327">
        <v>0</v>
      </c>
      <c r="HU25" s="327">
        <v>0</v>
      </c>
      <c r="HV25" s="327">
        <v>0</v>
      </c>
      <c r="HW25" s="327">
        <v>0</v>
      </c>
      <c r="HX25" s="331">
        <v>0</v>
      </c>
      <c r="HY25" s="330">
        <v>0</v>
      </c>
      <c r="HZ25" s="335">
        <v>0</v>
      </c>
      <c r="IA25" s="336">
        <v>0</v>
      </c>
      <c r="IB25" s="337">
        <v>0</v>
      </c>
      <c r="IC25" s="338">
        <v>0</v>
      </c>
      <c r="ID25" s="336">
        <v>464450</v>
      </c>
      <c r="IE25" s="339">
        <v>182978</v>
      </c>
      <c r="IF25" s="337">
        <v>791939</v>
      </c>
      <c r="IG25" s="336">
        <v>0</v>
      </c>
      <c r="IH25" s="337">
        <v>252588</v>
      </c>
      <c r="II25" s="340">
        <v>1691955</v>
      </c>
      <c r="IJ25" s="341">
        <v>1691955</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157873</v>
      </c>
      <c r="JL25" s="345">
        <v>182978</v>
      </c>
      <c r="JM25" s="345">
        <v>59981</v>
      </c>
      <c r="JN25" s="345">
        <v>0</v>
      </c>
      <c r="JO25" s="345">
        <v>0</v>
      </c>
      <c r="JP25" s="349">
        <v>400832</v>
      </c>
      <c r="JQ25" s="347">
        <v>400832</v>
      </c>
      <c r="JR25" s="348">
        <v>0</v>
      </c>
      <c r="JS25" s="345">
        <v>0</v>
      </c>
      <c r="JT25" s="346">
        <v>0</v>
      </c>
      <c r="JU25" s="351">
        <v>0</v>
      </c>
      <c r="JV25" s="345">
        <v>0</v>
      </c>
      <c r="JW25" s="345">
        <v>0</v>
      </c>
      <c r="JX25" s="345">
        <v>79358</v>
      </c>
      <c r="JY25" s="345">
        <v>0</v>
      </c>
      <c r="JZ25" s="345">
        <v>0</v>
      </c>
      <c r="KA25" s="349">
        <v>79358</v>
      </c>
      <c r="KB25" s="347">
        <v>79358</v>
      </c>
      <c r="KC25" s="352">
        <v>0</v>
      </c>
      <c r="KD25" s="353">
        <v>0</v>
      </c>
      <c r="KE25" s="349">
        <v>0</v>
      </c>
      <c r="KF25" s="351">
        <v>0</v>
      </c>
      <c r="KG25" s="345">
        <v>0</v>
      </c>
      <c r="KH25" s="345">
        <v>0</v>
      </c>
      <c r="KI25" s="345">
        <v>215957</v>
      </c>
      <c r="KJ25" s="345">
        <v>0</v>
      </c>
      <c r="KK25" s="345">
        <v>252588</v>
      </c>
      <c r="KL25" s="349">
        <v>468545</v>
      </c>
      <c r="KM25" s="354">
        <v>468545</v>
      </c>
      <c r="KN25" s="342">
        <v>0</v>
      </c>
      <c r="KO25" s="343">
        <v>0</v>
      </c>
      <c r="KP25" s="344">
        <v>0</v>
      </c>
      <c r="KQ25" s="404">
        <v>0</v>
      </c>
      <c r="KR25" s="345">
        <v>306577</v>
      </c>
      <c r="KS25" s="345">
        <v>0</v>
      </c>
      <c r="KT25" s="345">
        <v>436643</v>
      </c>
      <c r="KU25" s="345">
        <v>0</v>
      </c>
      <c r="KV25" s="345">
        <v>0</v>
      </c>
      <c r="KW25" s="349">
        <v>743220</v>
      </c>
      <c r="KX25" s="347">
        <v>743220</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522538</v>
      </c>
      <c r="MK25" s="345">
        <v>277203</v>
      </c>
      <c r="ML25" s="345">
        <v>926880</v>
      </c>
      <c r="MM25" s="345">
        <v>3728181</v>
      </c>
      <c r="MN25" s="345">
        <v>1012929</v>
      </c>
      <c r="MO25" s="349">
        <v>6467731</v>
      </c>
      <c r="MP25" s="354">
        <v>6467731</v>
      </c>
      <c r="MQ25" s="348">
        <v>0</v>
      </c>
      <c r="MR25" s="345">
        <v>0</v>
      </c>
      <c r="MS25" s="349">
        <v>0</v>
      </c>
      <c r="MT25" s="404">
        <v>0</v>
      </c>
      <c r="MU25" s="345">
        <v>0</v>
      </c>
      <c r="MV25" s="345">
        <v>0</v>
      </c>
      <c r="MW25" s="345">
        <v>423946</v>
      </c>
      <c r="MX25" s="345">
        <v>2023481</v>
      </c>
      <c r="MY25" s="345">
        <v>1012929</v>
      </c>
      <c r="MZ25" s="349">
        <v>3460356</v>
      </c>
      <c r="NA25" s="354">
        <v>3460356</v>
      </c>
      <c r="NB25" s="348">
        <v>0</v>
      </c>
      <c r="NC25" s="345">
        <v>0</v>
      </c>
      <c r="ND25" s="349">
        <v>0</v>
      </c>
      <c r="NE25" s="404">
        <v>0</v>
      </c>
      <c r="NF25" s="345">
        <v>522538</v>
      </c>
      <c r="NG25" s="345">
        <v>277203</v>
      </c>
      <c r="NH25" s="345">
        <v>502934</v>
      </c>
      <c r="NI25" s="345">
        <v>1704700</v>
      </c>
      <c r="NJ25" s="345">
        <v>0</v>
      </c>
      <c r="NK25" s="349">
        <v>3007375</v>
      </c>
      <c r="NL25" s="347">
        <v>3007375</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0</v>
      </c>
      <c r="OE25" s="345">
        <v>0</v>
      </c>
      <c r="OF25" s="345">
        <v>0</v>
      </c>
      <c r="OG25" s="349">
        <v>0</v>
      </c>
      <c r="OH25" s="350">
        <v>0</v>
      </c>
      <c r="OI25" s="348">
        <v>211437</v>
      </c>
      <c r="OJ25" s="345">
        <v>661176</v>
      </c>
      <c r="OK25" s="346">
        <v>872613</v>
      </c>
      <c r="OL25" s="351">
        <v>0</v>
      </c>
      <c r="OM25" s="345">
        <v>4230507</v>
      </c>
      <c r="ON25" s="345">
        <v>5297414</v>
      </c>
      <c r="OO25" s="345">
        <v>4837412</v>
      </c>
      <c r="OP25" s="345">
        <v>7232830</v>
      </c>
      <c r="OQ25" s="345">
        <v>3911579</v>
      </c>
      <c r="OR25" s="349">
        <v>25509742</v>
      </c>
      <c r="OS25" s="354">
        <v>26382355</v>
      </c>
    </row>
    <row r="26" spans="2:409" s="70" customFormat="1" ht="21" customHeight="1" x14ac:dyDescent="0.2">
      <c r="B26" s="106" t="s">
        <v>21</v>
      </c>
      <c r="C26" s="326">
        <v>286630</v>
      </c>
      <c r="D26" s="327">
        <v>479268</v>
      </c>
      <c r="E26" s="328">
        <v>765898</v>
      </c>
      <c r="F26" s="329">
        <v>0</v>
      </c>
      <c r="G26" s="327">
        <v>2754130</v>
      </c>
      <c r="H26" s="327">
        <v>2293744</v>
      </c>
      <c r="I26" s="327">
        <v>3039878</v>
      </c>
      <c r="J26" s="327">
        <v>3272827</v>
      </c>
      <c r="K26" s="327">
        <v>1210230</v>
      </c>
      <c r="L26" s="367">
        <v>12570809</v>
      </c>
      <c r="M26" s="330">
        <v>13336707</v>
      </c>
      <c r="N26" s="326">
        <v>35112</v>
      </c>
      <c r="O26" s="327">
        <v>204314</v>
      </c>
      <c r="P26" s="328">
        <v>239426</v>
      </c>
      <c r="Q26" s="326">
        <v>0</v>
      </c>
      <c r="R26" s="327">
        <v>1062345</v>
      </c>
      <c r="S26" s="327">
        <v>1017729</v>
      </c>
      <c r="T26" s="327">
        <v>615234</v>
      </c>
      <c r="U26" s="327">
        <v>1342031</v>
      </c>
      <c r="V26" s="327">
        <v>756495</v>
      </c>
      <c r="W26" s="328">
        <v>4793834</v>
      </c>
      <c r="X26" s="330">
        <v>5033260</v>
      </c>
      <c r="Y26" s="326">
        <v>0</v>
      </c>
      <c r="Z26" s="327">
        <v>0</v>
      </c>
      <c r="AA26" s="328">
        <v>0</v>
      </c>
      <c r="AB26" s="326">
        <v>0</v>
      </c>
      <c r="AC26" s="327">
        <v>437210</v>
      </c>
      <c r="AD26" s="327">
        <v>501585</v>
      </c>
      <c r="AE26" s="327">
        <v>237183</v>
      </c>
      <c r="AF26" s="327">
        <v>959067</v>
      </c>
      <c r="AG26" s="327">
        <v>178805</v>
      </c>
      <c r="AH26" s="328">
        <v>2313850</v>
      </c>
      <c r="AI26" s="330">
        <v>2313850</v>
      </c>
      <c r="AJ26" s="326">
        <v>0</v>
      </c>
      <c r="AK26" s="327">
        <v>0</v>
      </c>
      <c r="AL26" s="328">
        <v>0</v>
      </c>
      <c r="AM26" s="326">
        <v>0</v>
      </c>
      <c r="AN26" s="327">
        <v>0</v>
      </c>
      <c r="AO26" s="327">
        <v>10276</v>
      </c>
      <c r="AP26" s="327">
        <v>0</v>
      </c>
      <c r="AQ26" s="327">
        <v>44996</v>
      </c>
      <c r="AR26" s="327">
        <v>215758</v>
      </c>
      <c r="AS26" s="328">
        <v>271030</v>
      </c>
      <c r="AT26" s="330">
        <v>271030</v>
      </c>
      <c r="AU26" s="326">
        <v>0</v>
      </c>
      <c r="AV26" s="327">
        <v>78876</v>
      </c>
      <c r="AW26" s="328">
        <v>78876</v>
      </c>
      <c r="AX26" s="326">
        <v>0</v>
      </c>
      <c r="AY26" s="327">
        <v>439131</v>
      </c>
      <c r="AZ26" s="327">
        <v>351763</v>
      </c>
      <c r="BA26" s="327">
        <v>231040</v>
      </c>
      <c r="BB26" s="327">
        <v>105764</v>
      </c>
      <c r="BC26" s="327">
        <v>253469</v>
      </c>
      <c r="BD26" s="328">
        <v>1381167</v>
      </c>
      <c r="BE26" s="330">
        <v>1460043</v>
      </c>
      <c r="BF26" s="326">
        <v>0</v>
      </c>
      <c r="BG26" s="327">
        <v>62410</v>
      </c>
      <c r="BH26" s="331">
        <v>62410</v>
      </c>
      <c r="BI26" s="332">
        <v>0</v>
      </c>
      <c r="BJ26" s="327">
        <v>0</v>
      </c>
      <c r="BK26" s="327">
        <v>0</v>
      </c>
      <c r="BL26" s="327">
        <v>12450</v>
      </c>
      <c r="BM26" s="327">
        <v>0</v>
      </c>
      <c r="BN26" s="327">
        <v>28026</v>
      </c>
      <c r="BO26" s="328">
        <v>40476</v>
      </c>
      <c r="BP26" s="330">
        <v>102886</v>
      </c>
      <c r="BQ26" s="326">
        <v>35112</v>
      </c>
      <c r="BR26" s="327">
        <v>63028</v>
      </c>
      <c r="BS26" s="328">
        <v>98140</v>
      </c>
      <c r="BT26" s="326">
        <v>0</v>
      </c>
      <c r="BU26" s="327">
        <v>186004</v>
      </c>
      <c r="BV26" s="327">
        <v>154105</v>
      </c>
      <c r="BW26" s="327">
        <v>134561</v>
      </c>
      <c r="BX26" s="327">
        <v>232204</v>
      </c>
      <c r="BY26" s="327">
        <v>80437</v>
      </c>
      <c r="BZ26" s="328">
        <v>787311</v>
      </c>
      <c r="CA26" s="330">
        <v>885451</v>
      </c>
      <c r="CB26" s="326">
        <v>0</v>
      </c>
      <c r="CC26" s="327">
        <v>68548</v>
      </c>
      <c r="CD26" s="328">
        <v>68548</v>
      </c>
      <c r="CE26" s="326">
        <v>0</v>
      </c>
      <c r="CF26" s="327">
        <v>807677</v>
      </c>
      <c r="CG26" s="327">
        <v>698328</v>
      </c>
      <c r="CH26" s="327">
        <v>451831</v>
      </c>
      <c r="CI26" s="327">
        <v>317444</v>
      </c>
      <c r="CJ26" s="327">
        <v>-75432</v>
      </c>
      <c r="CK26" s="328">
        <v>2199848</v>
      </c>
      <c r="CL26" s="330">
        <v>2268396</v>
      </c>
      <c r="CM26" s="326">
        <v>0</v>
      </c>
      <c r="CN26" s="327">
        <v>0</v>
      </c>
      <c r="CO26" s="328">
        <v>0</v>
      </c>
      <c r="CP26" s="332">
        <v>0</v>
      </c>
      <c r="CQ26" s="327">
        <v>714754</v>
      </c>
      <c r="CR26" s="327">
        <v>592038</v>
      </c>
      <c r="CS26" s="327">
        <v>358361</v>
      </c>
      <c r="CT26" s="327">
        <v>317444</v>
      </c>
      <c r="CU26" s="327">
        <v>-208606</v>
      </c>
      <c r="CV26" s="328">
        <v>1773991</v>
      </c>
      <c r="CW26" s="330">
        <v>1773991</v>
      </c>
      <c r="CX26" s="326">
        <v>0</v>
      </c>
      <c r="CY26" s="327">
        <v>68548</v>
      </c>
      <c r="CZ26" s="328">
        <v>68548</v>
      </c>
      <c r="DA26" s="326">
        <v>0</v>
      </c>
      <c r="DB26" s="327">
        <v>92923</v>
      </c>
      <c r="DC26" s="327">
        <v>106290</v>
      </c>
      <c r="DD26" s="327">
        <v>93470</v>
      </c>
      <c r="DE26" s="327">
        <v>0</v>
      </c>
      <c r="DF26" s="327">
        <v>133174</v>
      </c>
      <c r="DG26" s="328">
        <v>425857</v>
      </c>
      <c r="DH26" s="330">
        <v>494405</v>
      </c>
      <c r="DI26" s="326">
        <v>0</v>
      </c>
      <c r="DJ26" s="327">
        <v>54013</v>
      </c>
      <c r="DK26" s="331">
        <v>54013</v>
      </c>
      <c r="DL26" s="332">
        <v>0</v>
      </c>
      <c r="DM26" s="327">
        <v>82741</v>
      </c>
      <c r="DN26" s="327">
        <v>39708</v>
      </c>
      <c r="DO26" s="327">
        <v>617870</v>
      </c>
      <c r="DP26" s="327">
        <v>0</v>
      </c>
      <c r="DQ26" s="327">
        <v>-7716</v>
      </c>
      <c r="DR26" s="328">
        <v>732603</v>
      </c>
      <c r="DS26" s="330">
        <v>786616</v>
      </c>
      <c r="DT26" s="326">
        <v>0</v>
      </c>
      <c r="DU26" s="327">
        <v>54013</v>
      </c>
      <c r="DV26" s="328">
        <v>54013</v>
      </c>
      <c r="DW26" s="326">
        <v>0</v>
      </c>
      <c r="DX26" s="327">
        <v>82741</v>
      </c>
      <c r="DY26" s="327">
        <v>39708</v>
      </c>
      <c r="DZ26" s="327">
        <v>475733</v>
      </c>
      <c r="EA26" s="327">
        <v>0</v>
      </c>
      <c r="EB26" s="327">
        <v>-7716</v>
      </c>
      <c r="EC26" s="328">
        <v>590466</v>
      </c>
      <c r="ED26" s="330">
        <v>644479</v>
      </c>
      <c r="EE26" s="326">
        <v>0</v>
      </c>
      <c r="EF26" s="331">
        <v>0</v>
      </c>
      <c r="EG26" s="328">
        <v>0</v>
      </c>
      <c r="EH26" s="326">
        <v>0</v>
      </c>
      <c r="EI26" s="327">
        <v>0</v>
      </c>
      <c r="EJ26" s="327">
        <v>0</v>
      </c>
      <c r="EK26" s="327">
        <v>142137</v>
      </c>
      <c r="EL26" s="327">
        <v>0</v>
      </c>
      <c r="EM26" s="327">
        <v>0</v>
      </c>
      <c r="EN26" s="331">
        <v>142137</v>
      </c>
      <c r="EO26" s="330">
        <v>142137</v>
      </c>
      <c r="EP26" s="326">
        <v>0</v>
      </c>
      <c r="EQ26" s="327">
        <v>0</v>
      </c>
      <c r="ER26" s="331">
        <v>0</v>
      </c>
      <c r="ES26" s="332">
        <v>0</v>
      </c>
      <c r="ET26" s="327">
        <v>0</v>
      </c>
      <c r="EU26" s="327">
        <v>0</v>
      </c>
      <c r="EV26" s="327">
        <v>0</v>
      </c>
      <c r="EW26" s="327">
        <v>0</v>
      </c>
      <c r="EX26" s="327">
        <v>0</v>
      </c>
      <c r="EY26" s="328">
        <v>0</v>
      </c>
      <c r="EZ26" s="330">
        <v>0</v>
      </c>
      <c r="FA26" s="326">
        <v>0</v>
      </c>
      <c r="FB26" s="327">
        <v>0</v>
      </c>
      <c r="FC26" s="331">
        <v>0</v>
      </c>
      <c r="FD26" s="404">
        <v>0</v>
      </c>
      <c r="FE26" s="327">
        <v>0</v>
      </c>
      <c r="FF26" s="327">
        <v>0</v>
      </c>
      <c r="FG26" s="327">
        <v>0</v>
      </c>
      <c r="FH26" s="327">
        <v>0</v>
      </c>
      <c r="FI26" s="327">
        <v>0</v>
      </c>
      <c r="FJ26" s="328">
        <v>0</v>
      </c>
      <c r="FK26" s="330">
        <v>0</v>
      </c>
      <c r="FL26" s="326">
        <v>108353</v>
      </c>
      <c r="FM26" s="327">
        <v>72814</v>
      </c>
      <c r="FN26" s="328">
        <v>181167</v>
      </c>
      <c r="FO26" s="326">
        <v>0</v>
      </c>
      <c r="FP26" s="327">
        <v>82460</v>
      </c>
      <c r="FQ26" s="327">
        <v>213850</v>
      </c>
      <c r="FR26" s="327">
        <v>205110</v>
      </c>
      <c r="FS26" s="327">
        <v>159579</v>
      </c>
      <c r="FT26" s="327">
        <v>128590</v>
      </c>
      <c r="FU26" s="328">
        <v>789589</v>
      </c>
      <c r="FV26" s="330">
        <v>970756</v>
      </c>
      <c r="FW26" s="333">
        <v>50988</v>
      </c>
      <c r="FX26" s="327">
        <v>72814</v>
      </c>
      <c r="FY26" s="331">
        <v>123802</v>
      </c>
      <c r="FZ26" s="332">
        <v>0</v>
      </c>
      <c r="GA26" s="327">
        <v>82460</v>
      </c>
      <c r="GB26" s="327">
        <v>184450</v>
      </c>
      <c r="GC26" s="327">
        <v>143738</v>
      </c>
      <c r="GD26" s="327">
        <v>159579</v>
      </c>
      <c r="GE26" s="327">
        <v>128590</v>
      </c>
      <c r="GF26" s="328">
        <v>698817</v>
      </c>
      <c r="GG26" s="334">
        <v>822619</v>
      </c>
      <c r="GH26" s="333">
        <v>0</v>
      </c>
      <c r="GI26" s="327">
        <v>0</v>
      </c>
      <c r="GJ26" s="331">
        <v>0</v>
      </c>
      <c r="GK26" s="332">
        <v>0</v>
      </c>
      <c r="GL26" s="327">
        <v>0</v>
      </c>
      <c r="GM26" s="327">
        <v>0</v>
      </c>
      <c r="GN26" s="327">
        <v>61372</v>
      </c>
      <c r="GO26" s="327">
        <v>0</v>
      </c>
      <c r="GP26" s="327">
        <v>0</v>
      </c>
      <c r="GQ26" s="328">
        <v>61372</v>
      </c>
      <c r="GR26" s="330">
        <v>61372</v>
      </c>
      <c r="GS26" s="326">
        <v>57365</v>
      </c>
      <c r="GT26" s="327">
        <v>0</v>
      </c>
      <c r="GU26" s="328">
        <v>57365</v>
      </c>
      <c r="GV26" s="326">
        <v>0</v>
      </c>
      <c r="GW26" s="327">
        <v>0</v>
      </c>
      <c r="GX26" s="327">
        <v>29400</v>
      </c>
      <c r="GY26" s="327">
        <v>0</v>
      </c>
      <c r="GZ26" s="327">
        <v>0</v>
      </c>
      <c r="HA26" s="327">
        <v>0</v>
      </c>
      <c r="HB26" s="331">
        <v>29400</v>
      </c>
      <c r="HC26" s="330">
        <v>86765</v>
      </c>
      <c r="HD26" s="326">
        <v>143165</v>
      </c>
      <c r="HE26" s="327">
        <v>79579</v>
      </c>
      <c r="HF26" s="331">
        <v>222744</v>
      </c>
      <c r="HG26" s="332">
        <v>0</v>
      </c>
      <c r="HH26" s="327">
        <v>718907</v>
      </c>
      <c r="HI26" s="327">
        <v>324129</v>
      </c>
      <c r="HJ26" s="327">
        <v>1149833</v>
      </c>
      <c r="HK26" s="327">
        <v>1453773</v>
      </c>
      <c r="HL26" s="327">
        <v>408293</v>
      </c>
      <c r="HM26" s="328">
        <v>4054935</v>
      </c>
      <c r="HN26" s="329">
        <v>4277679</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602000</v>
      </c>
      <c r="IE26" s="357">
        <v>312114</v>
      </c>
      <c r="IF26" s="358">
        <v>481864</v>
      </c>
      <c r="IG26" s="356">
        <v>706479</v>
      </c>
      <c r="IH26" s="358">
        <v>279876</v>
      </c>
      <c r="II26" s="359">
        <v>2382333</v>
      </c>
      <c r="IJ26" s="358">
        <v>2382333</v>
      </c>
      <c r="IK26" s="342">
        <v>0</v>
      </c>
      <c r="IL26" s="343">
        <v>0</v>
      </c>
      <c r="IM26" s="344">
        <v>0</v>
      </c>
      <c r="IN26" s="404">
        <v>0</v>
      </c>
      <c r="IO26" s="345">
        <v>54302</v>
      </c>
      <c r="IP26" s="345">
        <v>0</v>
      </c>
      <c r="IQ26" s="345">
        <v>0</v>
      </c>
      <c r="IR26" s="345">
        <v>0</v>
      </c>
      <c r="IS26" s="345">
        <v>0</v>
      </c>
      <c r="IT26" s="346">
        <v>54302</v>
      </c>
      <c r="IU26" s="347">
        <v>54302</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443127</v>
      </c>
      <c r="JL26" s="345">
        <v>97646</v>
      </c>
      <c r="JM26" s="345">
        <v>86975</v>
      </c>
      <c r="JN26" s="345">
        <v>42185</v>
      </c>
      <c r="JO26" s="345">
        <v>0</v>
      </c>
      <c r="JP26" s="349">
        <v>669933</v>
      </c>
      <c r="JQ26" s="347">
        <v>669933</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104571</v>
      </c>
      <c r="KH26" s="345">
        <v>0</v>
      </c>
      <c r="KI26" s="345">
        <v>394889</v>
      </c>
      <c r="KJ26" s="345">
        <v>0</v>
      </c>
      <c r="KK26" s="345">
        <v>0</v>
      </c>
      <c r="KL26" s="349">
        <v>499460</v>
      </c>
      <c r="KM26" s="354">
        <v>499460</v>
      </c>
      <c r="KN26" s="342">
        <v>0</v>
      </c>
      <c r="KO26" s="343">
        <v>0</v>
      </c>
      <c r="KP26" s="344">
        <v>0</v>
      </c>
      <c r="KQ26" s="404">
        <v>0</v>
      </c>
      <c r="KR26" s="345">
        <v>0</v>
      </c>
      <c r="KS26" s="345">
        <v>214468</v>
      </c>
      <c r="KT26" s="345">
        <v>0</v>
      </c>
      <c r="KU26" s="345">
        <v>664294</v>
      </c>
      <c r="KV26" s="345">
        <v>0</v>
      </c>
      <c r="KW26" s="349">
        <v>878762</v>
      </c>
      <c r="KX26" s="347">
        <v>878762</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279876</v>
      </c>
      <c r="MD26" s="349">
        <v>279876</v>
      </c>
      <c r="ME26" s="350">
        <v>279876</v>
      </c>
      <c r="MF26" s="348">
        <v>0</v>
      </c>
      <c r="MG26" s="345">
        <v>0</v>
      </c>
      <c r="MH26" s="349">
        <v>0</v>
      </c>
      <c r="MI26" s="404">
        <v>0</v>
      </c>
      <c r="MJ26" s="345">
        <v>0</v>
      </c>
      <c r="MK26" s="345">
        <v>627247</v>
      </c>
      <c r="ML26" s="345">
        <v>559328</v>
      </c>
      <c r="MM26" s="345">
        <v>2631650</v>
      </c>
      <c r="MN26" s="345">
        <v>1314116</v>
      </c>
      <c r="MO26" s="349">
        <v>5132341</v>
      </c>
      <c r="MP26" s="354">
        <v>5132341</v>
      </c>
      <c r="MQ26" s="348">
        <v>0</v>
      </c>
      <c r="MR26" s="345">
        <v>0</v>
      </c>
      <c r="MS26" s="349">
        <v>0</v>
      </c>
      <c r="MT26" s="404">
        <v>0</v>
      </c>
      <c r="MU26" s="345">
        <v>0</v>
      </c>
      <c r="MV26" s="345">
        <v>0</v>
      </c>
      <c r="MW26" s="345">
        <v>223465</v>
      </c>
      <c r="MX26" s="345">
        <v>1506520</v>
      </c>
      <c r="MY26" s="345">
        <v>1314116</v>
      </c>
      <c r="MZ26" s="349">
        <v>3044101</v>
      </c>
      <c r="NA26" s="354">
        <v>3044101</v>
      </c>
      <c r="NB26" s="348">
        <v>0</v>
      </c>
      <c r="NC26" s="345">
        <v>0</v>
      </c>
      <c r="ND26" s="349">
        <v>0</v>
      </c>
      <c r="NE26" s="404">
        <v>0</v>
      </c>
      <c r="NF26" s="345">
        <v>0</v>
      </c>
      <c r="NG26" s="345">
        <v>627247</v>
      </c>
      <c r="NH26" s="345">
        <v>335863</v>
      </c>
      <c r="NI26" s="345">
        <v>804017</v>
      </c>
      <c r="NJ26" s="345">
        <v>0</v>
      </c>
      <c r="NK26" s="349">
        <v>1767127</v>
      </c>
      <c r="NL26" s="347">
        <v>1767127</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321113</v>
      </c>
      <c r="OF26" s="345">
        <v>0</v>
      </c>
      <c r="OG26" s="349">
        <v>321113</v>
      </c>
      <c r="OH26" s="350">
        <v>321113</v>
      </c>
      <c r="OI26" s="348">
        <v>286630</v>
      </c>
      <c r="OJ26" s="345">
        <v>479268</v>
      </c>
      <c r="OK26" s="346">
        <v>765898</v>
      </c>
      <c r="OL26" s="351">
        <v>0</v>
      </c>
      <c r="OM26" s="345">
        <v>3356130</v>
      </c>
      <c r="ON26" s="345">
        <v>3233105</v>
      </c>
      <c r="OO26" s="345">
        <v>4081070</v>
      </c>
      <c r="OP26" s="345">
        <v>6610956</v>
      </c>
      <c r="OQ26" s="345">
        <v>2804222</v>
      </c>
      <c r="OR26" s="349">
        <v>20085483</v>
      </c>
      <c r="OS26" s="354">
        <v>20851381</v>
      </c>
    </row>
    <row r="27" spans="2:409" s="70" customFormat="1" ht="21" customHeight="1" x14ac:dyDescent="0.2">
      <c r="B27" s="106" t="s">
        <v>22</v>
      </c>
      <c r="C27" s="326">
        <v>77952</v>
      </c>
      <c r="D27" s="327">
        <v>54334</v>
      </c>
      <c r="E27" s="328">
        <v>132286</v>
      </c>
      <c r="F27" s="329">
        <v>0</v>
      </c>
      <c r="G27" s="327">
        <v>973446</v>
      </c>
      <c r="H27" s="327">
        <v>1050000</v>
      </c>
      <c r="I27" s="327">
        <v>1644803</v>
      </c>
      <c r="J27" s="327">
        <v>1727364</v>
      </c>
      <c r="K27" s="327">
        <v>1949811</v>
      </c>
      <c r="L27" s="367">
        <v>7345424</v>
      </c>
      <c r="M27" s="330">
        <v>7477710</v>
      </c>
      <c r="N27" s="326">
        <v>0</v>
      </c>
      <c r="O27" s="327">
        <v>0</v>
      </c>
      <c r="P27" s="328">
        <v>0</v>
      </c>
      <c r="Q27" s="326">
        <v>0</v>
      </c>
      <c r="R27" s="327">
        <v>311358</v>
      </c>
      <c r="S27" s="327">
        <v>89314</v>
      </c>
      <c r="T27" s="327">
        <v>265763</v>
      </c>
      <c r="U27" s="327">
        <v>381837</v>
      </c>
      <c r="V27" s="327">
        <v>1214634</v>
      </c>
      <c r="W27" s="328">
        <v>2262906</v>
      </c>
      <c r="X27" s="330">
        <v>2262906</v>
      </c>
      <c r="Y27" s="326">
        <v>0</v>
      </c>
      <c r="Z27" s="327">
        <v>0</v>
      </c>
      <c r="AA27" s="328">
        <v>0</v>
      </c>
      <c r="AB27" s="326">
        <v>0</v>
      </c>
      <c r="AC27" s="327">
        <v>77392</v>
      </c>
      <c r="AD27" s="327">
        <v>27987</v>
      </c>
      <c r="AE27" s="327">
        <v>92133</v>
      </c>
      <c r="AF27" s="327">
        <v>197248</v>
      </c>
      <c r="AG27" s="327">
        <v>488206</v>
      </c>
      <c r="AH27" s="328">
        <v>882966</v>
      </c>
      <c r="AI27" s="330">
        <v>882966</v>
      </c>
      <c r="AJ27" s="326">
        <v>0</v>
      </c>
      <c r="AK27" s="327">
        <v>0</v>
      </c>
      <c r="AL27" s="328">
        <v>0</v>
      </c>
      <c r="AM27" s="326">
        <v>0</v>
      </c>
      <c r="AN27" s="327">
        <v>0</v>
      </c>
      <c r="AO27" s="327">
        <v>0</v>
      </c>
      <c r="AP27" s="327">
        <v>0</v>
      </c>
      <c r="AQ27" s="327">
        <v>0</v>
      </c>
      <c r="AR27" s="327">
        <v>407960</v>
      </c>
      <c r="AS27" s="328">
        <v>407960</v>
      </c>
      <c r="AT27" s="330">
        <v>407960</v>
      </c>
      <c r="AU27" s="326">
        <v>0</v>
      </c>
      <c r="AV27" s="327">
        <v>0</v>
      </c>
      <c r="AW27" s="328">
        <v>0</v>
      </c>
      <c r="AX27" s="326">
        <v>0</v>
      </c>
      <c r="AY27" s="327">
        <v>160200</v>
      </c>
      <c r="AZ27" s="327">
        <v>25235</v>
      </c>
      <c r="BA27" s="327">
        <v>60902</v>
      </c>
      <c r="BB27" s="327">
        <v>35773</v>
      </c>
      <c r="BC27" s="327">
        <v>292358</v>
      </c>
      <c r="BD27" s="328">
        <v>574468</v>
      </c>
      <c r="BE27" s="330">
        <v>574468</v>
      </c>
      <c r="BF27" s="326">
        <v>0</v>
      </c>
      <c r="BG27" s="327">
        <v>0</v>
      </c>
      <c r="BH27" s="331">
        <v>0</v>
      </c>
      <c r="BI27" s="332">
        <v>0</v>
      </c>
      <c r="BJ27" s="327">
        <v>60228</v>
      </c>
      <c r="BK27" s="327">
        <v>26768</v>
      </c>
      <c r="BL27" s="327">
        <v>0</v>
      </c>
      <c r="BM27" s="327">
        <v>85410</v>
      </c>
      <c r="BN27" s="327">
        <v>0</v>
      </c>
      <c r="BO27" s="328">
        <v>172406</v>
      </c>
      <c r="BP27" s="330">
        <v>172406</v>
      </c>
      <c r="BQ27" s="326">
        <v>0</v>
      </c>
      <c r="BR27" s="327">
        <v>0</v>
      </c>
      <c r="BS27" s="328">
        <v>0</v>
      </c>
      <c r="BT27" s="326">
        <v>0</v>
      </c>
      <c r="BU27" s="327">
        <v>13538</v>
      </c>
      <c r="BV27" s="327">
        <v>9324</v>
      </c>
      <c r="BW27" s="327">
        <v>112728</v>
      </c>
      <c r="BX27" s="327">
        <v>63406</v>
      </c>
      <c r="BY27" s="327">
        <v>26110</v>
      </c>
      <c r="BZ27" s="328">
        <v>225106</v>
      </c>
      <c r="CA27" s="330">
        <v>225106</v>
      </c>
      <c r="CB27" s="326">
        <v>70350</v>
      </c>
      <c r="CC27" s="327">
        <v>33474</v>
      </c>
      <c r="CD27" s="328">
        <v>103824</v>
      </c>
      <c r="CE27" s="326">
        <v>0</v>
      </c>
      <c r="CF27" s="327">
        <v>209079</v>
      </c>
      <c r="CG27" s="327">
        <v>551444</v>
      </c>
      <c r="CH27" s="327">
        <v>189143</v>
      </c>
      <c r="CI27" s="327">
        <v>619138</v>
      </c>
      <c r="CJ27" s="327">
        <v>158509</v>
      </c>
      <c r="CK27" s="328">
        <v>1727313</v>
      </c>
      <c r="CL27" s="330">
        <v>1831137</v>
      </c>
      <c r="CM27" s="326">
        <v>0</v>
      </c>
      <c r="CN27" s="327">
        <v>0</v>
      </c>
      <c r="CO27" s="328">
        <v>0</v>
      </c>
      <c r="CP27" s="332">
        <v>0</v>
      </c>
      <c r="CQ27" s="327">
        <v>130458</v>
      </c>
      <c r="CR27" s="327">
        <v>336296</v>
      </c>
      <c r="CS27" s="327">
        <v>189143</v>
      </c>
      <c r="CT27" s="327">
        <v>619138</v>
      </c>
      <c r="CU27" s="327">
        <v>158509</v>
      </c>
      <c r="CV27" s="328">
        <v>1433544</v>
      </c>
      <c r="CW27" s="330">
        <v>1433544</v>
      </c>
      <c r="CX27" s="326">
        <v>70350</v>
      </c>
      <c r="CY27" s="327">
        <v>33474</v>
      </c>
      <c r="CZ27" s="328">
        <v>103824</v>
      </c>
      <c r="DA27" s="326">
        <v>0</v>
      </c>
      <c r="DB27" s="327">
        <v>78621</v>
      </c>
      <c r="DC27" s="327">
        <v>215148</v>
      </c>
      <c r="DD27" s="327">
        <v>0</v>
      </c>
      <c r="DE27" s="327">
        <v>0</v>
      </c>
      <c r="DF27" s="327">
        <v>0</v>
      </c>
      <c r="DG27" s="328">
        <v>293769</v>
      </c>
      <c r="DH27" s="330">
        <v>397593</v>
      </c>
      <c r="DI27" s="326">
        <v>0</v>
      </c>
      <c r="DJ27" s="327">
        <v>0</v>
      </c>
      <c r="DK27" s="331">
        <v>0</v>
      </c>
      <c r="DL27" s="332">
        <v>0</v>
      </c>
      <c r="DM27" s="327">
        <v>0</v>
      </c>
      <c r="DN27" s="327">
        <v>167112</v>
      </c>
      <c r="DO27" s="327">
        <v>647318</v>
      </c>
      <c r="DP27" s="327">
        <v>97466</v>
      </c>
      <c r="DQ27" s="327">
        <v>0</v>
      </c>
      <c r="DR27" s="328">
        <v>911896</v>
      </c>
      <c r="DS27" s="330">
        <v>911896</v>
      </c>
      <c r="DT27" s="326">
        <v>0</v>
      </c>
      <c r="DU27" s="327">
        <v>0</v>
      </c>
      <c r="DV27" s="328">
        <v>0</v>
      </c>
      <c r="DW27" s="326">
        <v>0</v>
      </c>
      <c r="DX27" s="327">
        <v>0</v>
      </c>
      <c r="DY27" s="327">
        <v>167112</v>
      </c>
      <c r="DZ27" s="327">
        <v>463560</v>
      </c>
      <c r="EA27" s="327">
        <v>97466</v>
      </c>
      <c r="EB27" s="327">
        <v>0</v>
      </c>
      <c r="EC27" s="328">
        <v>728138</v>
      </c>
      <c r="ED27" s="330">
        <v>728138</v>
      </c>
      <c r="EE27" s="326">
        <v>0</v>
      </c>
      <c r="EF27" s="331">
        <v>0</v>
      </c>
      <c r="EG27" s="328">
        <v>0</v>
      </c>
      <c r="EH27" s="326">
        <v>0</v>
      </c>
      <c r="EI27" s="327">
        <v>0</v>
      </c>
      <c r="EJ27" s="327">
        <v>0</v>
      </c>
      <c r="EK27" s="327">
        <v>183758</v>
      </c>
      <c r="EL27" s="327">
        <v>0</v>
      </c>
      <c r="EM27" s="327">
        <v>0</v>
      </c>
      <c r="EN27" s="331">
        <v>183758</v>
      </c>
      <c r="EO27" s="330">
        <v>183758</v>
      </c>
      <c r="EP27" s="326">
        <v>0</v>
      </c>
      <c r="EQ27" s="327">
        <v>0</v>
      </c>
      <c r="ER27" s="331">
        <v>0</v>
      </c>
      <c r="ES27" s="332">
        <v>0</v>
      </c>
      <c r="ET27" s="327">
        <v>0</v>
      </c>
      <c r="EU27" s="327">
        <v>0</v>
      </c>
      <c r="EV27" s="327">
        <v>0</v>
      </c>
      <c r="EW27" s="327">
        <v>0</v>
      </c>
      <c r="EX27" s="327">
        <v>0</v>
      </c>
      <c r="EY27" s="328">
        <v>0</v>
      </c>
      <c r="EZ27" s="330">
        <v>0</v>
      </c>
      <c r="FA27" s="326">
        <v>0</v>
      </c>
      <c r="FB27" s="327">
        <v>0</v>
      </c>
      <c r="FC27" s="331">
        <v>0</v>
      </c>
      <c r="FD27" s="404">
        <v>0</v>
      </c>
      <c r="FE27" s="327">
        <v>0</v>
      </c>
      <c r="FF27" s="327">
        <v>0</v>
      </c>
      <c r="FG27" s="327">
        <v>0</v>
      </c>
      <c r="FH27" s="327">
        <v>0</v>
      </c>
      <c r="FI27" s="327">
        <v>0</v>
      </c>
      <c r="FJ27" s="328">
        <v>0</v>
      </c>
      <c r="FK27" s="330">
        <v>0</v>
      </c>
      <c r="FL27" s="326">
        <v>7602</v>
      </c>
      <c r="FM27" s="327">
        <v>20860</v>
      </c>
      <c r="FN27" s="328">
        <v>28462</v>
      </c>
      <c r="FO27" s="326">
        <v>0</v>
      </c>
      <c r="FP27" s="327">
        <v>58751</v>
      </c>
      <c r="FQ27" s="327">
        <v>242130</v>
      </c>
      <c r="FR27" s="327">
        <v>37982</v>
      </c>
      <c r="FS27" s="327">
        <v>87094</v>
      </c>
      <c r="FT27" s="327">
        <v>167706</v>
      </c>
      <c r="FU27" s="328">
        <v>593663</v>
      </c>
      <c r="FV27" s="330">
        <v>622125</v>
      </c>
      <c r="FW27" s="333">
        <v>7602</v>
      </c>
      <c r="FX27" s="327">
        <v>20860</v>
      </c>
      <c r="FY27" s="331">
        <v>28462</v>
      </c>
      <c r="FZ27" s="332">
        <v>0</v>
      </c>
      <c r="GA27" s="327">
        <v>58751</v>
      </c>
      <c r="GB27" s="327">
        <v>102130</v>
      </c>
      <c r="GC27" s="327">
        <v>37982</v>
      </c>
      <c r="GD27" s="327">
        <v>87094</v>
      </c>
      <c r="GE27" s="327">
        <v>167706</v>
      </c>
      <c r="GF27" s="328">
        <v>453663</v>
      </c>
      <c r="GG27" s="334">
        <v>482125</v>
      </c>
      <c r="GH27" s="333">
        <v>0</v>
      </c>
      <c r="GI27" s="327">
        <v>0</v>
      </c>
      <c r="GJ27" s="331">
        <v>0</v>
      </c>
      <c r="GK27" s="332">
        <v>0</v>
      </c>
      <c r="GL27" s="327">
        <v>0</v>
      </c>
      <c r="GM27" s="327">
        <v>0</v>
      </c>
      <c r="GN27" s="327">
        <v>0</v>
      </c>
      <c r="GO27" s="327">
        <v>0</v>
      </c>
      <c r="GP27" s="327">
        <v>0</v>
      </c>
      <c r="GQ27" s="328">
        <v>0</v>
      </c>
      <c r="GR27" s="330">
        <v>0</v>
      </c>
      <c r="GS27" s="326">
        <v>0</v>
      </c>
      <c r="GT27" s="327">
        <v>0</v>
      </c>
      <c r="GU27" s="328">
        <v>0</v>
      </c>
      <c r="GV27" s="326">
        <v>0</v>
      </c>
      <c r="GW27" s="327">
        <v>0</v>
      </c>
      <c r="GX27" s="327">
        <v>140000</v>
      </c>
      <c r="GY27" s="327">
        <v>0</v>
      </c>
      <c r="GZ27" s="327">
        <v>0</v>
      </c>
      <c r="HA27" s="327">
        <v>0</v>
      </c>
      <c r="HB27" s="331">
        <v>140000</v>
      </c>
      <c r="HC27" s="330">
        <v>140000</v>
      </c>
      <c r="HD27" s="326">
        <v>0</v>
      </c>
      <c r="HE27" s="327">
        <v>0</v>
      </c>
      <c r="HF27" s="331">
        <v>0</v>
      </c>
      <c r="HG27" s="332">
        <v>0</v>
      </c>
      <c r="HH27" s="327">
        <v>394258</v>
      </c>
      <c r="HI27" s="327">
        <v>0</v>
      </c>
      <c r="HJ27" s="327">
        <v>504597</v>
      </c>
      <c r="HK27" s="327">
        <v>541829</v>
      </c>
      <c r="HL27" s="327">
        <v>408962</v>
      </c>
      <c r="HM27" s="328">
        <v>1849646</v>
      </c>
      <c r="HN27" s="329">
        <v>1849646</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264684</v>
      </c>
      <c r="IE27" s="339">
        <v>532180</v>
      </c>
      <c r="IF27" s="337">
        <v>134722</v>
      </c>
      <c r="IG27" s="336">
        <v>195877</v>
      </c>
      <c r="IH27" s="337">
        <v>0</v>
      </c>
      <c r="II27" s="340">
        <v>1127463</v>
      </c>
      <c r="IJ27" s="341">
        <v>1127463</v>
      </c>
      <c r="IK27" s="342">
        <v>0</v>
      </c>
      <c r="IL27" s="343">
        <v>0</v>
      </c>
      <c r="IM27" s="344">
        <v>0</v>
      </c>
      <c r="IN27" s="404">
        <v>0</v>
      </c>
      <c r="IO27" s="345">
        <v>0</v>
      </c>
      <c r="IP27" s="345">
        <v>0</v>
      </c>
      <c r="IQ27" s="345">
        <v>134722</v>
      </c>
      <c r="IR27" s="345">
        <v>159607</v>
      </c>
      <c r="IS27" s="345">
        <v>0</v>
      </c>
      <c r="IT27" s="346">
        <v>294329</v>
      </c>
      <c r="IU27" s="347">
        <v>294329</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264684</v>
      </c>
      <c r="JL27" s="345">
        <v>224036</v>
      </c>
      <c r="JM27" s="345">
        <v>0</v>
      </c>
      <c r="JN27" s="345">
        <v>36270</v>
      </c>
      <c r="JO27" s="345">
        <v>0</v>
      </c>
      <c r="JP27" s="349">
        <v>524990</v>
      </c>
      <c r="JQ27" s="347">
        <v>524990</v>
      </c>
      <c r="JR27" s="348">
        <v>0</v>
      </c>
      <c r="JS27" s="345">
        <v>0</v>
      </c>
      <c r="JT27" s="346">
        <v>0</v>
      </c>
      <c r="JU27" s="351">
        <v>0</v>
      </c>
      <c r="JV27" s="345">
        <v>0</v>
      </c>
      <c r="JW27" s="345">
        <v>0</v>
      </c>
      <c r="JX27" s="345">
        <v>0</v>
      </c>
      <c r="JY27" s="345">
        <v>0</v>
      </c>
      <c r="JZ27" s="345">
        <v>0</v>
      </c>
      <c r="KA27" s="349">
        <v>0</v>
      </c>
      <c r="KB27" s="347">
        <v>0</v>
      </c>
      <c r="KC27" s="352">
        <v>0</v>
      </c>
      <c r="KD27" s="353">
        <v>0</v>
      </c>
      <c r="KE27" s="349">
        <v>0</v>
      </c>
      <c r="KF27" s="351">
        <v>0</v>
      </c>
      <c r="KG27" s="345">
        <v>0</v>
      </c>
      <c r="KH27" s="345">
        <v>308144</v>
      </c>
      <c r="KI27" s="345">
        <v>0</v>
      </c>
      <c r="KJ27" s="345">
        <v>0</v>
      </c>
      <c r="KK27" s="345">
        <v>0</v>
      </c>
      <c r="KL27" s="349">
        <v>308144</v>
      </c>
      <c r="KM27" s="354">
        <v>308144</v>
      </c>
      <c r="KN27" s="342">
        <v>0</v>
      </c>
      <c r="KO27" s="343">
        <v>0</v>
      </c>
      <c r="KP27" s="344">
        <v>0</v>
      </c>
      <c r="KQ27" s="404">
        <v>0</v>
      </c>
      <c r="KR27" s="345">
        <v>0</v>
      </c>
      <c r="KS27" s="345">
        <v>0</v>
      </c>
      <c r="KT27" s="345">
        <v>0</v>
      </c>
      <c r="KU27" s="345">
        <v>0</v>
      </c>
      <c r="KV27" s="345">
        <v>0</v>
      </c>
      <c r="KW27" s="349">
        <v>0</v>
      </c>
      <c r="KX27" s="347">
        <v>0</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0</v>
      </c>
      <c r="LP27" s="345">
        <v>0</v>
      </c>
      <c r="LQ27" s="345">
        <v>0</v>
      </c>
      <c r="LR27" s="345">
        <v>0</v>
      </c>
      <c r="LS27" s="349">
        <v>0</v>
      </c>
      <c r="LT27" s="347">
        <v>0</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406904</v>
      </c>
      <c r="ML27" s="345">
        <v>253291</v>
      </c>
      <c r="MM27" s="345">
        <v>490564</v>
      </c>
      <c r="MN27" s="345">
        <v>0</v>
      </c>
      <c r="MO27" s="349">
        <v>1150759</v>
      </c>
      <c r="MP27" s="354">
        <v>1150759</v>
      </c>
      <c r="MQ27" s="348">
        <v>0</v>
      </c>
      <c r="MR27" s="345">
        <v>0</v>
      </c>
      <c r="MS27" s="349">
        <v>0</v>
      </c>
      <c r="MT27" s="404">
        <v>0</v>
      </c>
      <c r="MU27" s="345">
        <v>0</v>
      </c>
      <c r="MV27" s="345">
        <v>199488</v>
      </c>
      <c r="MW27" s="345">
        <v>253291</v>
      </c>
      <c r="MX27" s="345">
        <v>236968</v>
      </c>
      <c r="MY27" s="345">
        <v>0</v>
      </c>
      <c r="MZ27" s="349">
        <v>689747</v>
      </c>
      <c r="NA27" s="354">
        <v>689747</v>
      </c>
      <c r="NB27" s="348">
        <v>0</v>
      </c>
      <c r="NC27" s="345">
        <v>0</v>
      </c>
      <c r="ND27" s="349">
        <v>0</v>
      </c>
      <c r="NE27" s="404">
        <v>0</v>
      </c>
      <c r="NF27" s="345">
        <v>0</v>
      </c>
      <c r="NG27" s="345">
        <v>207416</v>
      </c>
      <c r="NH27" s="345">
        <v>0</v>
      </c>
      <c r="NI27" s="345">
        <v>253596</v>
      </c>
      <c r="NJ27" s="345">
        <v>0</v>
      </c>
      <c r="NK27" s="349">
        <v>461012</v>
      </c>
      <c r="NL27" s="347">
        <v>461012</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0</v>
      </c>
      <c r="OF27" s="345">
        <v>0</v>
      </c>
      <c r="OG27" s="349">
        <v>0</v>
      </c>
      <c r="OH27" s="350">
        <v>0</v>
      </c>
      <c r="OI27" s="348">
        <v>77952</v>
      </c>
      <c r="OJ27" s="345">
        <v>54334</v>
      </c>
      <c r="OK27" s="346">
        <v>132286</v>
      </c>
      <c r="OL27" s="351">
        <v>0</v>
      </c>
      <c r="OM27" s="345">
        <v>1238130</v>
      </c>
      <c r="ON27" s="345">
        <v>1989084</v>
      </c>
      <c r="OO27" s="345">
        <v>2032816</v>
      </c>
      <c r="OP27" s="345">
        <v>2413805</v>
      </c>
      <c r="OQ27" s="345">
        <v>1949811</v>
      </c>
      <c r="OR27" s="349">
        <v>9623646</v>
      </c>
      <c r="OS27" s="354">
        <v>9755932</v>
      </c>
    </row>
    <row r="28" spans="2:409" s="70" customFormat="1" ht="21" customHeight="1" x14ac:dyDescent="0.2">
      <c r="B28" s="106" t="s">
        <v>23</v>
      </c>
      <c r="C28" s="326">
        <v>86693</v>
      </c>
      <c r="D28" s="327">
        <v>153848</v>
      </c>
      <c r="E28" s="328">
        <v>240541</v>
      </c>
      <c r="F28" s="329">
        <v>0</v>
      </c>
      <c r="G28" s="327">
        <v>1191985</v>
      </c>
      <c r="H28" s="327">
        <v>1923167</v>
      </c>
      <c r="I28" s="327">
        <v>2169723</v>
      </c>
      <c r="J28" s="327">
        <v>2322730</v>
      </c>
      <c r="K28" s="327">
        <v>1781096</v>
      </c>
      <c r="L28" s="367">
        <v>9388701</v>
      </c>
      <c r="M28" s="330">
        <v>9629242</v>
      </c>
      <c r="N28" s="326">
        <v>77789</v>
      </c>
      <c r="O28" s="327">
        <v>109608</v>
      </c>
      <c r="P28" s="328">
        <v>187397</v>
      </c>
      <c r="Q28" s="326">
        <v>0</v>
      </c>
      <c r="R28" s="327">
        <v>141702</v>
      </c>
      <c r="S28" s="327">
        <v>770181</v>
      </c>
      <c r="T28" s="327">
        <v>1069120</v>
      </c>
      <c r="U28" s="327">
        <v>323820</v>
      </c>
      <c r="V28" s="327">
        <v>431625</v>
      </c>
      <c r="W28" s="328">
        <v>2736448</v>
      </c>
      <c r="X28" s="330">
        <v>2923845</v>
      </c>
      <c r="Y28" s="326">
        <v>0</v>
      </c>
      <c r="Z28" s="327">
        <v>0</v>
      </c>
      <c r="AA28" s="328">
        <v>0</v>
      </c>
      <c r="AB28" s="326">
        <v>0</v>
      </c>
      <c r="AC28" s="327">
        <v>0</v>
      </c>
      <c r="AD28" s="327">
        <v>151600</v>
      </c>
      <c r="AE28" s="327">
        <v>663149</v>
      </c>
      <c r="AF28" s="327">
        <v>60180</v>
      </c>
      <c r="AG28" s="327">
        <v>203570</v>
      </c>
      <c r="AH28" s="328">
        <v>1078499</v>
      </c>
      <c r="AI28" s="330">
        <v>1078499</v>
      </c>
      <c r="AJ28" s="326">
        <v>0</v>
      </c>
      <c r="AK28" s="327">
        <v>0</v>
      </c>
      <c r="AL28" s="328">
        <v>0</v>
      </c>
      <c r="AM28" s="326">
        <v>0</v>
      </c>
      <c r="AN28" s="327">
        <v>0</v>
      </c>
      <c r="AO28" s="327">
        <v>71948</v>
      </c>
      <c r="AP28" s="327">
        <v>10410</v>
      </c>
      <c r="AQ28" s="327">
        <v>0</v>
      </c>
      <c r="AR28" s="327">
        <v>0</v>
      </c>
      <c r="AS28" s="328">
        <v>82358</v>
      </c>
      <c r="AT28" s="330">
        <v>82358</v>
      </c>
      <c r="AU28" s="326">
        <v>59105</v>
      </c>
      <c r="AV28" s="327">
        <v>82567</v>
      </c>
      <c r="AW28" s="328">
        <v>141672</v>
      </c>
      <c r="AX28" s="326">
        <v>0</v>
      </c>
      <c r="AY28" s="327">
        <v>91484</v>
      </c>
      <c r="AZ28" s="327">
        <v>420284</v>
      </c>
      <c r="BA28" s="327">
        <v>268910</v>
      </c>
      <c r="BB28" s="327">
        <v>98139</v>
      </c>
      <c r="BC28" s="327">
        <v>84471</v>
      </c>
      <c r="BD28" s="328">
        <v>963288</v>
      </c>
      <c r="BE28" s="330">
        <v>1104960</v>
      </c>
      <c r="BF28" s="326">
        <v>18684</v>
      </c>
      <c r="BG28" s="327">
        <v>27041</v>
      </c>
      <c r="BH28" s="331">
        <v>45725</v>
      </c>
      <c r="BI28" s="332">
        <v>0</v>
      </c>
      <c r="BJ28" s="327">
        <v>0</v>
      </c>
      <c r="BK28" s="327">
        <v>36245</v>
      </c>
      <c r="BL28" s="327">
        <v>0</v>
      </c>
      <c r="BM28" s="327">
        <v>0</v>
      </c>
      <c r="BN28" s="327">
        <v>0</v>
      </c>
      <c r="BO28" s="328">
        <v>36245</v>
      </c>
      <c r="BP28" s="330">
        <v>81970</v>
      </c>
      <c r="BQ28" s="326">
        <v>0</v>
      </c>
      <c r="BR28" s="327">
        <v>0</v>
      </c>
      <c r="BS28" s="328">
        <v>0</v>
      </c>
      <c r="BT28" s="326">
        <v>0</v>
      </c>
      <c r="BU28" s="327">
        <v>50218</v>
      </c>
      <c r="BV28" s="327">
        <v>90104</v>
      </c>
      <c r="BW28" s="327">
        <v>126651</v>
      </c>
      <c r="BX28" s="327">
        <v>165501</v>
      </c>
      <c r="BY28" s="327">
        <v>143584</v>
      </c>
      <c r="BZ28" s="328">
        <v>576058</v>
      </c>
      <c r="CA28" s="330">
        <v>576058</v>
      </c>
      <c r="CB28" s="326">
        <v>0</v>
      </c>
      <c r="CC28" s="327">
        <v>0</v>
      </c>
      <c r="CD28" s="328">
        <v>0</v>
      </c>
      <c r="CE28" s="326">
        <v>0</v>
      </c>
      <c r="CF28" s="327">
        <v>509354</v>
      </c>
      <c r="CG28" s="327">
        <v>484129</v>
      </c>
      <c r="CH28" s="327">
        <v>431591</v>
      </c>
      <c r="CI28" s="327">
        <v>364066</v>
      </c>
      <c r="CJ28" s="327">
        <v>261493</v>
      </c>
      <c r="CK28" s="328">
        <v>2050633</v>
      </c>
      <c r="CL28" s="330">
        <v>2050633</v>
      </c>
      <c r="CM28" s="326">
        <v>0</v>
      </c>
      <c r="CN28" s="327">
        <v>0</v>
      </c>
      <c r="CO28" s="328">
        <v>0</v>
      </c>
      <c r="CP28" s="332">
        <v>0</v>
      </c>
      <c r="CQ28" s="327">
        <v>458066</v>
      </c>
      <c r="CR28" s="327">
        <v>484129</v>
      </c>
      <c r="CS28" s="327">
        <v>307369</v>
      </c>
      <c r="CT28" s="327">
        <v>273756</v>
      </c>
      <c r="CU28" s="327">
        <v>166996</v>
      </c>
      <c r="CV28" s="328">
        <v>1690316</v>
      </c>
      <c r="CW28" s="330">
        <v>1690316</v>
      </c>
      <c r="CX28" s="326">
        <v>0</v>
      </c>
      <c r="CY28" s="327">
        <v>0</v>
      </c>
      <c r="CZ28" s="328">
        <v>0</v>
      </c>
      <c r="DA28" s="326">
        <v>0</v>
      </c>
      <c r="DB28" s="327">
        <v>51288</v>
      </c>
      <c r="DC28" s="327">
        <v>0</v>
      </c>
      <c r="DD28" s="327">
        <v>124222</v>
      </c>
      <c r="DE28" s="327">
        <v>90310</v>
      </c>
      <c r="DF28" s="327">
        <v>94497</v>
      </c>
      <c r="DG28" s="328">
        <v>360317</v>
      </c>
      <c r="DH28" s="330">
        <v>360317</v>
      </c>
      <c r="DI28" s="326">
        <v>0</v>
      </c>
      <c r="DJ28" s="327">
        <v>0</v>
      </c>
      <c r="DK28" s="331">
        <v>0</v>
      </c>
      <c r="DL28" s="332">
        <v>0</v>
      </c>
      <c r="DM28" s="327">
        <v>76904</v>
      </c>
      <c r="DN28" s="327">
        <v>178463</v>
      </c>
      <c r="DO28" s="327">
        <v>502391</v>
      </c>
      <c r="DP28" s="327">
        <v>103301</v>
      </c>
      <c r="DQ28" s="327">
        <v>0</v>
      </c>
      <c r="DR28" s="328">
        <v>861059</v>
      </c>
      <c r="DS28" s="330">
        <v>861059</v>
      </c>
      <c r="DT28" s="326">
        <v>0</v>
      </c>
      <c r="DU28" s="327">
        <v>0</v>
      </c>
      <c r="DV28" s="328">
        <v>0</v>
      </c>
      <c r="DW28" s="326">
        <v>0</v>
      </c>
      <c r="DX28" s="327">
        <v>76904</v>
      </c>
      <c r="DY28" s="327">
        <v>178463</v>
      </c>
      <c r="DZ28" s="327">
        <v>502391</v>
      </c>
      <c r="EA28" s="327">
        <v>103301</v>
      </c>
      <c r="EB28" s="327">
        <v>0</v>
      </c>
      <c r="EC28" s="328">
        <v>861059</v>
      </c>
      <c r="ED28" s="330">
        <v>861059</v>
      </c>
      <c r="EE28" s="326">
        <v>0</v>
      </c>
      <c r="EF28" s="331">
        <v>0</v>
      </c>
      <c r="EG28" s="328">
        <v>0</v>
      </c>
      <c r="EH28" s="326">
        <v>0</v>
      </c>
      <c r="EI28" s="327">
        <v>0</v>
      </c>
      <c r="EJ28" s="327">
        <v>0</v>
      </c>
      <c r="EK28" s="327">
        <v>0</v>
      </c>
      <c r="EL28" s="327">
        <v>0</v>
      </c>
      <c r="EM28" s="327">
        <v>0</v>
      </c>
      <c r="EN28" s="331">
        <v>0</v>
      </c>
      <c r="EO28" s="330">
        <v>0</v>
      </c>
      <c r="EP28" s="326">
        <v>0</v>
      </c>
      <c r="EQ28" s="327">
        <v>0</v>
      </c>
      <c r="ER28" s="331">
        <v>0</v>
      </c>
      <c r="ES28" s="332">
        <v>0</v>
      </c>
      <c r="ET28" s="327">
        <v>0</v>
      </c>
      <c r="EU28" s="327">
        <v>0</v>
      </c>
      <c r="EV28" s="327">
        <v>0</v>
      </c>
      <c r="EW28" s="327">
        <v>0</v>
      </c>
      <c r="EX28" s="327">
        <v>0</v>
      </c>
      <c r="EY28" s="328">
        <v>0</v>
      </c>
      <c r="EZ28" s="330">
        <v>0</v>
      </c>
      <c r="FA28" s="326">
        <v>0</v>
      </c>
      <c r="FB28" s="327">
        <v>0</v>
      </c>
      <c r="FC28" s="331">
        <v>0</v>
      </c>
      <c r="FD28" s="404">
        <v>0</v>
      </c>
      <c r="FE28" s="327">
        <v>0</v>
      </c>
      <c r="FF28" s="327">
        <v>0</v>
      </c>
      <c r="FG28" s="327">
        <v>0</v>
      </c>
      <c r="FH28" s="327">
        <v>0</v>
      </c>
      <c r="FI28" s="327">
        <v>0</v>
      </c>
      <c r="FJ28" s="328">
        <v>0</v>
      </c>
      <c r="FK28" s="330">
        <v>0</v>
      </c>
      <c r="FL28" s="326">
        <v>8904</v>
      </c>
      <c r="FM28" s="327">
        <v>44240</v>
      </c>
      <c r="FN28" s="328">
        <v>53144</v>
      </c>
      <c r="FO28" s="326">
        <v>0</v>
      </c>
      <c r="FP28" s="327">
        <v>53116</v>
      </c>
      <c r="FQ28" s="327">
        <v>182770</v>
      </c>
      <c r="FR28" s="327">
        <v>166621</v>
      </c>
      <c r="FS28" s="327">
        <v>110817</v>
      </c>
      <c r="FT28" s="327">
        <v>72086</v>
      </c>
      <c r="FU28" s="328">
        <v>585410</v>
      </c>
      <c r="FV28" s="330">
        <v>638554</v>
      </c>
      <c r="FW28" s="333">
        <v>8904</v>
      </c>
      <c r="FX28" s="327">
        <v>44240</v>
      </c>
      <c r="FY28" s="331">
        <v>53144</v>
      </c>
      <c r="FZ28" s="332">
        <v>0</v>
      </c>
      <c r="GA28" s="327">
        <v>53116</v>
      </c>
      <c r="GB28" s="327">
        <v>157514</v>
      </c>
      <c r="GC28" s="327">
        <v>166621</v>
      </c>
      <c r="GD28" s="327">
        <v>110817</v>
      </c>
      <c r="GE28" s="327">
        <v>72086</v>
      </c>
      <c r="GF28" s="328">
        <v>560154</v>
      </c>
      <c r="GG28" s="334">
        <v>613298</v>
      </c>
      <c r="GH28" s="333">
        <v>0</v>
      </c>
      <c r="GI28" s="327">
        <v>0</v>
      </c>
      <c r="GJ28" s="331">
        <v>0</v>
      </c>
      <c r="GK28" s="332">
        <v>0</v>
      </c>
      <c r="GL28" s="327">
        <v>0</v>
      </c>
      <c r="GM28" s="327">
        <v>25256</v>
      </c>
      <c r="GN28" s="327">
        <v>0</v>
      </c>
      <c r="GO28" s="327">
        <v>0</v>
      </c>
      <c r="GP28" s="327">
        <v>0</v>
      </c>
      <c r="GQ28" s="328">
        <v>25256</v>
      </c>
      <c r="GR28" s="330">
        <v>25256</v>
      </c>
      <c r="GS28" s="326">
        <v>0</v>
      </c>
      <c r="GT28" s="327">
        <v>0</v>
      </c>
      <c r="GU28" s="328">
        <v>0</v>
      </c>
      <c r="GV28" s="326">
        <v>0</v>
      </c>
      <c r="GW28" s="327">
        <v>0</v>
      </c>
      <c r="GX28" s="327">
        <v>0</v>
      </c>
      <c r="GY28" s="327">
        <v>0</v>
      </c>
      <c r="GZ28" s="327">
        <v>0</v>
      </c>
      <c r="HA28" s="327">
        <v>0</v>
      </c>
      <c r="HB28" s="331">
        <v>0</v>
      </c>
      <c r="HC28" s="330">
        <v>0</v>
      </c>
      <c r="HD28" s="326">
        <v>0</v>
      </c>
      <c r="HE28" s="327">
        <v>0</v>
      </c>
      <c r="HF28" s="331">
        <v>0</v>
      </c>
      <c r="HG28" s="332">
        <v>0</v>
      </c>
      <c r="HH28" s="327">
        <v>410909</v>
      </c>
      <c r="HI28" s="327">
        <v>307624</v>
      </c>
      <c r="HJ28" s="327">
        <v>0</v>
      </c>
      <c r="HK28" s="327">
        <v>1420726</v>
      </c>
      <c r="HL28" s="327">
        <v>1015892</v>
      </c>
      <c r="HM28" s="328">
        <v>3155151</v>
      </c>
      <c r="HN28" s="329">
        <v>3155151</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233505</v>
      </c>
      <c r="IE28" s="357">
        <v>383297</v>
      </c>
      <c r="IF28" s="358">
        <v>1011404</v>
      </c>
      <c r="IG28" s="356">
        <v>0</v>
      </c>
      <c r="IH28" s="358">
        <v>269267</v>
      </c>
      <c r="II28" s="359">
        <v>1897473</v>
      </c>
      <c r="IJ28" s="358">
        <v>1897473</v>
      </c>
      <c r="IK28" s="342">
        <v>0</v>
      </c>
      <c r="IL28" s="343">
        <v>0</v>
      </c>
      <c r="IM28" s="344">
        <v>0</v>
      </c>
      <c r="IN28" s="404">
        <v>0</v>
      </c>
      <c r="IO28" s="345">
        <v>0</v>
      </c>
      <c r="IP28" s="345">
        <v>0</v>
      </c>
      <c r="IQ28" s="345">
        <v>0</v>
      </c>
      <c r="IR28" s="345">
        <v>0</v>
      </c>
      <c r="IS28" s="345">
        <v>269267</v>
      </c>
      <c r="IT28" s="346">
        <v>269267</v>
      </c>
      <c r="IU28" s="347">
        <v>269267</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27925</v>
      </c>
      <c r="JL28" s="345">
        <v>172311</v>
      </c>
      <c r="JM28" s="345">
        <v>0</v>
      </c>
      <c r="JN28" s="345">
        <v>0</v>
      </c>
      <c r="JO28" s="345">
        <v>0</v>
      </c>
      <c r="JP28" s="349">
        <v>200236</v>
      </c>
      <c r="JQ28" s="347">
        <v>200236</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0</v>
      </c>
      <c r="KJ28" s="345">
        <v>0</v>
      </c>
      <c r="KK28" s="345">
        <v>0</v>
      </c>
      <c r="KL28" s="349">
        <v>0</v>
      </c>
      <c r="KM28" s="354">
        <v>0</v>
      </c>
      <c r="KN28" s="342">
        <v>0</v>
      </c>
      <c r="KO28" s="343">
        <v>0</v>
      </c>
      <c r="KP28" s="344">
        <v>0</v>
      </c>
      <c r="KQ28" s="404">
        <v>0</v>
      </c>
      <c r="KR28" s="345">
        <v>205580</v>
      </c>
      <c r="KS28" s="345">
        <v>210986</v>
      </c>
      <c r="KT28" s="345">
        <v>1011404</v>
      </c>
      <c r="KU28" s="345">
        <v>0</v>
      </c>
      <c r="KV28" s="345">
        <v>0</v>
      </c>
      <c r="KW28" s="349">
        <v>1427970</v>
      </c>
      <c r="KX28" s="347">
        <v>1427970</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0</v>
      </c>
      <c r="MA28" s="345">
        <v>0</v>
      </c>
      <c r="MB28" s="345">
        <v>0</v>
      </c>
      <c r="MC28" s="345">
        <v>0</v>
      </c>
      <c r="MD28" s="349">
        <v>0</v>
      </c>
      <c r="ME28" s="350">
        <v>0</v>
      </c>
      <c r="MF28" s="348">
        <v>0</v>
      </c>
      <c r="MG28" s="345">
        <v>0</v>
      </c>
      <c r="MH28" s="349">
        <v>0</v>
      </c>
      <c r="MI28" s="404">
        <v>0</v>
      </c>
      <c r="MJ28" s="345">
        <v>0</v>
      </c>
      <c r="MK28" s="345">
        <v>0</v>
      </c>
      <c r="ML28" s="345">
        <v>658818</v>
      </c>
      <c r="MM28" s="345">
        <v>659555</v>
      </c>
      <c r="MN28" s="345">
        <v>1286699</v>
      </c>
      <c r="MO28" s="349">
        <v>2605072</v>
      </c>
      <c r="MP28" s="354">
        <v>2605072</v>
      </c>
      <c r="MQ28" s="348">
        <v>0</v>
      </c>
      <c r="MR28" s="345">
        <v>0</v>
      </c>
      <c r="MS28" s="349">
        <v>0</v>
      </c>
      <c r="MT28" s="404">
        <v>0</v>
      </c>
      <c r="MU28" s="345">
        <v>0</v>
      </c>
      <c r="MV28" s="345">
        <v>0</v>
      </c>
      <c r="MW28" s="345">
        <v>658818</v>
      </c>
      <c r="MX28" s="345">
        <v>659555</v>
      </c>
      <c r="MY28" s="345">
        <v>714278</v>
      </c>
      <c r="MZ28" s="349">
        <v>2032651</v>
      </c>
      <c r="NA28" s="354">
        <v>2032651</v>
      </c>
      <c r="NB28" s="348">
        <v>0</v>
      </c>
      <c r="NC28" s="345">
        <v>0</v>
      </c>
      <c r="ND28" s="349">
        <v>0</v>
      </c>
      <c r="NE28" s="404">
        <v>0</v>
      </c>
      <c r="NF28" s="345">
        <v>0</v>
      </c>
      <c r="NG28" s="345">
        <v>0</v>
      </c>
      <c r="NH28" s="345">
        <v>0</v>
      </c>
      <c r="NI28" s="345">
        <v>0</v>
      </c>
      <c r="NJ28" s="345">
        <v>242616</v>
      </c>
      <c r="NK28" s="349">
        <v>242616</v>
      </c>
      <c r="NL28" s="347">
        <v>242616</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329805</v>
      </c>
      <c r="OG28" s="349">
        <v>329805</v>
      </c>
      <c r="OH28" s="350">
        <v>329805</v>
      </c>
      <c r="OI28" s="348">
        <v>86693</v>
      </c>
      <c r="OJ28" s="345">
        <v>153848</v>
      </c>
      <c r="OK28" s="346">
        <v>240541</v>
      </c>
      <c r="OL28" s="351">
        <v>0</v>
      </c>
      <c r="OM28" s="345">
        <v>1425490</v>
      </c>
      <c r="ON28" s="345">
        <v>2306464</v>
      </c>
      <c r="OO28" s="345">
        <v>3839945</v>
      </c>
      <c r="OP28" s="345">
        <v>2982285</v>
      </c>
      <c r="OQ28" s="345">
        <v>3337062</v>
      </c>
      <c r="OR28" s="349">
        <v>13891246</v>
      </c>
      <c r="OS28" s="354">
        <v>14131787</v>
      </c>
    </row>
    <row r="29" spans="2:409" s="70" customFormat="1" ht="21" customHeight="1" x14ac:dyDescent="0.2">
      <c r="B29" s="106" t="s">
        <v>24</v>
      </c>
      <c r="C29" s="326">
        <v>282878</v>
      </c>
      <c r="D29" s="327">
        <v>469330</v>
      </c>
      <c r="E29" s="328">
        <v>752208</v>
      </c>
      <c r="F29" s="329">
        <v>0</v>
      </c>
      <c r="G29" s="327">
        <v>2183334</v>
      </c>
      <c r="H29" s="327">
        <v>2015199</v>
      </c>
      <c r="I29" s="327">
        <v>1771179</v>
      </c>
      <c r="J29" s="327">
        <v>1797223</v>
      </c>
      <c r="K29" s="327">
        <v>2201345</v>
      </c>
      <c r="L29" s="367">
        <v>9968280</v>
      </c>
      <c r="M29" s="330">
        <v>10720488</v>
      </c>
      <c r="N29" s="326">
        <v>44000</v>
      </c>
      <c r="O29" s="327">
        <v>92059</v>
      </c>
      <c r="P29" s="328">
        <v>136059</v>
      </c>
      <c r="Q29" s="326">
        <v>0</v>
      </c>
      <c r="R29" s="327">
        <v>702582</v>
      </c>
      <c r="S29" s="327">
        <v>494983</v>
      </c>
      <c r="T29" s="327">
        <v>553165</v>
      </c>
      <c r="U29" s="327">
        <v>731489</v>
      </c>
      <c r="V29" s="327">
        <v>762460</v>
      </c>
      <c r="W29" s="328">
        <v>3244679</v>
      </c>
      <c r="X29" s="330">
        <v>3380738</v>
      </c>
      <c r="Y29" s="326">
        <v>0</v>
      </c>
      <c r="Z29" s="327">
        <v>0</v>
      </c>
      <c r="AA29" s="328">
        <v>0</v>
      </c>
      <c r="AB29" s="326">
        <v>0</v>
      </c>
      <c r="AC29" s="327">
        <v>216702</v>
      </c>
      <c r="AD29" s="327">
        <v>194531</v>
      </c>
      <c r="AE29" s="327">
        <v>236075</v>
      </c>
      <c r="AF29" s="327">
        <v>216892</v>
      </c>
      <c r="AG29" s="327">
        <v>376982</v>
      </c>
      <c r="AH29" s="328">
        <v>1241182</v>
      </c>
      <c r="AI29" s="330">
        <v>1241182</v>
      </c>
      <c r="AJ29" s="326">
        <v>0</v>
      </c>
      <c r="AK29" s="327">
        <v>0</v>
      </c>
      <c r="AL29" s="328">
        <v>0</v>
      </c>
      <c r="AM29" s="326">
        <v>0</v>
      </c>
      <c r="AN29" s="327">
        <v>42464</v>
      </c>
      <c r="AO29" s="327">
        <v>0</v>
      </c>
      <c r="AP29" s="327">
        <v>0</v>
      </c>
      <c r="AQ29" s="327">
        <v>0</v>
      </c>
      <c r="AR29" s="327">
        <v>84121</v>
      </c>
      <c r="AS29" s="328">
        <v>126585</v>
      </c>
      <c r="AT29" s="330">
        <v>126585</v>
      </c>
      <c r="AU29" s="326">
        <v>40374</v>
      </c>
      <c r="AV29" s="327">
        <v>74685</v>
      </c>
      <c r="AW29" s="328">
        <v>115059</v>
      </c>
      <c r="AX29" s="326">
        <v>0</v>
      </c>
      <c r="AY29" s="327">
        <v>275087</v>
      </c>
      <c r="AZ29" s="327">
        <v>217565</v>
      </c>
      <c r="BA29" s="327">
        <v>188598</v>
      </c>
      <c r="BB29" s="327">
        <v>340003</v>
      </c>
      <c r="BC29" s="327">
        <v>130259</v>
      </c>
      <c r="BD29" s="328">
        <v>1151512</v>
      </c>
      <c r="BE29" s="330">
        <v>1266571</v>
      </c>
      <c r="BF29" s="326">
        <v>0</v>
      </c>
      <c r="BG29" s="327">
        <v>0</v>
      </c>
      <c r="BH29" s="331">
        <v>0</v>
      </c>
      <c r="BI29" s="332">
        <v>0</v>
      </c>
      <c r="BJ29" s="327">
        <v>0</v>
      </c>
      <c r="BK29" s="327">
        <v>0</v>
      </c>
      <c r="BL29" s="327">
        <v>0</v>
      </c>
      <c r="BM29" s="327">
        <v>0</v>
      </c>
      <c r="BN29" s="327">
        <v>28788</v>
      </c>
      <c r="BO29" s="328">
        <v>28788</v>
      </c>
      <c r="BP29" s="330">
        <v>28788</v>
      </c>
      <c r="BQ29" s="326">
        <v>3626</v>
      </c>
      <c r="BR29" s="327">
        <v>17374</v>
      </c>
      <c r="BS29" s="328">
        <v>21000</v>
      </c>
      <c r="BT29" s="326">
        <v>0</v>
      </c>
      <c r="BU29" s="327">
        <v>168329</v>
      </c>
      <c r="BV29" s="327">
        <v>82887</v>
      </c>
      <c r="BW29" s="327">
        <v>128492</v>
      </c>
      <c r="BX29" s="327">
        <v>174594</v>
      </c>
      <c r="BY29" s="327">
        <v>142310</v>
      </c>
      <c r="BZ29" s="328">
        <v>696612</v>
      </c>
      <c r="CA29" s="330">
        <v>717612</v>
      </c>
      <c r="CB29" s="326">
        <v>35733</v>
      </c>
      <c r="CC29" s="327">
        <v>35660</v>
      </c>
      <c r="CD29" s="328">
        <v>71393</v>
      </c>
      <c r="CE29" s="326">
        <v>0</v>
      </c>
      <c r="CF29" s="327">
        <v>527544</v>
      </c>
      <c r="CG29" s="327">
        <v>487401</v>
      </c>
      <c r="CH29" s="327">
        <v>200807</v>
      </c>
      <c r="CI29" s="327">
        <v>156433</v>
      </c>
      <c r="CJ29" s="327">
        <v>368130</v>
      </c>
      <c r="CK29" s="328">
        <v>1740315</v>
      </c>
      <c r="CL29" s="330">
        <v>1811708</v>
      </c>
      <c r="CM29" s="326">
        <v>0</v>
      </c>
      <c r="CN29" s="327">
        <v>0</v>
      </c>
      <c r="CO29" s="328">
        <v>0</v>
      </c>
      <c r="CP29" s="332">
        <v>0</v>
      </c>
      <c r="CQ29" s="327">
        <v>313915</v>
      </c>
      <c r="CR29" s="327">
        <v>286427</v>
      </c>
      <c r="CS29" s="327">
        <v>88072</v>
      </c>
      <c r="CT29" s="327">
        <v>61285</v>
      </c>
      <c r="CU29" s="327">
        <v>101656</v>
      </c>
      <c r="CV29" s="328">
        <v>851355</v>
      </c>
      <c r="CW29" s="330">
        <v>851355</v>
      </c>
      <c r="CX29" s="326">
        <v>35733</v>
      </c>
      <c r="CY29" s="327">
        <v>35660</v>
      </c>
      <c r="CZ29" s="328">
        <v>71393</v>
      </c>
      <c r="DA29" s="326">
        <v>0</v>
      </c>
      <c r="DB29" s="327">
        <v>213629</v>
      </c>
      <c r="DC29" s="327">
        <v>200974</v>
      </c>
      <c r="DD29" s="327">
        <v>112735</v>
      </c>
      <c r="DE29" s="327">
        <v>95148</v>
      </c>
      <c r="DF29" s="327">
        <v>266474</v>
      </c>
      <c r="DG29" s="328">
        <v>888960</v>
      </c>
      <c r="DH29" s="330">
        <v>960353</v>
      </c>
      <c r="DI29" s="326">
        <v>0</v>
      </c>
      <c r="DJ29" s="327">
        <v>0</v>
      </c>
      <c r="DK29" s="331">
        <v>0</v>
      </c>
      <c r="DL29" s="332">
        <v>0</v>
      </c>
      <c r="DM29" s="327">
        <v>0</v>
      </c>
      <c r="DN29" s="327">
        <v>0</v>
      </c>
      <c r="DO29" s="327">
        <v>24702</v>
      </c>
      <c r="DP29" s="327">
        <v>0</v>
      </c>
      <c r="DQ29" s="327">
        <v>92730</v>
      </c>
      <c r="DR29" s="328">
        <v>117432</v>
      </c>
      <c r="DS29" s="330">
        <v>117432</v>
      </c>
      <c r="DT29" s="326">
        <v>0</v>
      </c>
      <c r="DU29" s="327">
        <v>0</v>
      </c>
      <c r="DV29" s="328">
        <v>0</v>
      </c>
      <c r="DW29" s="326">
        <v>0</v>
      </c>
      <c r="DX29" s="327">
        <v>0</v>
      </c>
      <c r="DY29" s="327">
        <v>0</v>
      </c>
      <c r="DZ29" s="327">
        <v>24702</v>
      </c>
      <c r="EA29" s="327">
        <v>0</v>
      </c>
      <c r="EB29" s="327">
        <v>92730</v>
      </c>
      <c r="EC29" s="328">
        <v>117432</v>
      </c>
      <c r="ED29" s="330">
        <v>117432</v>
      </c>
      <c r="EE29" s="326">
        <v>0</v>
      </c>
      <c r="EF29" s="331">
        <v>0</v>
      </c>
      <c r="EG29" s="328">
        <v>0</v>
      </c>
      <c r="EH29" s="326">
        <v>0</v>
      </c>
      <c r="EI29" s="327">
        <v>0</v>
      </c>
      <c r="EJ29" s="327">
        <v>0</v>
      </c>
      <c r="EK29" s="327">
        <v>0</v>
      </c>
      <c r="EL29" s="327">
        <v>0</v>
      </c>
      <c r="EM29" s="327">
        <v>0</v>
      </c>
      <c r="EN29" s="331">
        <v>0</v>
      </c>
      <c r="EO29" s="330">
        <v>0</v>
      </c>
      <c r="EP29" s="326">
        <v>0</v>
      </c>
      <c r="EQ29" s="327">
        <v>0</v>
      </c>
      <c r="ER29" s="331">
        <v>0</v>
      </c>
      <c r="ES29" s="332">
        <v>0</v>
      </c>
      <c r="ET29" s="327">
        <v>0</v>
      </c>
      <c r="EU29" s="327">
        <v>0</v>
      </c>
      <c r="EV29" s="327">
        <v>0</v>
      </c>
      <c r="EW29" s="327">
        <v>0</v>
      </c>
      <c r="EX29" s="327">
        <v>0</v>
      </c>
      <c r="EY29" s="328">
        <v>0</v>
      </c>
      <c r="EZ29" s="330">
        <v>0</v>
      </c>
      <c r="FA29" s="326">
        <v>0</v>
      </c>
      <c r="FB29" s="327">
        <v>0</v>
      </c>
      <c r="FC29" s="331">
        <v>0</v>
      </c>
      <c r="FD29" s="404">
        <v>0</v>
      </c>
      <c r="FE29" s="327">
        <v>0</v>
      </c>
      <c r="FF29" s="327">
        <v>0</v>
      </c>
      <c r="FG29" s="327">
        <v>0</v>
      </c>
      <c r="FH29" s="327">
        <v>0</v>
      </c>
      <c r="FI29" s="327">
        <v>0</v>
      </c>
      <c r="FJ29" s="328">
        <v>0</v>
      </c>
      <c r="FK29" s="330">
        <v>0</v>
      </c>
      <c r="FL29" s="326">
        <v>108066</v>
      </c>
      <c r="FM29" s="327">
        <v>164731</v>
      </c>
      <c r="FN29" s="328">
        <v>272797</v>
      </c>
      <c r="FO29" s="326">
        <v>0</v>
      </c>
      <c r="FP29" s="327">
        <v>101990</v>
      </c>
      <c r="FQ29" s="327">
        <v>251328</v>
      </c>
      <c r="FR29" s="327">
        <v>98364</v>
      </c>
      <c r="FS29" s="327">
        <v>137746</v>
      </c>
      <c r="FT29" s="327">
        <v>138068</v>
      </c>
      <c r="FU29" s="328">
        <v>727496</v>
      </c>
      <c r="FV29" s="330">
        <v>1000293</v>
      </c>
      <c r="FW29" s="333">
        <v>16576</v>
      </c>
      <c r="FX29" s="327">
        <v>36281</v>
      </c>
      <c r="FY29" s="331">
        <v>52857</v>
      </c>
      <c r="FZ29" s="332">
        <v>0</v>
      </c>
      <c r="GA29" s="327">
        <v>53690</v>
      </c>
      <c r="GB29" s="327">
        <v>218064</v>
      </c>
      <c r="GC29" s="327">
        <v>98364</v>
      </c>
      <c r="GD29" s="327">
        <v>137746</v>
      </c>
      <c r="GE29" s="327">
        <v>138068</v>
      </c>
      <c r="GF29" s="328">
        <v>645932</v>
      </c>
      <c r="GG29" s="334">
        <v>698789</v>
      </c>
      <c r="GH29" s="333">
        <v>0</v>
      </c>
      <c r="GI29" s="327">
        <v>0</v>
      </c>
      <c r="GJ29" s="331">
        <v>0</v>
      </c>
      <c r="GK29" s="332">
        <v>0</v>
      </c>
      <c r="GL29" s="327">
        <v>0</v>
      </c>
      <c r="GM29" s="327">
        <v>33264</v>
      </c>
      <c r="GN29" s="327">
        <v>0</v>
      </c>
      <c r="GO29" s="327">
        <v>0</v>
      </c>
      <c r="GP29" s="327">
        <v>0</v>
      </c>
      <c r="GQ29" s="328">
        <v>33264</v>
      </c>
      <c r="GR29" s="330">
        <v>33264</v>
      </c>
      <c r="GS29" s="326">
        <v>91490</v>
      </c>
      <c r="GT29" s="327">
        <v>128450</v>
      </c>
      <c r="GU29" s="328">
        <v>219940</v>
      </c>
      <c r="GV29" s="326">
        <v>0</v>
      </c>
      <c r="GW29" s="327">
        <v>48300</v>
      </c>
      <c r="GX29" s="327">
        <v>0</v>
      </c>
      <c r="GY29" s="327">
        <v>0</v>
      </c>
      <c r="GZ29" s="327">
        <v>0</v>
      </c>
      <c r="HA29" s="327">
        <v>0</v>
      </c>
      <c r="HB29" s="331">
        <v>48300</v>
      </c>
      <c r="HC29" s="330">
        <v>268240</v>
      </c>
      <c r="HD29" s="326">
        <v>95079</v>
      </c>
      <c r="HE29" s="327">
        <v>176880</v>
      </c>
      <c r="HF29" s="331">
        <v>271959</v>
      </c>
      <c r="HG29" s="332">
        <v>0</v>
      </c>
      <c r="HH29" s="327">
        <v>851218</v>
      </c>
      <c r="HI29" s="327">
        <v>781487</v>
      </c>
      <c r="HJ29" s="327">
        <v>894141</v>
      </c>
      <c r="HK29" s="327">
        <v>771555</v>
      </c>
      <c r="HL29" s="327">
        <v>839957</v>
      </c>
      <c r="HM29" s="328">
        <v>4138358</v>
      </c>
      <c r="HN29" s="329">
        <v>4410317</v>
      </c>
      <c r="HO29" s="333">
        <v>0</v>
      </c>
      <c r="HP29" s="327">
        <v>0</v>
      </c>
      <c r="HQ29" s="328">
        <v>0</v>
      </c>
      <c r="HR29" s="326">
        <v>0</v>
      </c>
      <c r="HS29" s="327">
        <v>0</v>
      </c>
      <c r="HT29" s="327">
        <v>0</v>
      </c>
      <c r="HU29" s="327">
        <v>0</v>
      </c>
      <c r="HV29" s="327">
        <v>0</v>
      </c>
      <c r="HW29" s="327">
        <v>0</v>
      </c>
      <c r="HX29" s="331">
        <v>0</v>
      </c>
      <c r="HY29" s="330">
        <v>0</v>
      </c>
      <c r="HZ29" s="335">
        <v>0</v>
      </c>
      <c r="IA29" s="336">
        <v>0</v>
      </c>
      <c r="IB29" s="337">
        <v>0</v>
      </c>
      <c r="IC29" s="338">
        <v>0</v>
      </c>
      <c r="ID29" s="336">
        <v>189653</v>
      </c>
      <c r="IE29" s="339">
        <v>378323</v>
      </c>
      <c r="IF29" s="337">
        <v>0</v>
      </c>
      <c r="IG29" s="336">
        <v>359682</v>
      </c>
      <c r="IH29" s="337">
        <v>217086</v>
      </c>
      <c r="II29" s="340">
        <v>1144744</v>
      </c>
      <c r="IJ29" s="341">
        <v>1144744</v>
      </c>
      <c r="IK29" s="342">
        <v>0</v>
      </c>
      <c r="IL29" s="343">
        <v>0</v>
      </c>
      <c r="IM29" s="344">
        <v>0</v>
      </c>
      <c r="IN29" s="404">
        <v>0</v>
      </c>
      <c r="IO29" s="345">
        <v>0</v>
      </c>
      <c r="IP29" s="345">
        <v>0</v>
      </c>
      <c r="IQ29" s="345">
        <v>0</v>
      </c>
      <c r="IR29" s="345">
        <v>0</v>
      </c>
      <c r="IS29" s="345">
        <v>0</v>
      </c>
      <c r="IT29" s="346">
        <v>0</v>
      </c>
      <c r="IU29" s="347">
        <v>0</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0</v>
      </c>
      <c r="JL29" s="345">
        <v>47843</v>
      </c>
      <c r="JM29" s="345">
        <v>0</v>
      </c>
      <c r="JN29" s="345">
        <v>154690</v>
      </c>
      <c r="JO29" s="345">
        <v>0</v>
      </c>
      <c r="JP29" s="349">
        <v>202533</v>
      </c>
      <c r="JQ29" s="347">
        <v>202533</v>
      </c>
      <c r="JR29" s="348">
        <v>0</v>
      </c>
      <c r="JS29" s="345">
        <v>0</v>
      </c>
      <c r="JT29" s="346">
        <v>0</v>
      </c>
      <c r="JU29" s="351">
        <v>0</v>
      </c>
      <c r="JV29" s="345">
        <v>0</v>
      </c>
      <c r="JW29" s="345">
        <v>0</v>
      </c>
      <c r="JX29" s="345">
        <v>0</v>
      </c>
      <c r="JY29" s="345">
        <v>0</v>
      </c>
      <c r="JZ29" s="345">
        <v>0</v>
      </c>
      <c r="KA29" s="349">
        <v>0</v>
      </c>
      <c r="KB29" s="347">
        <v>0</v>
      </c>
      <c r="KC29" s="352">
        <v>0</v>
      </c>
      <c r="KD29" s="353">
        <v>0</v>
      </c>
      <c r="KE29" s="349">
        <v>0</v>
      </c>
      <c r="KF29" s="351">
        <v>0</v>
      </c>
      <c r="KG29" s="345">
        <v>189653</v>
      </c>
      <c r="KH29" s="345">
        <v>128624</v>
      </c>
      <c r="KI29" s="345">
        <v>0</v>
      </c>
      <c r="KJ29" s="345">
        <v>204992</v>
      </c>
      <c r="KK29" s="345">
        <v>0</v>
      </c>
      <c r="KL29" s="349">
        <v>523269</v>
      </c>
      <c r="KM29" s="354">
        <v>523269</v>
      </c>
      <c r="KN29" s="342">
        <v>0</v>
      </c>
      <c r="KO29" s="343">
        <v>0</v>
      </c>
      <c r="KP29" s="344">
        <v>0</v>
      </c>
      <c r="KQ29" s="404">
        <v>0</v>
      </c>
      <c r="KR29" s="345">
        <v>0</v>
      </c>
      <c r="KS29" s="345">
        <v>201856</v>
      </c>
      <c r="KT29" s="345">
        <v>0</v>
      </c>
      <c r="KU29" s="345">
        <v>0</v>
      </c>
      <c r="KV29" s="345">
        <v>217086</v>
      </c>
      <c r="KW29" s="349">
        <v>418942</v>
      </c>
      <c r="KX29" s="347">
        <v>418942</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19308</v>
      </c>
      <c r="MK29" s="345">
        <v>0</v>
      </c>
      <c r="ML29" s="345">
        <v>686058</v>
      </c>
      <c r="MM29" s="345">
        <v>711128</v>
      </c>
      <c r="MN29" s="345">
        <v>241658</v>
      </c>
      <c r="MO29" s="349">
        <v>1658152</v>
      </c>
      <c r="MP29" s="354">
        <v>1658152</v>
      </c>
      <c r="MQ29" s="348">
        <v>0</v>
      </c>
      <c r="MR29" s="345">
        <v>0</v>
      </c>
      <c r="MS29" s="349">
        <v>0</v>
      </c>
      <c r="MT29" s="404">
        <v>0</v>
      </c>
      <c r="MU29" s="345">
        <v>0</v>
      </c>
      <c r="MV29" s="345">
        <v>0</v>
      </c>
      <c r="MW29" s="345">
        <v>219420</v>
      </c>
      <c r="MX29" s="345">
        <v>711128</v>
      </c>
      <c r="MY29" s="345">
        <v>241658</v>
      </c>
      <c r="MZ29" s="349">
        <v>1172206</v>
      </c>
      <c r="NA29" s="354">
        <v>1172206</v>
      </c>
      <c r="NB29" s="348">
        <v>0</v>
      </c>
      <c r="NC29" s="345">
        <v>0</v>
      </c>
      <c r="ND29" s="349">
        <v>0</v>
      </c>
      <c r="NE29" s="404">
        <v>0</v>
      </c>
      <c r="NF29" s="345">
        <v>19308</v>
      </c>
      <c r="NG29" s="345">
        <v>0</v>
      </c>
      <c r="NH29" s="345">
        <v>466638</v>
      </c>
      <c r="NI29" s="345">
        <v>0</v>
      </c>
      <c r="NJ29" s="345">
        <v>0</v>
      </c>
      <c r="NK29" s="349">
        <v>485946</v>
      </c>
      <c r="NL29" s="347">
        <v>485946</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282878</v>
      </c>
      <c r="OJ29" s="345">
        <v>469330</v>
      </c>
      <c r="OK29" s="346">
        <v>752208</v>
      </c>
      <c r="OL29" s="351">
        <v>0</v>
      </c>
      <c r="OM29" s="345">
        <v>2392295</v>
      </c>
      <c r="ON29" s="345">
        <v>2393522</v>
      </c>
      <c r="OO29" s="345">
        <v>2457237</v>
      </c>
      <c r="OP29" s="345">
        <v>2868033</v>
      </c>
      <c r="OQ29" s="345">
        <v>2660089</v>
      </c>
      <c r="OR29" s="349">
        <v>12771176</v>
      </c>
      <c r="OS29" s="354">
        <v>13523384</v>
      </c>
    </row>
    <row r="30" spans="2:409" s="70" customFormat="1" ht="21" customHeight="1" x14ac:dyDescent="0.2">
      <c r="B30" s="106" t="s">
        <v>25</v>
      </c>
      <c r="C30" s="326">
        <v>45593</v>
      </c>
      <c r="D30" s="327">
        <v>168363</v>
      </c>
      <c r="E30" s="328">
        <v>213956</v>
      </c>
      <c r="F30" s="329">
        <v>0</v>
      </c>
      <c r="G30" s="327">
        <v>429987</v>
      </c>
      <c r="H30" s="327">
        <v>674680</v>
      </c>
      <c r="I30" s="327">
        <v>1106415</v>
      </c>
      <c r="J30" s="327">
        <v>185835</v>
      </c>
      <c r="K30" s="327">
        <v>674574</v>
      </c>
      <c r="L30" s="367">
        <v>3071491</v>
      </c>
      <c r="M30" s="330">
        <v>3285447</v>
      </c>
      <c r="N30" s="326">
        <v>31215</v>
      </c>
      <c r="O30" s="327">
        <v>121869</v>
      </c>
      <c r="P30" s="328">
        <v>153084</v>
      </c>
      <c r="Q30" s="326">
        <v>0</v>
      </c>
      <c r="R30" s="327">
        <v>30000</v>
      </c>
      <c r="S30" s="327">
        <v>194322</v>
      </c>
      <c r="T30" s="327">
        <v>332620</v>
      </c>
      <c r="U30" s="327">
        <v>3626</v>
      </c>
      <c r="V30" s="327">
        <v>521823</v>
      </c>
      <c r="W30" s="328">
        <v>1082391</v>
      </c>
      <c r="X30" s="330">
        <v>1235475</v>
      </c>
      <c r="Y30" s="326">
        <v>0</v>
      </c>
      <c r="Z30" s="327">
        <v>0</v>
      </c>
      <c r="AA30" s="328">
        <v>0</v>
      </c>
      <c r="AB30" s="326">
        <v>0</v>
      </c>
      <c r="AC30" s="327">
        <v>0</v>
      </c>
      <c r="AD30" s="327">
        <v>92335</v>
      </c>
      <c r="AE30" s="327">
        <v>152889</v>
      </c>
      <c r="AF30" s="327">
        <v>0</v>
      </c>
      <c r="AG30" s="327">
        <v>344554</v>
      </c>
      <c r="AH30" s="328">
        <v>589778</v>
      </c>
      <c r="AI30" s="330">
        <v>589778</v>
      </c>
      <c r="AJ30" s="326">
        <v>0</v>
      </c>
      <c r="AK30" s="327">
        <v>0</v>
      </c>
      <c r="AL30" s="328">
        <v>0</v>
      </c>
      <c r="AM30" s="326">
        <v>0</v>
      </c>
      <c r="AN30" s="327">
        <v>0</v>
      </c>
      <c r="AO30" s="327">
        <v>0</v>
      </c>
      <c r="AP30" s="327">
        <v>92508</v>
      </c>
      <c r="AQ30" s="327">
        <v>0</v>
      </c>
      <c r="AR30" s="327">
        <v>82224</v>
      </c>
      <c r="AS30" s="328">
        <v>174732</v>
      </c>
      <c r="AT30" s="330">
        <v>174732</v>
      </c>
      <c r="AU30" s="326">
        <v>25076</v>
      </c>
      <c r="AV30" s="327">
        <v>116437</v>
      </c>
      <c r="AW30" s="328">
        <v>141513</v>
      </c>
      <c r="AX30" s="326">
        <v>0</v>
      </c>
      <c r="AY30" s="327">
        <v>15818</v>
      </c>
      <c r="AZ30" s="327">
        <v>89961</v>
      </c>
      <c r="BA30" s="327">
        <v>44803</v>
      </c>
      <c r="BB30" s="327">
        <v>0</v>
      </c>
      <c r="BC30" s="327">
        <v>67507</v>
      </c>
      <c r="BD30" s="328">
        <v>218089</v>
      </c>
      <c r="BE30" s="330">
        <v>359602</v>
      </c>
      <c r="BF30" s="326">
        <v>0</v>
      </c>
      <c r="BG30" s="327">
        <v>0</v>
      </c>
      <c r="BH30" s="331">
        <v>0</v>
      </c>
      <c r="BI30" s="332">
        <v>0</v>
      </c>
      <c r="BJ30" s="327">
        <v>0</v>
      </c>
      <c r="BK30" s="327">
        <v>0</v>
      </c>
      <c r="BL30" s="327">
        <v>0</v>
      </c>
      <c r="BM30" s="327">
        <v>0</v>
      </c>
      <c r="BN30" s="327">
        <v>0</v>
      </c>
      <c r="BO30" s="328">
        <v>0</v>
      </c>
      <c r="BP30" s="330">
        <v>0</v>
      </c>
      <c r="BQ30" s="326">
        <v>6139</v>
      </c>
      <c r="BR30" s="327">
        <v>5432</v>
      </c>
      <c r="BS30" s="328">
        <v>11571</v>
      </c>
      <c r="BT30" s="326">
        <v>0</v>
      </c>
      <c r="BU30" s="327">
        <v>14182</v>
      </c>
      <c r="BV30" s="327">
        <v>12026</v>
      </c>
      <c r="BW30" s="327">
        <v>42420</v>
      </c>
      <c r="BX30" s="327">
        <v>3626</v>
      </c>
      <c r="BY30" s="327">
        <v>27538</v>
      </c>
      <c r="BZ30" s="328">
        <v>99792</v>
      </c>
      <c r="CA30" s="330">
        <v>111363</v>
      </c>
      <c r="CB30" s="326">
        <v>0</v>
      </c>
      <c r="CC30" s="327">
        <v>0</v>
      </c>
      <c r="CD30" s="328">
        <v>0</v>
      </c>
      <c r="CE30" s="326">
        <v>0</v>
      </c>
      <c r="CF30" s="327">
        <v>162244</v>
      </c>
      <c r="CG30" s="327">
        <v>233395</v>
      </c>
      <c r="CH30" s="327">
        <v>322785</v>
      </c>
      <c r="CI30" s="327">
        <v>0</v>
      </c>
      <c r="CJ30" s="327">
        <v>93951</v>
      </c>
      <c r="CK30" s="328">
        <v>812375</v>
      </c>
      <c r="CL30" s="330">
        <v>812375</v>
      </c>
      <c r="CM30" s="326">
        <v>0</v>
      </c>
      <c r="CN30" s="327">
        <v>0</v>
      </c>
      <c r="CO30" s="328">
        <v>0</v>
      </c>
      <c r="CP30" s="332">
        <v>0</v>
      </c>
      <c r="CQ30" s="327">
        <v>41102</v>
      </c>
      <c r="CR30" s="327">
        <v>183126</v>
      </c>
      <c r="CS30" s="327">
        <v>220939</v>
      </c>
      <c r="CT30" s="327">
        <v>0</v>
      </c>
      <c r="CU30" s="327">
        <v>0</v>
      </c>
      <c r="CV30" s="328">
        <v>445167</v>
      </c>
      <c r="CW30" s="330">
        <v>445167</v>
      </c>
      <c r="CX30" s="326">
        <v>0</v>
      </c>
      <c r="CY30" s="327">
        <v>0</v>
      </c>
      <c r="CZ30" s="328">
        <v>0</v>
      </c>
      <c r="DA30" s="326">
        <v>0</v>
      </c>
      <c r="DB30" s="327">
        <v>121142</v>
      </c>
      <c r="DC30" s="327">
        <v>50269</v>
      </c>
      <c r="DD30" s="327">
        <v>101846</v>
      </c>
      <c r="DE30" s="327">
        <v>0</v>
      </c>
      <c r="DF30" s="327">
        <v>93951</v>
      </c>
      <c r="DG30" s="328">
        <v>367208</v>
      </c>
      <c r="DH30" s="330">
        <v>367208</v>
      </c>
      <c r="DI30" s="326">
        <v>0</v>
      </c>
      <c r="DJ30" s="327">
        <v>0</v>
      </c>
      <c r="DK30" s="331">
        <v>0</v>
      </c>
      <c r="DL30" s="332">
        <v>0</v>
      </c>
      <c r="DM30" s="327">
        <v>93907</v>
      </c>
      <c r="DN30" s="327">
        <v>19962</v>
      </c>
      <c r="DO30" s="327">
        <v>15796</v>
      </c>
      <c r="DP30" s="327">
        <v>0</v>
      </c>
      <c r="DQ30" s="327">
        <v>0</v>
      </c>
      <c r="DR30" s="328">
        <v>129665</v>
      </c>
      <c r="DS30" s="330">
        <v>129665</v>
      </c>
      <c r="DT30" s="326">
        <v>0</v>
      </c>
      <c r="DU30" s="327">
        <v>0</v>
      </c>
      <c r="DV30" s="328">
        <v>0</v>
      </c>
      <c r="DW30" s="326">
        <v>0</v>
      </c>
      <c r="DX30" s="327">
        <v>93907</v>
      </c>
      <c r="DY30" s="327">
        <v>0</v>
      </c>
      <c r="DZ30" s="327">
        <v>15796</v>
      </c>
      <c r="EA30" s="327">
        <v>0</v>
      </c>
      <c r="EB30" s="327">
        <v>0</v>
      </c>
      <c r="EC30" s="328">
        <v>109703</v>
      </c>
      <c r="ED30" s="330">
        <v>109703</v>
      </c>
      <c r="EE30" s="326">
        <v>0</v>
      </c>
      <c r="EF30" s="331">
        <v>0</v>
      </c>
      <c r="EG30" s="328">
        <v>0</v>
      </c>
      <c r="EH30" s="326">
        <v>0</v>
      </c>
      <c r="EI30" s="327">
        <v>0</v>
      </c>
      <c r="EJ30" s="327">
        <v>19962</v>
      </c>
      <c r="EK30" s="327">
        <v>0</v>
      </c>
      <c r="EL30" s="327">
        <v>0</v>
      </c>
      <c r="EM30" s="327">
        <v>0</v>
      </c>
      <c r="EN30" s="331">
        <v>19962</v>
      </c>
      <c r="EO30" s="330">
        <v>19962</v>
      </c>
      <c r="EP30" s="326">
        <v>0</v>
      </c>
      <c r="EQ30" s="327">
        <v>0</v>
      </c>
      <c r="ER30" s="331">
        <v>0</v>
      </c>
      <c r="ES30" s="332">
        <v>0</v>
      </c>
      <c r="ET30" s="327">
        <v>0</v>
      </c>
      <c r="EU30" s="327">
        <v>0</v>
      </c>
      <c r="EV30" s="327">
        <v>0</v>
      </c>
      <c r="EW30" s="327">
        <v>0</v>
      </c>
      <c r="EX30" s="327">
        <v>0</v>
      </c>
      <c r="EY30" s="328">
        <v>0</v>
      </c>
      <c r="EZ30" s="330">
        <v>0</v>
      </c>
      <c r="FA30" s="326">
        <v>0</v>
      </c>
      <c r="FB30" s="327">
        <v>0</v>
      </c>
      <c r="FC30" s="331">
        <v>0</v>
      </c>
      <c r="FD30" s="404">
        <v>0</v>
      </c>
      <c r="FE30" s="327">
        <v>0</v>
      </c>
      <c r="FF30" s="327">
        <v>0</v>
      </c>
      <c r="FG30" s="327">
        <v>0</v>
      </c>
      <c r="FH30" s="327">
        <v>0</v>
      </c>
      <c r="FI30" s="327">
        <v>0</v>
      </c>
      <c r="FJ30" s="328">
        <v>0</v>
      </c>
      <c r="FK30" s="330">
        <v>0</v>
      </c>
      <c r="FL30" s="326">
        <v>14378</v>
      </c>
      <c r="FM30" s="327">
        <v>46494</v>
      </c>
      <c r="FN30" s="328">
        <v>60872</v>
      </c>
      <c r="FO30" s="326">
        <v>0</v>
      </c>
      <c r="FP30" s="327">
        <v>17514</v>
      </c>
      <c r="FQ30" s="327">
        <v>60606</v>
      </c>
      <c r="FR30" s="327">
        <v>99442</v>
      </c>
      <c r="FS30" s="327">
        <v>0</v>
      </c>
      <c r="FT30" s="327">
        <v>58800</v>
      </c>
      <c r="FU30" s="328">
        <v>236362</v>
      </c>
      <c r="FV30" s="330">
        <v>297234</v>
      </c>
      <c r="FW30" s="333">
        <v>14378</v>
      </c>
      <c r="FX30" s="327">
        <v>46494</v>
      </c>
      <c r="FY30" s="331">
        <v>60872</v>
      </c>
      <c r="FZ30" s="332">
        <v>0</v>
      </c>
      <c r="GA30" s="327">
        <v>17514</v>
      </c>
      <c r="GB30" s="327">
        <v>60606</v>
      </c>
      <c r="GC30" s="327">
        <v>99442</v>
      </c>
      <c r="GD30" s="327">
        <v>0</v>
      </c>
      <c r="GE30" s="327">
        <v>58800</v>
      </c>
      <c r="GF30" s="328">
        <v>236362</v>
      </c>
      <c r="GG30" s="334">
        <v>297234</v>
      </c>
      <c r="GH30" s="333">
        <v>0</v>
      </c>
      <c r="GI30" s="327">
        <v>0</v>
      </c>
      <c r="GJ30" s="331">
        <v>0</v>
      </c>
      <c r="GK30" s="332">
        <v>0</v>
      </c>
      <c r="GL30" s="327">
        <v>0</v>
      </c>
      <c r="GM30" s="327">
        <v>0</v>
      </c>
      <c r="GN30" s="327">
        <v>0</v>
      </c>
      <c r="GO30" s="327">
        <v>0</v>
      </c>
      <c r="GP30" s="327">
        <v>0</v>
      </c>
      <c r="GQ30" s="328">
        <v>0</v>
      </c>
      <c r="GR30" s="330">
        <v>0</v>
      </c>
      <c r="GS30" s="326">
        <v>0</v>
      </c>
      <c r="GT30" s="327">
        <v>0</v>
      </c>
      <c r="GU30" s="328">
        <v>0</v>
      </c>
      <c r="GV30" s="326">
        <v>0</v>
      </c>
      <c r="GW30" s="327">
        <v>0</v>
      </c>
      <c r="GX30" s="327">
        <v>0</v>
      </c>
      <c r="GY30" s="327">
        <v>0</v>
      </c>
      <c r="GZ30" s="327">
        <v>0</v>
      </c>
      <c r="HA30" s="327">
        <v>0</v>
      </c>
      <c r="HB30" s="331">
        <v>0</v>
      </c>
      <c r="HC30" s="330">
        <v>0</v>
      </c>
      <c r="HD30" s="326">
        <v>0</v>
      </c>
      <c r="HE30" s="327">
        <v>0</v>
      </c>
      <c r="HF30" s="331">
        <v>0</v>
      </c>
      <c r="HG30" s="332">
        <v>0</v>
      </c>
      <c r="HH30" s="327">
        <v>126322</v>
      </c>
      <c r="HI30" s="327">
        <v>166395</v>
      </c>
      <c r="HJ30" s="327">
        <v>335772</v>
      </c>
      <c r="HK30" s="327">
        <v>182209</v>
      </c>
      <c r="HL30" s="327">
        <v>0</v>
      </c>
      <c r="HM30" s="328">
        <v>810698</v>
      </c>
      <c r="HN30" s="329">
        <v>810698</v>
      </c>
      <c r="HO30" s="333">
        <v>0</v>
      </c>
      <c r="HP30" s="327">
        <v>0</v>
      </c>
      <c r="HQ30" s="328">
        <v>0</v>
      </c>
      <c r="HR30" s="326">
        <v>0</v>
      </c>
      <c r="HS30" s="327">
        <v>0</v>
      </c>
      <c r="HT30" s="327">
        <v>0</v>
      </c>
      <c r="HU30" s="327">
        <v>0</v>
      </c>
      <c r="HV30" s="327">
        <v>0</v>
      </c>
      <c r="HW30" s="327">
        <v>0</v>
      </c>
      <c r="HX30" s="331">
        <v>0</v>
      </c>
      <c r="HY30" s="330">
        <v>0</v>
      </c>
      <c r="HZ30" s="358">
        <v>0</v>
      </c>
      <c r="IA30" s="356">
        <v>0</v>
      </c>
      <c r="IB30" s="358">
        <v>0</v>
      </c>
      <c r="IC30" s="355">
        <v>0</v>
      </c>
      <c r="ID30" s="356">
        <v>303079</v>
      </c>
      <c r="IE30" s="357">
        <v>91055</v>
      </c>
      <c r="IF30" s="358">
        <v>0</v>
      </c>
      <c r="IG30" s="356">
        <v>0</v>
      </c>
      <c r="IH30" s="358">
        <v>0</v>
      </c>
      <c r="II30" s="359">
        <v>394134</v>
      </c>
      <c r="IJ30" s="358">
        <v>394134</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110469</v>
      </c>
      <c r="JL30" s="345">
        <v>91055</v>
      </c>
      <c r="JM30" s="345">
        <v>0</v>
      </c>
      <c r="JN30" s="345">
        <v>0</v>
      </c>
      <c r="JO30" s="345">
        <v>0</v>
      </c>
      <c r="JP30" s="349">
        <v>201524</v>
      </c>
      <c r="JQ30" s="347">
        <v>201524</v>
      </c>
      <c r="JR30" s="348">
        <v>0</v>
      </c>
      <c r="JS30" s="345">
        <v>0</v>
      </c>
      <c r="JT30" s="346">
        <v>0</v>
      </c>
      <c r="JU30" s="351">
        <v>0</v>
      </c>
      <c r="JV30" s="345">
        <v>0</v>
      </c>
      <c r="JW30" s="345">
        <v>0</v>
      </c>
      <c r="JX30" s="345">
        <v>0</v>
      </c>
      <c r="JY30" s="345">
        <v>0</v>
      </c>
      <c r="JZ30" s="345">
        <v>0</v>
      </c>
      <c r="KA30" s="349">
        <v>0</v>
      </c>
      <c r="KB30" s="347">
        <v>0</v>
      </c>
      <c r="KC30" s="352">
        <v>0</v>
      </c>
      <c r="KD30" s="353">
        <v>0</v>
      </c>
      <c r="KE30" s="349">
        <v>0</v>
      </c>
      <c r="KF30" s="351">
        <v>0</v>
      </c>
      <c r="KG30" s="345">
        <v>0</v>
      </c>
      <c r="KH30" s="345">
        <v>0</v>
      </c>
      <c r="KI30" s="345">
        <v>0</v>
      </c>
      <c r="KJ30" s="345">
        <v>0</v>
      </c>
      <c r="KK30" s="345">
        <v>0</v>
      </c>
      <c r="KL30" s="349">
        <v>0</v>
      </c>
      <c r="KM30" s="354">
        <v>0</v>
      </c>
      <c r="KN30" s="342">
        <v>0</v>
      </c>
      <c r="KO30" s="343">
        <v>0</v>
      </c>
      <c r="KP30" s="344">
        <v>0</v>
      </c>
      <c r="KQ30" s="404">
        <v>0</v>
      </c>
      <c r="KR30" s="345">
        <v>192610</v>
      </c>
      <c r="KS30" s="345">
        <v>0</v>
      </c>
      <c r="KT30" s="345">
        <v>0</v>
      </c>
      <c r="KU30" s="345">
        <v>0</v>
      </c>
      <c r="KV30" s="345">
        <v>0</v>
      </c>
      <c r="KW30" s="349">
        <v>192610</v>
      </c>
      <c r="KX30" s="347">
        <v>192610</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233362</v>
      </c>
      <c r="MK30" s="345">
        <v>483044</v>
      </c>
      <c r="ML30" s="345">
        <v>811099</v>
      </c>
      <c r="MM30" s="345">
        <v>897091</v>
      </c>
      <c r="MN30" s="345">
        <v>725521</v>
      </c>
      <c r="MO30" s="349">
        <v>3150117</v>
      </c>
      <c r="MP30" s="354">
        <v>3150117</v>
      </c>
      <c r="MQ30" s="348">
        <v>0</v>
      </c>
      <c r="MR30" s="345">
        <v>0</v>
      </c>
      <c r="MS30" s="349">
        <v>0</v>
      </c>
      <c r="MT30" s="404">
        <v>0</v>
      </c>
      <c r="MU30" s="345">
        <v>0</v>
      </c>
      <c r="MV30" s="345">
        <v>0</v>
      </c>
      <c r="MW30" s="345">
        <v>497645</v>
      </c>
      <c r="MX30" s="345">
        <v>426052</v>
      </c>
      <c r="MY30" s="345">
        <v>725521</v>
      </c>
      <c r="MZ30" s="349">
        <v>1649218</v>
      </c>
      <c r="NA30" s="354">
        <v>1649218</v>
      </c>
      <c r="NB30" s="348">
        <v>0</v>
      </c>
      <c r="NC30" s="345">
        <v>0</v>
      </c>
      <c r="ND30" s="349">
        <v>0</v>
      </c>
      <c r="NE30" s="404">
        <v>0</v>
      </c>
      <c r="NF30" s="345">
        <v>233362</v>
      </c>
      <c r="NG30" s="345">
        <v>483044</v>
      </c>
      <c r="NH30" s="345">
        <v>313454</v>
      </c>
      <c r="NI30" s="345">
        <v>471039</v>
      </c>
      <c r="NJ30" s="345">
        <v>0</v>
      </c>
      <c r="NK30" s="349">
        <v>1500899</v>
      </c>
      <c r="NL30" s="347">
        <v>1500899</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45593</v>
      </c>
      <c r="OJ30" s="345">
        <v>168363</v>
      </c>
      <c r="OK30" s="346">
        <v>213956</v>
      </c>
      <c r="OL30" s="351">
        <v>0</v>
      </c>
      <c r="OM30" s="345">
        <v>966428</v>
      </c>
      <c r="ON30" s="345">
        <v>1248779</v>
      </c>
      <c r="OO30" s="345">
        <v>1917514</v>
      </c>
      <c r="OP30" s="345">
        <v>1082926</v>
      </c>
      <c r="OQ30" s="345">
        <v>1400095</v>
      </c>
      <c r="OR30" s="349">
        <v>6615742</v>
      </c>
      <c r="OS30" s="354">
        <v>6829698</v>
      </c>
    </row>
    <row r="31" spans="2:409" s="70" customFormat="1" ht="21" customHeight="1" x14ac:dyDescent="0.2">
      <c r="B31" s="106" t="s">
        <v>26</v>
      </c>
      <c r="C31" s="326">
        <v>119902</v>
      </c>
      <c r="D31" s="327">
        <v>160627</v>
      </c>
      <c r="E31" s="328">
        <v>280529</v>
      </c>
      <c r="F31" s="329">
        <v>0</v>
      </c>
      <c r="G31" s="327">
        <v>1914053</v>
      </c>
      <c r="H31" s="327">
        <v>1202981</v>
      </c>
      <c r="I31" s="327">
        <v>1045226</v>
      </c>
      <c r="J31" s="327">
        <v>620705</v>
      </c>
      <c r="K31" s="327">
        <v>2170061</v>
      </c>
      <c r="L31" s="367">
        <v>6953026</v>
      </c>
      <c r="M31" s="330">
        <v>7233555</v>
      </c>
      <c r="N31" s="326">
        <v>17164</v>
      </c>
      <c r="O31" s="327">
        <v>56857</v>
      </c>
      <c r="P31" s="328">
        <v>74021</v>
      </c>
      <c r="Q31" s="326">
        <v>0</v>
      </c>
      <c r="R31" s="327">
        <v>403007</v>
      </c>
      <c r="S31" s="327">
        <v>404904</v>
      </c>
      <c r="T31" s="327">
        <v>303084</v>
      </c>
      <c r="U31" s="327">
        <v>61075</v>
      </c>
      <c r="V31" s="327">
        <v>940054</v>
      </c>
      <c r="W31" s="328">
        <v>2112124</v>
      </c>
      <c r="X31" s="330">
        <v>2186145</v>
      </c>
      <c r="Y31" s="326">
        <v>0</v>
      </c>
      <c r="Z31" s="327">
        <v>0</v>
      </c>
      <c r="AA31" s="328">
        <v>0</v>
      </c>
      <c r="AB31" s="326">
        <v>0</v>
      </c>
      <c r="AC31" s="327">
        <v>68283</v>
      </c>
      <c r="AD31" s="327">
        <v>210195</v>
      </c>
      <c r="AE31" s="327">
        <v>109386</v>
      </c>
      <c r="AF31" s="327">
        <v>0</v>
      </c>
      <c r="AG31" s="327">
        <v>511617</v>
      </c>
      <c r="AH31" s="328">
        <v>899481</v>
      </c>
      <c r="AI31" s="330">
        <v>899481</v>
      </c>
      <c r="AJ31" s="326">
        <v>0</v>
      </c>
      <c r="AK31" s="327">
        <v>0</v>
      </c>
      <c r="AL31" s="328">
        <v>0</v>
      </c>
      <c r="AM31" s="326">
        <v>0</v>
      </c>
      <c r="AN31" s="327">
        <v>0</v>
      </c>
      <c r="AO31" s="327">
        <v>0</v>
      </c>
      <c r="AP31" s="327">
        <v>0</v>
      </c>
      <c r="AQ31" s="327">
        <v>0</v>
      </c>
      <c r="AR31" s="327">
        <v>96261</v>
      </c>
      <c r="AS31" s="328">
        <v>96261</v>
      </c>
      <c r="AT31" s="330">
        <v>96261</v>
      </c>
      <c r="AU31" s="326">
        <v>0</v>
      </c>
      <c r="AV31" s="327">
        <v>22583</v>
      </c>
      <c r="AW31" s="328">
        <v>22583</v>
      </c>
      <c r="AX31" s="326">
        <v>0</v>
      </c>
      <c r="AY31" s="327">
        <v>117617</v>
      </c>
      <c r="AZ31" s="327">
        <v>169558</v>
      </c>
      <c r="BA31" s="327">
        <v>82734</v>
      </c>
      <c r="BB31" s="327">
        <v>0</v>
      </c>
      <c r="BC31" s="327">
        <v>232986</v>
      </c>
      <c r="BD31" s="328">
        <v>602895</v>
      </c>
      <c r="BE31" s="330">
        <v>625478</v>
      </c>
      <c r="BF31" s="326">
        <v>0</v>
      </c>
      <c r="BG31" s="327">
        <v>34274</v>
      </c>
      <c r="BH31" s="331">
        <v>34274</v>
      </c>
      <c r="BI31" s="332">
        <v>0</v>
      </c>
      <c r="BJ31" s="327">
        <v>75231</v>
      </c>
      <c r="BK31" s="327">
        <v>0</v>
      </c>
      <c r="BL31" s="327">
        <v>13825</v>
      </c>
      <c r="BM31" s="327">
        <v>0</v>
      </c>
      <c r="BN31" s="327">
        <v>0</v>
      </c>
      <c r="BO31" s="328">
        <v>89056</v>
      </c>
      <c r="BP31" s="330">
        <v>123330</v>
      </c>
      <c r="BQ31" s="326">
        <v>17164</v>
      </c>
      <c r="BR31" s="327">
        <v>0</v>
      </c>
      <c r="BS31" s="328">
        <v>17164</v>
      </c>
      <c r="BT31" s="326">
        <v>0</v>
      </c>
      <c r="BU31" s="327">
        <v>141876</v>
      </c>
      <c r="BV31" s="327">
        <v>25151</v>
      </c>
      <c r="BW31" s="327">
        <v>97139</v>
      </c>
      <c r="BX31" s="327">
        <v>61075</v>
      </c>
      <c r="BY31" s="327">
        <v>99190</v>
      </c>
      <c r="BZ31" s="328">
        <v>424431</v>
      </c>
      <c r="CA31" s="330">
        <v>441595</v>
      </c>
      <c r="CB31" s="326">
        <v>0</v>
      </c>
      <c r="CC31" s="327">
        <v>0</v>
      </c>
      <c r="CD31" s="328">
        <v>0</v>
      </c>
      <c r="CE31" s="326">
        <v>0</v>
      </c>
      <c r="CF31" s="327">
        <v>354581</v>
      </c>
      <c r="CG31" s="327">
        <v>254843</v>
      </c>
      <c r="CH31" s="327">
        <v>135162</v>
      </c>
      <c r="CI31" s="327">
        <v>0</v>
      </c>
      <c r="CJ31" s="327">
        <v>73660</v>
      </c>
      <c r="CK31" s="328">
        <v>818246</v>
      </c>
      <c r="CL31" s="330">
        <v>818246</v>
      </c>
      <c r="CM31" s="326">
        <v>0</v>
      </c>
      <c r="CN31" s="327">
        <v>0</v>
      </c>
      <c r="CO31" s="328">
        <v>0</v>
      </c>
      <c r="CP31" s="332">
        <v>0</v>
      </c>
      <c r="CQ31" s="327">
        <v>237390</v>
      </c>
      <c r="CR31" s="327">
        <v>133494</v>
      </c>
      <c r="CS31" s="327">
        <v>103513</v>
      </c>
      <c r="CT31" s="327">
        <v>0</v>
      </c>
      <c r="CU31" s="327">
        <v>73660</v>
      </c>
      <c r="CV31" s="328">
        <v>548057</v>
      </c>
      <c r="CW31" s="330">
        <v>548057</v>
      </c>
      <c r="CX31" s="326">
        <v>0</v>
      </c>
      <c r="CY31" s="327">
        <v>0</v>
      </c>
      <c r="CZ31" s="328">
        <v>0</v>
      </c>
      <c r="DA31" s="326">
        <v>0</v>
      </c>
      <c r="DB31" s="327">
        <v>117191</v>
      </c>
      <c r="DC31" s="327">
        <v>121349</v>
      </c>
      <c r="DD31" s="327">
        <v>31649</v>
      </c>
      <c r="DE31" s="327">
        <v>0</v>
      </c>
      <c r="DF31" s="327">
        <v>0</v>
      </c>
      <c r="DG31" s="328">
        <v>270189</v>
      </c>
      <c r="DH31" s="330">
        <v>270189</v>
      </c>
      <c r="DI31" s="326">
        <v>0</v>
      </c>
      <c r="DJ31" s="327">
        <v>0</v>
      </c>
      <c r="DK31" s="331">
        <v>0</v>
      </c>
      <c r="DL31" s="332">
        <v>0</v>
      </c>
      <c r="DM31" s="327">
        <v>154539</v>
      </c>
      <c r="DN31" s="327">
        <v>46732</v>
      </c>
      <c r="DO31" s="327">
        <v>0</v>
      </c>
      <c r="DP31" s="327">
        <v>0</v>
      </c>
      <c r="DQ31" s="327">
        <v>0</v>
      </c>
      <c r="DR31" s="328">
        <v>201271</v>
      </c>
      <c r="DS31" s="330">
        <v>201271</v>
      </c>
      <c r="DT31" s="326">
        <v>0</v>
      </c>
      <c r="DU31" s="327">
        <v>0</v>
      </c>
      <c r="DV31" s="328">
        <v>0</v>
      </c>
      <c r="DW31" s="326">
        <v>0</v>
      </c>
      <c r="DX31" s="327">
        <v>154539</v>
      </c>
      <c r="DY31" s="327">
        <v>46732</v>
      </c>
      <c r="DZ31" s="327">
        <v>0</v>
      </c>
      <c r="EA31" s="327">
        <v>0</v>
      </c>
      <c r="EB31" s="327">
        <v>0</v>
      </c>
      <c r="EC31" s="328">
        <v>201271</v>
      </c>
      <c r="ED31" s="330">
        <v>201271</v>
      </c>
      <c r="EE31" s="326">
        <v>0</v>
      </c>
      <c r="EF31" s="331">
        <v>0</v>
      </c>
      <c r="EG31" s="328">
        <v>0</v>
      </c>
      <c r="EH31" s="326">
        <v>0</v>
      </c>
      <c r="EI31" s="327">
        <v>0</v>
      </c>
      <c r="EJ31" s="327">
        <v>0</v>
      </c>
      <c r="EK31" s="327">
        <v>0</v>
      </c>
      <c r="EL31" s="327">
        <v>0</v>
      </c>
      <c r="EM31" s="327">
        <v>0</v>
      </c>
      <c r="EN31" s="331">
        <v>0</v>
      </c>
      <c r="EO31" s="330">
        <v>0</v>
      </c>
      <c r="EP31" s="326">
        <v>0</v>
      </c>
      <c r="EQ31" s="327">
        <v>0</v>
      </c>
      <c r="ER31" s="331">
        <v>0</v>
      </c>
      <c r="ES31" s="332">
        <v>0</v>
      </c>
      <c r="ET31" s="327">
        <v>0</v>
      </c>
      <c r="EU31" s="327">
        <v>0</v>
      </c>
      <c r="EV31" s="327">
        <v>0</v>
      </c>
      <c r="EW31" s="327">
        <v>0</v>
      </c>
      <c r="EX31" s="327">
        <v>0</v>
      </c>
      <c r="EY31" s="328">
        <v>0</v>
      </c>
      <c r="EZ31" s="330">
        <v>0</v>
      </c>
      <c r="FA31" s="326">
        <v>0</v>
      </c>
      <c r="FB31" s="327">
        <v>0</v>
      </c>
      <c r="FC31" s="331">
        <v>0</v>
      </c>
      <c r="FD31" s="404">
        <v>0</v>
      </c>
      <c r="FE31" s="327">
        <v>0</v>
      </c>
      <c r="FF31" s="327">
        <v>0</v>
      </c>
      <c r="FG31" s="327">
        <v>0</v>
      </c>
      <c r="FH31" s="327">
        <v>0</v>
      </c>
      <c r="FI31" s="327">
        <v>0</v>
      </c>
      <c r="FJ31" s="328">
        <v>0</v>
      </c>
      <c r="FK31" s="330">
        <v>0</v>
      </c>
      <c r="FL31" s="326">
        <v>3500</v>
      </c>
      <c r="FM31" s="327">
        <v>19026</v>
      </c>
      <c r="FN31" s="328">
        <v>22526</v>
      </c>
      <c r="FO31" s="326">
        <v>0</v>
      </c>
      <c r="FP31" s="327">
        <v>51282</v>
      </c>
      <c r="FQ31" s="327">
        <v>193858</v>
      </c>
      <c r="FR31" s="327">
        <v>65905</v>
      </c>
      <c r="FS31" s="327">
        <v>0</v>
      </c>
      <c r="FT31" s="327">
        <v>90650</v>
      </c>
      <c r="FU31" s="328">
        <v>401695</v>
      </c>
      <c r="FV31" s="330">
        <v>424221</v>
      </c>
      <c r="FW31" s="333">
        <v>3500</v>
      </c>
      <c r="FX31" s="327">
        <v>19026</v>
      </c>
      <c r="FY31" s="331">
        <v>22526</v>
      </c>
      <c r="FZ31" s="332">
        <v>0</v>
      </c>
      <c r="GA31" s="327">
        <v>32494</v>
      </c>
      <c r="GB31" s="327">
        <v>114758</v>
      </c>
      <c r="GC31" s="327">
        <v>65905</v>
      </c>
      <c r="GD31" s="327">
        <v>0</v>
      </c>
      <c r="GE31" s="327">
        <v>90650</v>
      </c>
      <c r="GF31" s="328">
        <v>303807</v>
      </c>
      <c r="GG31" s="334">
        <v>326333</v>
      </c>
      <c r="GH31" s="333">
        <v>0</v>
      </c>
      <c r="GI31" s="327">
        <v>0</v>
      </c>
      <c r="GJ31" s="331">
        <v>0</v>
      </c>
      <c r="GK31" s="332">
        <v>0</v>
      </c>
      <c r="GL31" s="327">
        <v>0</v>
      </c>
      <c r="GM31" s="327">
        <v>0</v>
      </c>
      <c r="GN31" s="327">
        <v>0</v>
      </c>
      <c r="GO31" s="327">
        <v>0</v>
      </c>
      <c r="GP31" s="327">
        <v>0</v>
      </c>
      <c r="GQ31" s="328">
        <v>0</v>
      </c>
      <c r="GR31" s="330">
        <v>0</v>
      </c>
      <c r="GS31" s="326">
        <v>0</v>
      </c>
      <c r="GT31" s="327">
        <v>0</v>
      </c>
      <c r="GU31" s="328">
        <v>0</v>
      </c>
      <c r="GV31" s="326">
        <v>0</v>
      </c>
      <c r="GW31" s="327">
        <v>18788</v>
      </c>
      <c r="GX31" s="327">
        <v>79100</v>
      </c>
      <c r="GY31" s="327">
        <v>0</v>
      </c>
      <c r="GZ31" s="327">
        <v>0</v>
      </c>
      <c r="HA31" s="327">
        <v>0</v>
      </c>
      <c r="HB31" s="331">
        <v>97888</v>
      </c>
      <c r="HC31" s="330">
        <v>97888</v>
      </c>
      <c r="HD31" s="326">
        <v>99238</v>
      </c>
      <c r="HE31" s="327">
        <v>84744</v>
      </c>
      <c r="HF31" s="331">
        <v>183982</v>
      </c>
      <c r="HG31" s="332">
        <v>0</v>
      </c>
      <c r="HH31" s="327">
        <v>950644</v>
      </c>
      <c r="HI31" s="327">
        <v>302644</v>
      </c>
      <c r="HJ31" s="327">
        <v>541075</v>
      </c>
      <c r="HK31" s="327">
        <v>559630</v>
      </c>
      <c r="HL31" s="327">
        <v>1065697</v>
      </c>
      <c r="HM31" s="328">
        <v>3419690</v>
      </c>
      <c r="HN31" s="329">
        <v>3603672</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22091</v>
      </c>
      <c r="IE31" s="339">
        <v>417509</v>
      </c>
      <c r="IF31" s="337">
        <v>790830</v>
      </c>
      <c r="IG31" s="336">
        <v>126518</v>
      </c>
      <c r="IH31" s="337">
        <v>27835</v>
      </c>
      <c r="II31" s="340">
        <v>1384783</v>
      </c>
      <c r="IJ31" s="341">
        <v>1384783</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22091</v>
      </c>
      <c r="JL31" s="345">
        <v>52889</v>
      </c>
      <c r="JM31" s="345">
        <v>152018</v>
      </c>
      <c r="JN31" s="345">
        <v>0</v>
      </c>
      <c r="JO31" s="345">
        <v>27835</v>
      </c>
      <c r="JP31" s="349">
        <v>254833</v>
      </c>
      <c r="JQ31" s="347">
        <v>254833</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157599</v>
      </c>
      <c r="KI31" s="345">
        <v>0</v>
      </c>
      <c r="KJ31" s="345">
        <v>0</v>
      </c>
      <c r="KK31" s="345">
        <v>0</v>
      </c>
      <c r="KL31" s="349">
        <v>157599</v>
      </c>
      <c r="KM31" s="354">
        <v>157599</v>
      </c>
      <c r="KN31" s="342">
        <v>0</v>
      </c>
      <c r="KO31" s="343">
        <v>0</v>
      </c>
      <c r="KP31" s="344">
        <v>0</v>
      </c>
      <c r="KQ31" s="404">
        <v>0</v>
      </c>
      <c r="KR31" s="345">
        <v>0</v>
      </c>
      <c r="KS31" s="345">
        <v>207021</v>
      </c>
      <c r="KT31" s="345">
        <v>638812</v>
      </c>
      <c r="KU31" s="345">
        <v>126518</v>
      </c>
      <c r="KV31" s="345">
        <v>0</v>
      </c>
      <c r="KW31" s="349">
        <v>972351</v>
      </c>
      <c r="KX31" s="347">
        <v>972351</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663319</v>
      </c>
      <c r="ML31" s="345">
        <v>664618</v>
      </c>
      <c r="MM31" s="345">
        <v>462998</v>
      </c>
      <c r="MN31" s="345">
        <v>230730</v>
      </c>
      <c r="MO31" s="349">
        <v>2021665</v>
      </c>
      <c r="MP31" s="354">
        <v>2021665</v>
      </c>
      <c r="MQ31" s="348">
        <v>0</v>
      </c>
      <c r="MR31" s="345">
        <v>0</v>
      </c>
      <c r="MS31" s="349">
        <v>0</v>
      </c>
      <c r="MT31" s="404">
        <v>0</v>
      </c>
      <c r="MU31" s="345">
        <v>0</v>
      </c>
      <c r="MV31" s="345">
        <v>0</v>
      </c>
      <c r="MW31" s="345">
        <v>207409</v>
      </c>
      <c r="MX31" s="345">
        <v>220227</v>
      </c>
      <c r="MY31" s="345">
        <v>230730</v>
      </c>
      <c r="MZ31" s="349">
        <v>658366</v>
      </c>
      <c r="NA31" s="354">
        <v>658366</v>
      </c>
      <c r="NB31" s="348">
        <v>0</v>
      </c>
      <c r="NC31" s="345">
        <v>0</v>
      </c>
      <c r="ND31" s="349">
        <v>0</v>
      </c>
      <c r="NE31" s="404">
        <v>0</v>
      </c>
      <c r="NF31" s="345">
        <v>0</v>
      </c>
      <c r="NG31" s="345">
        <v>663319</v>
      </c>
      <c r="NH31" s="345">
        <v>457209</v>
      </c>
      <c r="NI31" s="345">
        <v>242771</v>
      </c>
      <c r="NJ31" s="345">
        <v>0</v>
      </c>
      <c r="NK31" s="349">
        <v>1363299</v>
      </c>
      <c r="NL31" s="347">
        <v>1363299</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119902</v>
      </c>
      <c r="OJ31" s="345">
        <v>160627</v>
      </c>
      <c r="OK31" s="346">
        <v>280529</v>
      </c>
      <c r="OL31" s="351">
        <v>0</v>
      </c>
      <c r="OM31" s="345">
        <v>1936144</v>
      </c>
      <c r="ON31" s="345">
        <v>2283809</v>
      </c>
      <c r="OO31" s="345">
        <v>2500674</v>
      </c>
      <c r="OP31" s="345">
        <v>1210221</v>
      </c>
      <c r="OQ31" s="345">
        <v>2428626</v>
      </c>
      <c r="OR31" s="349">
        <v>10359474</v>
      </c>
      <c r="OS31" s="354">
        <v>10640003</v>
      </c>
    </row>
    <row r="32" spans="2:409" s="70" customFormat="1" ht="21" customHeight="1" x14ac:dyDescent="0.2">
      <c r="B32" s="106" t="s">
        <v>27</v>
      </c>
      <c r="C32" s="326">
        <v>49221</v>
      </c>
      <c r="D32" s="327">
        <v>418619</v>
      </c>
      <c r="E32" s="328">
        <v>467840</v>
      </c>
      <c r="F32" s="329">
        <v>0</v>
      </c>
      <c r="G32" s="327">
        <v>857189</v>
      </c>
      <c r="H32" s="327">
        <v>1170923</v>
      </c>
      <c r="I32" s="327">
        <v>1384715</v>
      </c>
      <c r="J32" s="327">
        <v>733869</v>
      </c>
      <c r="K32" s="327">
        <v>449311</v>
      </c>
      <c r="L32" s="367">
        <v>4596007</v>
      </c>
      <c r="M32" s="330">
        <v>5063847</v>
      </c>
      <c r="N32" s="326">
        <v>20598</v>
      </c>
      <c r="O32" s="327">
        <v>79265</v>
      </c>
      <c r="P32" s="328">
        <v>99863</v>
      </c>
      <c r="Q32" s="326">
        <v>0</v>
      </c>
      <c r="R32" s="327">
        <v>51660</v>
      </c>
      <c r="S32" s="327">
        <v>325087</v>
      </c>
      <c r="T32" s="327">
        <v>566172</v>
      </c>
      <c r="U32" s="327">
        <v>97207</v>
      </c>
      <c r="V32" s="327">
        <v>33908</v>
      </c>
      <c r="W32" s="328">
        <v>1074034</v>
      </c>
      <c r="X32" s="330">
        <v>1173897</v>
      </c>
      <c r="Y32" s="326">
        <v>0</v>
      </c>
      <c r="Z32" s="327">
        <v>0</v>
      </c>
      <c r="AA32" s="328">
        <v>0</v>
      </c>
      <c r="AB32" s="326">
        <v>0</v>
      </c>
      <c r="AC32" s="327">
        <v>28819</v>
      </c>
      <c r="AD32" s="327">
        <v>174825</v>
      </c>
      <c r="AE32" s="327">
        <v>362551</v>
      </c>
      <c r="AF32" s="327">
        <v>0</v>
      </c>
      <c r="AG32" s="327">
        <v>0</v>
      </c>
      <c r="AH32" s="328">
        <v>566195</v>
      </c>
      <c r="AI32" s="330">
        <v>566195</v>
      </c>
      <c r="AJ32" s="326">
        <v>0</v>
      </c>
      <c r="AK32" s="327">
        <v>0</v>
      </c>
      <c r="AL32" s="328">
        <v>0</v>
      </c>
      <c r="AM32" s="326">
        <v>0</v>
      </c>
      <c r="AN32" s="327">
        <v>0</v>
      </c>
      <c r="AO32" s="327">
        <v>0</v>
      </c>
      <c r="AP32" s="327">
        <v>31612</v>
      </c>
      <c r="AQ32" s="327">
        <v>42782</v>
      </c>
      <c r="AR32" s="327">
        <v>0</v>
      </c>
      <c r="AS32" s="328">
        <v>74394</v>
      </c>
      <c r="AT32" s="330">
        <v>74394</v>
      </c>
      <c r="AU32" s="326">
        <v>20598</v>
      </c>
      <c r="AV32" s="327">
        <v>79265</v>
      </c>
      <c r="AW32" s="328">
        <v>99863</v>
      </c>
      <c r="AX32" s="326">
        <v>0</v>
      </c>
      <c r="AY32" s="327">
        <v>0</v>
      </c>
      <c r="AZ32" s="327">
        <v>96250</v>
      </c>
      <c r="BA32" s="327">
        <v>106321</v>
      </c>
      <c r="BB32" s="327">
        <v>31990</v>
      </c>
      <c r="BC32" s="327">
        <v>0</v>
      </c>
      <c r="BD32" s="328">
        <v>234561</v>
      </c>
      <c r="BE32" s="330">
        <v>334424</v>
      </c>
      <c r="BF32" s="326">
        <v>0</v>
      </c>
      <c r="BG32" s="327">
        <v>0</v>
      </c>
      <c r="BH32" s="331">
        <v>0</v>
      </c>
      <c r="BI32" s="332">
        <v>0</v>
      </c>
      <c r="BJ32" s="327">
        <v>0</v>
      </c>
      <c r="BK32" s="327">
        <v>0</v>
      </c>
      <c r="BL32" s="327">
        <v>0</v>
      </c>
      <c r="BM32" s="327">
        <v>0</v>
      </c>
      <c r="BN32" s="327">
        <v>0</v>
      </c>
      <c r="BO32" s="328">
        <v>0</v>
      </c>
      <c r="BP32" s="330">
        <v>0</v>
      </c>
      <c r="BQ32" s="326">
        <v>0</v>
      </c>
      <c r="BR32" s="327">
        <v>0</v>
      </c>
      <c r="BS32" s="328">
        <v>0</v>
      </c>
      <c r="BT32" s="326">
        <v>0</v>
      </c>
      <c r="BU32" s="327">
        <v>22841</v>
      </c>
      <c r="BV32" s="327">
        <v>54012</v>
      </c>
      <c r="BW32" s="327">
        <v>65688</v>
      </c>
      <c r="BX32" s="327">
        <v>22435</v>
      </c>
      <c r="BY32" s="327">
        <v>33908</v>
      </c>
      <c r="BZ32" s="328">
        <v>198884</v>
      </c>
      <c r="CA32" s="330">
        <v>198884</v>
      </c>
      <c r="CB32" s="326">
        <v>17423</v>
      </c>
      <c r="CC32" s="327">
        <v>34014</v>
      </c>
      <c r="CD32" s="328">
        <v>51437</v>
      </c>
      <c r="CE32" s="326">
        <v>0</v>
      </c>
      <c r="CF32" s="327">
        <v>226167</v>
      </c>
      <c r="CG32" s="327">
        <v>312861</v>
      </c>
      <c r="CH32" s="327">
        <v>227481</v>
      </c>
      <c r="CI32" s="327">
        <v>118178</v>
      </c>
      <c r="CJ32" s="327">
        <v>0</v>
      </c>
      <c r="CK32" s="328">
        <v>884687</v>
      </c>
      <c r="CL32" s="330">
        <v>936124</v>
      </c>
      <c r="CM32" s="326">
        <v>0</v>
      </c>
      <c r="CN32" s="327">
        <v>0</v>
      </c>
      <c r="CO32" s="328">
        <v>0</v>
      </c>
      <c r="CP32" s="332">
        <v>0</v>
      </c>
      <c r="CQ32" s="327">
        <v>120943</v>
      </c>
      <c r="CR32" s="327">
        <v>211620</v>
      </c>
      <c r="CS32" s="327">
        <v>153466</v>
      </c>
      <c r="CT32" s="327">
        <v>118178</v>
      </c>
      <c r="CU32" s="327">
        <v>0</v>
      </c>
      <c r="CV32" s="328">
        <v>604207</v>
      </c>
      <c r="CW32" s="330">
        <v>604207</v>
      </c>
      <c r="CX32" s="326">
        <v>17423</v>
      </c>
      <c r="CY32" s="327">
        <v>34014</v>
      </c>
      <c r="CZ32" s="328">
        <v>51437</v>
      </c>
      <c r="DA32" s="326">
        <v>0</v>
      </c>
      <c r="DB32" s="327">
        <v>105224</v>
      </c>
      <c r="DC32" s="327">
        <v>101241</v>
      </c>
      <c r="DD32" s="327">
        <v>74015</v>
      </c>
      <c r="DE32" s="327">
        <v>0</v>
      </c>
      <c r="DF32" s="327">
        <v>0</v>
      </c>
      <c r="DG32" s="328">
        <v>280480</v>
      </c>
      <c r="DH32" s="330">
        <v>331917</v>
      </c>
      <c r="DI32" s="326">
        <v>0</v>
      </c>
      <c r="DJ32" s="327">
        <v>0</v>
      </c>
      <c r="DK32" s="331">
        <v>0</v>
      </c>
      <c r="DL32" s="332">
        <v>0</v>
      </c>
      <c r="DM32" s="327">
        <v>36248</v>
      </c>
      <c r="DN32" s="327">
        <v>0</v>
      </c>
      <c r="DO32" s="327">
        <v>58541</v>
      </c>
      <c r="DP32" s="327">
        <v>115030</v>
      </c>
      <c r="DQ32" s="327">
        <v>0</v>
      </c>
      <c r="DR32" s="328">
        <v>209819</v>
      </c>
      <c r="DS32" s="330">
        <v>209819</v>
      </c>
      <c r="DT32" s="326">
        <v>0</v>
      </c>
      <c r="DU32" s="327">
        <v>0</v>
      </c>
      <c r="DV32" s="328">
        <v>0</v>
      </c>
      <c r="DW32" s="326">
        <v>0</v>
      </c>
      <c r="DX32" s="327">
        <v>36248</v>
      </c>
      <c r="DY32" s="327">
        <v>0</v>
      </c>
      <c r="DZ32" s="327">
        <v>58541</v>
      </c>
      <c r="EA32" s="327">
        <v>115030</v>
      </c>
      <c r="EB32" s="327">
        <v>0</v>
      </c>
      <c r="EC32" s="328">
        <v>209819</v>
      </c>
      <c r="ED32" s="330">
        <v>209819</v>
      </c>
      <c r="EE32" s="326">
        <v>0</v>
      </c>
      <c r="EF32" s="331">
        <v>0</v>
      </c>
      <c r="EG32" s="328">
        <v>0</v>
      </c>
      <c r="EH32" s="326">
        <v>0</v>
      </c>
      <c r="EI32" s="327">
        <v>0</v>
      </c>
      <c r="EJ32" s="327">
        <v>0</v>
      </c>
      <c r="EK32" s="327">
        <v>0</v>
      </c>
      <c r="EL32" s="327">
        <v>0</v>
      </c>
      <c r="EM32" s="327">
        <v>0</v>
      </c>
      <c r="EN32" s="331">
        <v>0</v>
      </c>
      <c r="EO32" s="330">
        <v>0</v>
      </c>
      <c r="EP32" s="326">
        <v>0</v>
      </c>
      <c r="EQ32" s="327">
        <v>0</v>
      </c>
      <c r="ER32" s="331">
        <v>0</v>
      </c>
      <c r="ES32" s="332">
        <v>0</v>
      </c>
      <c r="ET32" s="327">
        <v>0</v>
      </c>
      <c r="EU32" s="327">
        <v>0</v>
      </c>
      <c r="EV32" s="327">
        <v>0</v>
      </c>
      <c r="EW32" s="327">
        <v>0</v>
      </c>
      <c r="EX32" s="327">
        <v>0</v>
      </c>
      <c r="EY32" s="328">
        <v>0</v>
      </c>
      <c r="EZ32" s="330">
        <v>0</v>
      </c>
      <c r="FA32" s="326">
        <v>0</v>
      </c>
      <c r="FB32" s="327">
        <v>0</v>
      </c>
      <c r="FC32" s="331">
        <v>0</v>
      </c>
      <c r="FD32" s="404">
        <v>0</v>
      </c>
      <c r="FE32" s="327">
        <v>0</v>
      </c>
      <c r="FF32" s="327">
        <v>0</v>
      </c>
      <c r="FG32" s="327">
        <v>0</v>
      </c>
      <c r="FH32" s="327">
        <v>0</v>
      </c>
      <c r="FI32" s="327">
        <v>0</v>
      </c>
      <c r="FJ32" s="328">
        <v>0</v>
      </c>
      <c r="FK32" s="330">
        <v>0</v>
      </c>
      <c r="FL32" s="326">
        <v>11200</v>
      </c>
      <c r="FM32" s="327">
        <v>305340</v>
      </c>
      <c r="FN32" s="328">
        <v>316540</v>
      </c>
      <c r="FO32" s="326">
        <v>0</v>
      </c>
      <c r="FP32" s="327">
        <v>5950</v>
      </c>
      <c r="FQ32" s="327">
        <v>46480</v>
      </c>
      <c r="FR32" s="327">
        <v>154189</v>
      </c>
      <c r="FS32" s="327">
        <v>43050</v>
      </c>
      <c r="FT32" s="327">
        <v>0</v>
      </c>
      <c r="FU32" s="328">
        <v>249669</v>
      </c>
      <c r="FV32" s="330">
        <v>566209</v>
      </c>
      <c r="FW32" s="333">
        <v>11200</v>
      </c>
      <c r="FX32" s="327">
        <v>71400</v>
      </c>
      <c r="FY32" s="331">
        <v>82600</v>
      </c>
      <c r="FZ32" s="332">
        <v>0</v>
      </c>
      <c r="GA32" s="327">
        <v>5950</v>
      </c>
      <c r="GB32" s="327">
        <v>46480</v>
      </c>
      <c r="GC32" s="327">
        <v>111489</v>
      </c>
      <c r="GD32" s="327">
        <v>43050</v>
      </c>
      <c r="GE32" s="327">
        <v>0</v>
      </c>
      <c r="GF32" s="328">
        <v>206969</v>
      </c>
      <c r="GG32" s="334">
        <v>289569</v>
      </c>
      <c r="GH32" s="333">
        <v>0</v>
      </c>
      <c r="GI32" s="327">
        <v>0</v>
      </c>
      <c r="GJ32" s="331">
        <v>0</v>
      </c>
      <c r="GK32" s="332">
        <v>0</v>
      </c>
      <c r="GL32" s="327">
        <v>0</v>
      </c>
      <c r="GM32" s="327">
        <v>0</v>
      </c>
      <c r="GN32" s="327">
        <v>0</v>
      </c>
      <c r="GO32" s="327">
        <v>0</v>
      </c>
      <c r="GP32" s="327">
        <v>0</v>
      </c>
      <c r="GQ32" s="328">
        <v>0</v>
      </c>
      <c r="GR32" s="330">
        <v>0</v>
      </c>
      <c r="GS32" s="326">
        <v>0</v>
      </c>
      <c r="GT32" s="327">
        <v>233940</v>
      </c>
      <c r="GU32" s="328">
        <v>233940</v>
      </c>
      <c r="GV32" s="326">
        <v>0</v>
      </c>
      <c r="GW32" s="327">
        <v>0</v>
      </c>
      <c r="GX32" s="327">
        <v>0</v>
      </c>
      <c r="GY32" s="327">
        <v>42700</v>
      </c>
      <c r="GZ32" s="327">
        <v>0</v>
      </c>
      <c r="HA32" s="327">
        <v>0</v>
      </c>
      <c r="HB32" s="331">
        <v>42700</v>
      </c>
      <c r="HC32" s="330">
        <v>276640</v>
      </c>
      <c r="HD32" s="326">
        <v>0</v>
      </c>
      <c r="HE32" s="327">
        <v>0</v>
      </c>
      <c r="HF32" s="331">
        <v>0</v>
      </c>
      <c r="HG32" s="332">
        <v>0</v>
      </c>
      <c r="HH32" s="327">
        <v>537164</v>
      </c>
      <c r="HI32" s="327">
        <v>486495</v>
      </c>
      <c r="HJ32" s="327">
        <v>378332</v>
      </c>
      <c r="HK32" s="327">
        <v>360404</v>
      </c>
      <c r="HL32" s="327">
        <v>415403</v>
      </c>
      <c r="HM32" s="328">
        <v>2177798</v>
      </c>
      <c r="HN32" s="329">
        <v>2177798</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141181</v>
      </c>
      <c r="IE32" s="357">
        <v>98053</v>
      </c>
      <c r="IF32" s="358">
        <v>116370</v>
      </c>
      <c r="IG32" s="356">
        <v>0</v>
      </c>
      <c r="IH32" s="358">
        <v>0</v>
      </c>
      <c r="II32" s="359">
        <v>355604</v>
      </c>
      <c r="IJ32" s="358">
        <v>355604</v>
      </c>
      <c r="IK32" s="342">
        <v>0</v>
      </c>
      <c r="IL32" s="343">
        <v>0</v>
      </c>
      <c r="IM32" s="344">
        <v>0</v>
      </c>
      <c r="IN32" s="404">
        <v>0</v>
      </c>
      <c r="IO32" s="345">
        <v>0</v>
      </c>
      <c r="IP32" s="345">
        <v>0</v>
      </c>
      <c r="IQ32" s="345">
        <v>0</v>
      </c>
      <c r="IR32" s="345">
        <v>0</v>
      </c>
      <c r="IS32" s="345">
        <v>0</v>
      </c>
      <c r="IT32" s="346">
        <v>0</v>
      </c>
      <c r="IU32" s="347">
        <v>0</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141181</v>
      </c>
      <c r="JL32" s="345">
        <v>59071</v>
      </c>
      <c r="JM32" s="345">
        <v>20510</v>
      </c>
      <c r="JN32" s="345">
        <v>0</v>
      </c>
      <c r="JO32" s="345">
        <v>0</v>
      </c>
      <c r="JP32" s="349">
        <v>220762</v>
      </c>
      <c r="JQ32" s="347">
        <v>220762</v>
      </c>
      <c r="JR32" s="348">
        <v>0</v>
      </c>
      <c r="JS32" s="345">
        <v>0</v>
      </c>
      <c r="JT32" s="346">
        <v>0</v>
      </c>
      <c r="JU32" s="351">
        <v>0</v>
      </c>
      <c r="JV32" s="345">
        <v>0</v>
      </c>
      <c r="JW32" s="345">
        <v>38982</v>
      </c>
      <c r="JX32" s="345">
        <v>95860</v>
      </c>
      <c r="JY32" s="345">
        <v>0</v>
      </c>
      <c r="JZ32" s="345">
        <v>0</v>
      </c>
      <c r="KA32" s="349">
        <v>134842</v>
      </c>
      <c r="KB32" s="347">
        <v>134842</v>
      </c>
      <c r="KC32" s="352">
        <v>0</v>
      </c>
      <c r="KD32" s="353">
        <v>0</v>
      </c>
      <c r="KE32" s="349">
        <v>0</v>
      </c>
      <c r="KF32" s="351">
        <v>0</v>
      </c>
      <c r="KG32" s="345">
        <v>0</v>
      </c>
      <c r="KH32" s="345">
        <v>0</v>
      </c>
      <c r="KI32" s="345">
        <v>0</v>
      </c>
      <c r="KJ32" s="345">
        <v>0</v>
      </c>
      <c r="KK32" s="345">
        <v>0</v>
      </c>
      <c r="KL32" s="349">
        <v>0</v>
      </c>
      <c r="KM32" s="354">
        <v>0</v>
      </c>
      <c r="KN32" s="342">
        <v>0</v>
      </c>
      <c r="KO32" s="343">
        <v>0</v>
      </c>
      <c r="KP32" s="344">
        <v>0</v>
      </c>
      <c r="KQ32" s="404">
        <v>0</v>
      </c>
      <c r="KR32" s="345">
        <v>0</v>
      </c>
      <c r="KS32" s="345">
        <v>0</v>
      </c>
      <c r="KT32" s="345">
        <v>0</v>
      </c>
      <c r="KU32" s="345">
        <v>0</v>
      </c>
      <c r="KV32" s="345">
        <v>0</v>
      </c>
      <c r="KW32" s="349">
        <v>0</v>
      </c>
      <c r="KX32" s="347">
        <v>0</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0</v>
      </c>
      <c r="LQ32" s="345">
        <v>0</v>
      </c>
      <c r="LR32" s="345">
        <v>0</v>
      </c>
      <c r="LS32" s="349">
        <v>0</v>
      </c>
      <c r="LT32" s="347">
        <v>0</v>
      </c>
      <c r="LU32" s="348">
        <v>0</v>
      </c>
      <c r="LV32" s="345">
        <v>0</v>
      </c>
      <c r="LW32" s="349">
        <v>0</v>
      </c>
      <c r="LX32" s="404">
        <v>0</v>
      </c>
      <c r="LY32" s="345">
        <v>0</v>
      </c>
      <c r="LZ32" s="345">
        <v>0</v>
      </c>
      <c r="MA32" s="345">
        <v>0</v>
      </c>
      <c r="MB32" s="345">
        <v>0</v>
      </c>
      <c r="MC32" s="345">
        <v>0</v>
      </c>
      <c r="MD32" s="349">
        <v>0</v>
      </c>
      <c r="ME32" s="350">
        <v>0</v>
      </c>
      <c r="MF32" s="348">
        <v>0</v>
      </c>
      <c r="MG32" s="345">
        <v>0</v>
      </c>
      <c r="MH32" s="349">
        <v>0</v>
      </c>
      <c r="MI32" s="404">
        <v>0</v>
      </c>
      <c r="MJ32" s="345">
        <v>184591</v>
      </c>
      <c r="MK32" s="345">
        <v>0</v>
      </c>
      <c r="ML32" s="345">
        <v>196970</v>
      </c>
      <c r="MM32" s="345">
        <v>218013</v>
      </c>
      <c r="MN32" s="345">
        <v>483020</v>
      </c>
      <c r="MO32" s="349">
        <v>1082594</v>
      </c>
      <c r="MP32" s="354">
        <v>1082594</v>
      </c>
      <c r="MQ32" s="348">
        <v>0</v>
      </c>
      <c r="MR32" s="345">
        <v>0</v>
      </c>
      <c r="MS32" s="349">
        <v>0</v>
      </c>
      <c r="MT32" s="404">
        <v>0</v>
      </c>
      <c r="MU32" s="345">
        <v>0</v>
      </c>
      <c r="MV32" s="345">
        <v>0</v>
      </c>
      <c r="MW32" s="345">
        <v>196970</v>
      </c>
      <c r="MX32" s="345">
        <v>218013</v>
      </c>
      <c r="MY32" s="345">
        <v>230730</v>
      </c>
      <c r="MZ32" s="349">
        <v>645713</v>
      </c>
      <c r="NA32" s="354">
        <v>645713</v>
      </c>
      <c r="NB32" s="348">
        <v>0</v>
      </c>
      <c r="NC32" s="345">
        <v>0</v>
      </c>
      <c r="ND32" s="349">
        <v>0</v>
      </c>
      <c r="NE32" s="404">
        <v>0</v>
      </c>
      <c r="NF32" s="345">
        <v>184591</v>
      </c>
      <c r="NG32" s="345">
        <v>0</v>
      </c>
      <c r="NH32" s="345">
        <v>0</v>
      </c>
      <c r="NI32" s="345">
        <v>0</v>
      </c>
      <c r="NJ32" s="345">
        <v>252290</v>
      </c>
      <c r="NK32" s="349">
        <v>436881</v>
      </c>
      <c r="NL32" s="347">
        <v>436881</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0</v>
      </c>
      <c r="OG32" s="349">
        <v>0</v>
      </c>
      <c r="OH32" s="350">
        <v>0</v>
      </c>
      <c r="OI32" s="348">
        <v>49221</v>
      </c>
      <c r="OJ32" s="345">
        <v>418619</v>
      </c>
      <c r="OK32" s="346">
        <v>467840</v>
      </c>
      <c r="OL32" s="351">
        <v>0</v>
      </c>
      <c r="OM32" s="345">
        <v>1182961</v>
      </c>
      <c r="ON32" s="345">
        <v>1268976</v>
      </c>
      <c r="OO32" s="345">
        <v>1698055</v>
      </c>
      <c r="OP32" s="345">
        <v>951882</v>
      </c>
      <c r="OQ32" s="345">
        <v>932331</v>
      </c>
      <c r="OR32" s="349">
        <v>6034205</v>
      </c>
      <c r="OS32" s="354">
        <v>6502045</v>
      </c>
    </row>
    <row r="33" spans="2:409" s="70" customFormat="1" ht="21" customHeight="1" x14ac:dyDescent="0.2">
      <c r="B33" s="106" t="s">
        <v>28</v>
      </c>
      <c r="C33" s="326">
        <v>0</v>
      </c>
      <c r="D33" s="327">
        <v>7700</v>
      </c>
      <c r="E33" s="328">
        <v>7700</v>
      </c>
      <c r="F33" s="329">
        <v>0</v>
      </c>
      <c r="G33" s="327">
        <v>46228</v>
      </c>
      <c r="H33" s="327">
        <v>188841</v>
      </c>
      <c r="I33" s="327">
        <v>313360</v>
      </c>
      <c r="J33" s="327">
        <v>290949</v>
      </c>
      <c r="K33" s="327">
        <v>213075</v>
      </c>
      <c r="L33" s="367">
        <v>1052453</v>
      </c>
      <c r="M33" s="330">
        <v>1060153</v>
      </c>
      <c r="N33" s="326">
        <v>0</v>
      </c>
      <c r="O33" s="327">
        <v>0</v>
      </c>
      <c r="P33" s="328">
        <v>0</v>
      </c>
      <c r="Q33" s="326">
        <v>0</v>
      </c>
      <c r="R33" s="327">
        <v>41468</v>
      </c>
      <c r="S33" s="327">
        <v>99490</v>
      </c>
      <c r="T33" s="327">
        <v>21366</v>
      </c>
      <c r="U33" s="327">
        <v>84077</v>
      </c>
      <c r="V33" s="327">
        <v>18312</v>
      </c>
      <c r="W33" s="328">
        <v>264713</v>
      </c>
      <c r="X33" s="330">
        <v>264713</v>
      </c>
      <c r="Y33" s="326">
        <v>0</v>
      </c>
      <c r="Z33" s="327">
        <v>0</v>
      </c>
      <c r="AA33" s="328">
        <v>0</v>
      </c>
      <c r="AB33" s="326">
        <v>0</v>
      </c>
      <c r="AC33" s="327">
        <v>34230</v>
      </c>
      <c r="AD33" s="327">
        <v>32778</v>
      </c>
      <c r="AE33" s="327">
        <v>0</v>
      </c>
      <c r="AF33" s="327">
        <v>64267</v>
      </c>
      <c r="AG33" s="327">
        <v>0</v>
      </c>
      <c r="AH33" s="328">
        <v>131275</v>
      </c>
      <c r="AI33" s="330">
        <v>131275</v>
      </c>
      <c r="AJ33" s="326">
        <v>0</v>
      </c>
      <c r="AK33" s="327">
        <v>0</v>
      </c>
      <c r="AL33" s="328">
        <v>0</v>
      </c>
      <c r="AM33" s="326">
        <v>0</v>
      </c>
      <c r="AN33" s="327">
        <v>0</v>
      </c>
      <c r="AO33" s="327">
        <v>0</v>
      </c>
      <c r="AP33" s="327">
        <v>0</v>
      </c>
      <c r="AQ33" s="327">
        <v>0</v>
      </c>
      <c r="AR33" s="327">
        <v>0</v>
      </c>
      <c r="AS33" s="328">
        <v>0</v>
      </c>
      <c r="AT33" s="330">
        <v>0</v>
      </c>
      <c r="AU33" s="326">
        <v>0</v>
      </c>
      <c r="AV33" s="327">
        <v>0</v>
      </c>
      <c r="AW33" s="328">
        <v>0</v>
      </c>
      <c r="AX33" s="326">
        <v>0</v>
      </c>
      <c r="AY33" s="327">
        <v>0</v>
      </c>
      <c r="AZ33" s="327">
        <v>49562</v>
      </c>
      <c r="BA33" s="327">
        <v>12588</v>
      </c>
      <c r="BB33" s="327">
        <v>0</v>
      </c>
      <c r="BC33" s="327">
        <v>0</v>
      </c>
      <c r="BD33" s="328">
        <v>62150</v>
      </c>
      <c r="BE33" s="330">
        <v>62150</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7238</v>
      </c>
      <c r="BV33" s="327">
        <v>17150</v>
      </c>
      <c r="BW33" s="327">
        <v>8778</v>
      </c>
      <c r="BX33" s="327">
        <v>19810</v>
      </c>
      <c r="BY33" s="327">
        <v>18312</v>
      </c>
      <c r="BZ33" s="328">
        <v>71288</v>
      </c>
      <c r="CA33" s="330">
        <v>71288</v>
      </c>
      <c r="CB33" s="326">
        <v>0</v>
      </c>
      <c r="CC33" s="327">
        <v>0</v>
      </c>
      <c r="CD33" s="328">
        <v>0</v>
      </c>
      <c r="CE33" s="326">
        <v>0</v>
      </c>
      <c r="CF33" s="327">
        <v>0</v>
      </c>
      <c r="CG33" s="327">
        <v>52895</v>
      </c>
      <c r="CH33" s="327">
        <v>217873</v>
      </c>
      <c r="CI33" s="327">
        <v>0</v>
      </c>
      <c r="CJ33" s="327">
        <v>0</v>
      </c>
      <c r="CK33" s="328">
        <v>270768</v>
      </c>
      <c r="CL33" s="330">
        <v>270768</v>
      </c>
      <c r="CM33" s="326">
        <v>0</v>
      </c>
      <c r="CN33" s="327">
        <v>0</v>
      </c>
      <c r="CO33" s="328">
        <v>0</v>
      </c>
      <c r="CP33" s="332">
        <v>0</v>
      </c>
      <c r="CQ33" s="327">
        <v>0</v>
      </c>
      <c r="CR33" s="327">
        <v>52895</v>
      </c>
      <c r="CS33" s="327">
        <v>163490</v>
      </c>
      <c r="CT33" s="327">
        <v>0</v>
      </c>
      <c r="CU33" s="327">
        <v>0</v>
      </c>
      <c r="CV33" s="328">
        <v>216385</v>
      </c>
      <c r="CW33" s="330">
        <v>216385</v>
      </c>
      <c r="CX33" s="326">
        <v>0</v>
      </c>
      <c r="CY33" s="327">
        <v>0</v>
      </c>
      <c r="CZ33" s="328">
        <v>0</v>
      </c>
      <c r="DA33" s="326">
        <v>0</v>
      </c>
      <c r="DB33" s="327">
        <v>0</v>
      </c>
      <c r="DC33" s="327">
        <v>0</v>
      </c>
      <c r="DD33" s="327">
        <v>54383</v>
      </c>
      <c r="DE33" s="327">
        <v>0</v>
      </c>
      <c r="DF33" s="327">
        <v>0</v>
      </c>
      <c r="DG33" s="328">
        <v>54383</v>
      </c>
      <c r="DH33" s="330">
        <v>54383</v>
      </c>
      <c r="DI33" s="326">
        <v>0</v>
      </c>
      <c r="DJ33" s="327">
        <v>0</v>
      </c>
      <c r="DK33" s="331">
        <v>0</v>
      </c>
      <c r="DL33" s="332">
        <v>0</v>
      </c>
      <c r="DM33" s="327">
        <v>0</v>
      </c>
      <c r="DN33" s="327">
        <v>0</v>
      </c>
      <c r="DO33" s="327">
        <v>62641</v>
      </c>
      <c r="DP33" s="327">
        <v>0</v>
      </c>
      <c r="DQ33" s="327">
        <v>0</v>
      </c>
      <c r="DR33" s="328">
        <v>62641</v>
      </c>
      <c r="DS33" s="330">
        <v>62641</v>
      </c>
      <c r="DT33" s="326">
        <v>0</v>
      </c>
      <c r="DU33" s="327">
        <v>0</v>
      </c>
      <c r="DV33" s="328">
        <v>0</v>
      </c>
      <c r="DW33" s="326">
        <v>0</v>
      </c>
      <c r="DX33" s="327">
        <v>0</v>
      </c>
      <c r="DY33" s="327">
        <v>0</v>
      </c>
      <c r="DZ33" s="327">
        <v>62641</v>
      </c>
      <c r="EA33" s="327">
        <v>0</v>
      </c>
      <c r="EB33" s="327">
        <v>0</v>
      </c>
      <c r="EC33" s="328">
        <v>62641</v>
      </c>
      <c r="ED33" s="330">
        <v>62641</v>
      </c>
      <c r="EE33" s="326">
        <v>0</v>
      </c>
      <c r="EF33" s="331">
        <v>0</v>
      </c>
      <c r="EG33" s="328">
        <v>0</v>
      </c>
      <c r="EH33" s="326">
        <v>0</v>
      </c>
      <c r="EI33" s="327">
        <v>0</v>
      </c>
      <c r="EJ33" s="327">
        <v>0</v>
      </c>
      <c r="EK33" s="327">
        <v>0</v>
      </c>
      <c r="EL33" s="327">
        <v>0</v>
      </c>
      <c r="EM33" s="327">
        <v>0</v>
      </c>
      <c r="EN33" s="331">
        <v>0</v>
      </c>
      <c r="EO33" s="330">
        <v>0</v>
      </c>
      <c r="EP33" s="326">
        <v>0</v>
      </c>
      <c r="EQ33" s="327">
        <v>0</v>
      </c>
      <c r="ER33" s="331">
        <v>0</v>
      </c>
      <c r="ES33" s="332">
        <v>0</v>
      </c>
      <c r="ET33" s="327">
        <v>0</v>
      </c>
      <c r="EU33" s="327">
        <v>0</v>
      </c>
      <c r="EV33" s="327">
        <v>0</v>
      </c>
      <c r="EW33" s="327">
        <v>0</v>
      </c>
      <c r="EX33" s="327">
        <v>0</v>
      </c>
      <c r="EY33" s="328">
        <v>0</v>
      </c>
      <c r="EZ33" s="330">
        <v>0</v>
      </c>
      <c r="FA33" s="326">
        <v>0</v>
      </c>
      <c r="FB33" s="327">
        <v>0</v>
      </c>
      <c r="FC33" s="331">
        <v>0</v>
      </c>
      <c r="FD33" s="404">
        <v>0</v>
      </c>
      <c r="FE33" s="327">
        <v>0</v>
      </c>
      <c r="FF33" s="327">
        <v>0</v>
      </c>
      <c r="FG33" s="327">
        <v>0</v>
      </c>
      <c r="FH33" s="327">
        <v>0</v>
      </c>
      <c r="FI33" s="327">
        <v>0</v>
      </c>
      <c r="FJ33" s="328">
        <v>0</v>
      </c>
      <c r="FK33" s="330">
        <v>0</v>
      </c>
      <c r="FL33" s="326">
        <v>0</v>
      </c>
      <c r="FM33" s="327">
        <v>7700</v>
      </c>
      <c r="FN33" s="328">
        <v>7700</v>
      </c>
      <c r="FO33" s="326">
        <v>0</v>
      </c>
      <c r="FP33" s="327">
        <v>4760</v>
      </c>
      <c r="FQ33" s="327">
        <v>36456</v>
      </c>
      <c r="FR33" s="327">
        <v>11480</v>
      </c>
      <c r="FS33" s="327">
        <v>21350</v>
      </c>
      <c r="FT33" s="327">
        <v>0</v>
      </c>
      <c r="FU33" s="328">
        <v>74046</v>
      </c>
      <c r="FV33" s="330">
        <v>81746</v>
      </c>
      <c r="FW33" s="333">
        <v>0</v>
      </c>
      <c r="FX33" s="327">
        <v>7700</v>
      </c>
      <c r="FY33" s="331">
        <v>7700</v>
      </c>
      <c r="FZ33" s="332">
        <v>0</v>
      </c>
      <c r="GA33" s="327">
        <v>4760</v>
      </c>
      <c r="GB33" s="327">
        <v>36456</v>
      </c>
      <c r="GC33" s="327">
        <v>11480</v>
      </c>
      <c r="GD33" s="327">
        <v>21350</v>
      </c>
      <c r="GE33" s="327">
        <v>0</v>
      </c>
      <c r="GF33" s="328">
        <v>74046</v>
      </c>
      <c r="GG33" s="334">
        <v>81746</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0</v>
      </c>
      <c r="HI33" s="327">
        <v>0</v>
      </c>
      <c r="HJ33" s="327">
        <v>0</v>
      </c>
      <c r="HK33" s="327">
        <v>185522</v>
      </c>
      <c r="HL33" s="327">
        <v>194763</v>
      </c>
      <c r="HM33" s="328">
        <v>380285</v>
      </c>
      <c r="HN33" s="329">
        <v>380285</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56155</v>
      </c>
      <c r="IE33" s="339">
        <v>239104</v>
      </c>
      <c r="IF33" s="337">
        <v>204253</v>
      </c>
      <c r="IG33" s="336">
        <v>0</v>
      </c>
      <c r="IH33" s="337">
        <v>0</v>
      </c>
      <c r="II33" s="340">
        <v>599512</v>
      </c>
      <c r="IJ33" s="341">
        <v>599512</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56155</v>
      </c>
      <c r="JL33" s="345">
        <v>26289</v>
      </c>
      <c r="JM33" s="345">
        <v>0</v>
      </c>
      <c r="JN33" s="345">
        <v>0</v>
      </c>
      <c r="JO33" s="345">
        <v>0</v>
      </c>
      <c r="JP33" s="349">
        <v>182444</v>
      </c>
      <c r="JQ33" s="347">
        <v>182444</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212815</v>
      </c>
      <c r="KT33" s="345">
        <v>204253</v>
      </c>
      <c r="KU33" s="345">
        <v>0</v>
      </c>
      <c r="KV33" s="345">
        <v>0</v>
      </c>
      <c r="KW33" s="349">
        <v>417068</v>
      </c>
      <c r="KX33" s="347">
        <v>417068</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228322</v>
      </c>
      <c r="MM33" s="345">
        <v>0</v>
      </c>
      <c r="MN33" s="345">
        <v>0</v>
      </c>
      <c r="MO33" s="349">
        <v>228322</v>
      </c>
      <c r="MP33" s="354">
        <v>228322</v>
      </c>
      <c r="MQ33" s="348">
        <v>0</v>
      </c>
      <c r="MR33" s="345">
        <v>0</v>
      </c>
      <c r="MS33" s="349">
        <v>0</v>
      </c>
      <c r="MT33" s="404">
        <v>0</v>
      </c>
      <c r="MU33" s="345">
        <v>0</v>
      </c>
      <c r="MV33" s="345">
        <v>0</v>
      </c>
      <c r="MW33" s="345">
        <v>0</v>
      </c>
      <c r="MX33" s="345">
        <v>0</v>
      </c>
      <c r="MY33" s="345">
        <v>0</v>
      </c>
      <c r="MZ33" s="349">
        <v>0</v>
      </c>
      <c r="NA33" s="354">
        <v>0</v>
      </c>
      <c r="NB33" s="348">
        <v>0</v>
      </c>
      <c r="NC33" s="345">
        <v>0</v>
      </c>
      <c r="ND33" s="349">
        <v>0</v>
      </c>
      <c r="NE33" s="404">
        <v>0</v>
      </c>
      <c r="NF33" s="345">
        <v>0</v>
      </c>
      <c r="NG33" s="345">
        <v>0</v>
      </c>
      <c r="NH33" s="345">
        <v>228322</v>
      </c>
      <c r="NI33" s="345">
        <v>0</v>
      </c>
      <c r="NJ33" s="345">
        <v>0</v>
      </c>
      <c r="NK33" s="349">
        <v>228322</v>
      </c>
      <c r="NL33" s="347">
        <v>228322</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7700</v>
      </c>
      <c r="OK33" s="346">
        <v>7700</v>
      </c>
      <c r="OL33" s="351">
        <v>0</v>
      </c>
      <c r="OM33" s="345">
        <v>202383</v>
      </c>
      <c r="ON33" s="345">
        <v>427945</v>
      </c>
      <c r="OO33" s="345">
        <v>745935</v>
      </c>
      <c r="OP33" s="345">
        <v>290949</v>
      </c>
      <c r="OQ33" s="345">
        <v>213075</v>
      </c>
      <c r="OR33" s="349">
        <v>1880287</v>
      </c>
      <c r="OS33" s="354">
        <v>1887987</v>
      </c>
    </row>
    <row r="34" spans="2:409" s="70" customFormat="1" ht="21" customHeight="1" x14ac:dyDescent="0.2">
      <c r="B34" s="106" t="s">
        <v>29</v>
      </c>
      <c r="C34" s="326">
        <v>91894</v>
      </c>
      <c r="D34" s="327">
        <v>84420</v>
      </c>
      <c r="E34" s="328">
        <v>176314</v>
      </c>
      <c r="F34" s="329">
        <v>0</v>
      </c>
      <c r="G34" s="327">
        <v>341760</v>
      </c>
      <c r="H34" s="327">
        <v>386915</v>
      </c>
      <c r="I34" s="327">
        <v>232295</v>
      </c>
      <c r="J34" s="327">
        <v>449953</v>
      </c>
      <c r="K34" s="327">
        <v>195230</v>
      </c>
      <c r="L34" s="367">
        <v>1606153</v>
      </c>
      <c r="M34" s="330">
        <v>1782467</v>
      </c>
      <c r="N34" s="326">
        <v>16940</v>
      </c>
      <c r="O34" s="327">
        <v>71820</v>
      </c>
      <c r="P34" s="328">
        <v>88760</v>
      </c>
      <c r="Q34" s="326">
        <v>0</v>
      </c>
      <c r="R34" s="327">
        <v>205411</v>
      </c>
      <c r="S34" s="327">
        <v>201051</v>
      </c>
      <c r="T34" s="327">
        <v>83993</v>
      </c>
      <c r="U34" s="327">
        <v>141484</v>
      </c>
      <c r="V34" s="327">
        <v>2086</v>
      </c>
      <c r="W34" s="328">
        <v>634025</v>
      </c>
      <c r="X34" s="330">
        <v>722785</v>
      </c>
      <c r="Y34" s="326">
        <v>0</v>
      </c>
      <c r="Z34" s="327">
        <v>0</v>
      </c>
      <c r="AA34" s="328">
        <v>0</v>
      </c>
      <c r="AB34" s="326">
        <v>0</v>
      </c>
      <c r="AC34" s="327">
        <v>44452</v>
      </c>
      <c r="AD34" s="327">
        <v>116897</v>
      </c>
      <c r="AE34" s="327">
        <v>0</v>
      </c>
      <c r="AF34" s="327">
        <v>100156</v>
      </c>
      <c r="AG34" s="327">
        <v>0</v>
      </c>
      <c r="AH34" s="328">
        <v>261505</v>
      </c>
      <c r="AI34" s="330">
        <v>261505</v>
      </c>
      <c r="AJ34" s="326">
        <v>0</v>
      </c>
      <c r="AK34" s="327">
        <v>0</v>
      </c>
      <c r="AL34" s="328">
        <v>0</v>
      </c>
      <c r="AM34" s="326">
        <v>0</v>
      </c>
      <c r="AN34" s="327">
        <v>0</v>
      </c>
      <c r="AO34" s="327">
        <v>0</v>
      </c>
      <c r="AP34" s="327">
        <v>0</v>
      </c>
      <c r="AQ34" s="327">
        <v>0</v>
      </c>
      <c r="AR34" s="327">
        <v>0</v>
      </c>
      <c r="AS34" s="328">
        <v>0</v>
      </c>
      <c r="AT34" s="330">
        <v>0</v>
      </c>
      <c r="AU34" s="326">
        <v>16940</v>
      </c>
      <c r="AV34" s="327">
        <v>48706</v>
      </c>
      <c r="AW34" s="328">
        <v>65646</v>
      </c>
      <c r="AX34" s="326">
        <v>0</v>
      </c>
      <c r="AY34" s="327">
        <v>136011</v>
      </c>
      <c r="AZ34" s="327">
        <v>68516</v>
      </c>
      <c r="BA34" s="327">
        <v>83993</v>
      </c>
      <c r="BB34" s="327">
        <v>0</v>
      </c>
      <c r="BC34" s="327">
        <v>0</v>
      </c>
      <c r="BD34" s="328">
        <v>288520</v>
      </c>
      <c r="BE34" s="330">
        <v>354166</v>
      </c>
      <c r="BF34" s="326">
        <v>0</v>
      </c>
      <c r="BG34" s="327">
        <v>23114</v>
      </c>
      <c r="BH34" s="331">
        <v>23114</v>
      </c>
      <c r="BI34" s="332">
        <v>0</v>
      </c>
      <c r="BJ34" s="327">
        <v>0</v>
      </c>
      <c r="BK34" s="327">
        <v>0</v>
      </c>
      <c r="BL34" s="327">
        <v>0</v>
      </c>
      <c r="BM34" s="327">
        <v>20076</v>
      </c>
      <c r="BN34" s="327">
        <v>0</v>
      </c>
      <c r="BO34" s="328">
        <v>20076</v>
      </c>
      <c r="BP34" s="330">
        <v>43190</v>
      </c>
      <c r="BQ34" s="326">
        <v>0</v>
      </c>
      <c r="BR34" s="327">
        <v>0</v>
      </c>
      <c r="BS34" s="328">
        <v>0</v>
      </c>
      <c r="BT34" s="326">
        <v>0</v>
      </c>
      <c r="BU34" s="327">
        <v>24948</v>
      </c>
      <c r="BV34" s="327">
        <v>15638</v>
      </c>
      <c r="BW34" s="327">
        <v>0</v>
      </c>
      <c r="BX34" s="327">
        <v>21252</v>
      </c>
      <c r="BY34" s="327">
        <v>2086</v>
      </c>
      <c r="BZ34" s="328">
        <v>63924</v>
      </c>
      <c r="CA34" s="330">
        <v>63924</v>
      </c>
      <c r="CB34" s="326">
        <v>0</v>
      </c>
      <c r="CC34" s="327">
        <v>0</v>
      </c>
      <c r="CD34" s="328">
        <v>0</v>
      </c>
      <c r="CE34" s="326">
        <v>0</v>
      </c>
      <c r="CF34" s="327">
        <v>134249</v>
      </c>
      <c r="CG34" s="327">
        <v>10584</v>
      </c>
      <c r="CH34" s="327">
        <v>101024</v>
      </c>
      <c r="CI34" s="327">
        <v>74314</v>
      </c>
      <c r="CJ34" s="327">
        <v>0</v>
      </c>
      <c r="CK34" s="328">
        <v>320171</v>
      </c>
      <c r="CL34" s="330">
        <v>320171</v>
      </c>
      <c r="CM34" s="326">
        <v>0</v>
      </c>
      <c r="CN34" s="327">
        <v>0</v>
      </c>
      <c r="CO34" s="328">
        <v>0</v>
      </c>
      <c r="CP34" s="332">
        <v>0</v>
      </c>
      <c r="CQ34" s="327">
        <v>78988</v>
      </c>
      <c r="CR34" s="327">
        <v>10584</v>
      </c>
      <c r="CS34" s="327">
        <v>0</v>
      </c>
      <c r="CT34" s="327">
        <v>0</v>
      </c>
      <c r="CU34" s="327">
        <v>0</v>
      </c>
      <c r="CV34" s="328">
        <v>89572</v>
      </c>
      <c r="CW34" s="330">
        <v>89572</v>
      </c>
      <c r="CX34" s="326">
        <v>0</v>
      </c>
      <c r="CY34" s="327">
        <v>0</v>
      </c>
      <c r="CZ34" s="328">
        <v>0</v>
      </c>
      <c r="DA34" s="326">
        <v>0</v>
      </c>
      <c r="DB34" s="327">
        <v>55261</v>
      </c>
      <c r="DC34" s="327">
        <v>0</v>
      </c>
      <c r="DD34" s="327">
        <v>101024</v>
      </c>
      <c r="DE34" s="327">
        <v>74314</v>
      </c>
      <c r="DF34" s="327">
        <v>0</v>
      </c>
      <c r="DG34" s="328">
        <v>230599</v>
      </c>
      <c r="DH34" s="330">
        <v>230599</v>
      </c>
      <c r="DI34" s="326">
        <v>0</v>
      </c>
      <c r="DJ34" s="327">
        <v>0</v>
      </c>
      <c r="DK34" s="331">
        <v>0</v>
      </c>
      <c r="DL34" s="332">
        <v>0</v>
      </c>
      <c r="DM34" s="327">
        <v>0</v>
      </c>
      <c r="DN34" s="327">
        <v>0</v>
      </c>
      <c r="DO34" s="327">
        <v>0</v>
      </c>
      <c r="DP34" s="327">
        <v>0</v>
      </c>
      <c r="DQ34" s="327">
        <v>0</v>
      </c>
      <c r="DR34" s="328">
        <v>0</v>
      </c>
      <c r="DS34" s="330">
        <v>0</v>
      </c>
      <c r="DT34" s="326">
        <v>0</v>
      </c>
      <c r="DU34" s="327">
        <v>0</v>
      </c>
      <c r="DV34" s="328">
        <v>0</v>
      </c>
      <c r="DW34" s="326">
        <v>0</v>
      </c>
      <c r="DX34" s="327">
        <v>0</v>
      </c>
      <c r="DY34" s="327">
        <v>0</v>
      </c>
      <c r="DZ34" s="327">
        <v>0</v>
      </c>
      <c r="EA34" s="327">
        <v>0</v>
      </c>
      <c r="EB34" s="327">
        <v>0</v>
      </c>
      <c r="EC34" s="328">
        <v>0</v>
      </c>
      <c r="ED34" s="330">
        <v>0</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404">
        <v>0</v>
      </c>
      <c r="FE34" s="327">
        <v>0</v>
      </c>
      <c r="FF34" s="327">
        <v>0</v>
      </c>
      <c r="FG34" s="327">
        <v>0</v>
      </c>
      <c r="FH34" s="327">
        <v>0</v>
      </c>
      <c r="FI34" s="327">
        <v>0</v>
      </c>
      <c r="FJ34" s="328">
        <v>0</v>
      </c>
      <c r="FK34" s="330">
        <v>0</v>
      </c>
      <c r="FL34" s="326">
        <v>0</v>
      </c>
      <c r="FM34" s="327">
        <v>12600</v>
      </c>
      <c r="FN34" s="328">
        <v>12600</v>
      </c>
      <c r="FO34" s="326">
        <v>0</v>
      </c>
      <c r="FP34" s="327">
        <v>2100</v>
      </c>
      <c r="FQ34" s="327">
        <v>22610</v>
      </c>
      <c r="FR34" s="327">
        <v>47278</v>
      </c>
      <c r="FS34" s="327">
        <v>52766</v>
      </c>
      <c r="FT34" s="327">
        <v>0</v>
      </c>
      <c r="FU34" s="328">
        <v>124754</v>
      </c>
      <c r="FV34" s="330">
        <v>137354</v>
      </c>
      <c r="FW34" s="333">
        <v>0</v>
      </c>
      <c r="FX34" s="327">
        <v>12600</v>
      </c>
      <c r="FY34" s="331">
        <v>12600</v>
      </c>
      <c r="FZ34" s="332">
        <v>0</v>
      </c>
      <c r="GA34" s="327">
        <v>2100</v>
      </c>
      <c r="GB34" s="327">
        <v>22610</v>
      </c>
      <c r="GC34" s="327">
        <v>47278</v>
      </c>
      <c r="GD34" s="327">
        <v>52766</v>
      </c>
      <c r="GE34" s="327">
        <v>0</v>
      </c>
      <c r="GF34" s="328">
        <v>124754</v>
      </c>
      <c r="GG34" s="334">
        <v>137354</v>
      </c>
      <c r="GH34" s="333">
        <v>0</v>
      </c>
      <c r="GI34" s="327">
        <v>0</v>
      </c>
      <c r="GJ34" s="331">
        <v>0</v>
      </c>
      <c r="GK34" s="332">
        <v>0</v>
      </c>
      <c r="GL34" s="327">
        <v>0</v>
      </c>
      <c r="GM34" s="327">
        <v>0</v>
      </c>
      <c r="GN34" s="327">
        <v>0</v>
      </c>
      <c r="GO34" s="327">
        <v>0</v>
      </c>
      <c r="GP34" s="327">
        <v>0</v>
      </c>
      <c r="GQ34" s="328">
        <v>0</v>
      </c>
      <c r="GR34" s="330">
        <v>0</v>
      </c>
      <c r="GS34" s="326">
        <v>0</v>
      </c>
      <c r="GT34" s="327">
        <v>0</v>
      </c>
      <c r="GU34" s="328">
        <v>0</v>
      </c>
      <c r="GV34" s="326">
        <v>0</v>
      </c>
      <c r="GW34" s="327">
        <v>0</v>
      </c>
      <c r="GX34" s="327">
        <v>0</v>
      </c>
      <c r="GY34" s="327">
        <v>0</v>
      </c>
      <c r="GZ34" s="327">
        <v>0</v>
      </c>
      <c r="HA34" s="327">
        <v>0</v>
      </c>
      <c r="HB34" s="331">
        <v>0</v>
      </c>
      <c r="HC34" s="330">
        <v>0</v>
      </c>
      <c r="HD34" s="326">
        <v>74954</v>
      </c>
      <c r="HE34" s="327">
        <v>0</v>
      </c>
      <c r="HF34" s="331">
        <v>74954</v>
      </c>
      <c r="HG34" s="332">
        <v>0</v>
      </c>
      <c r="HH34" s="327">
        <v>0</v>
      </c>
      <c r="HI34" s="327">
        <v>152670</v>
      </c>
      <c r="HJ34" s="327">
        <v>0</v>
      </c>
      <c r="HK34" s="327">
        <v>181389</v>
      </c>
      <c r="HL34" s="327">
        <v>193144</v>
      </c>
      <c r="HM34" s="328">
        <v>527203</v>
      </c>
      <c r="HN34" s="329">
        <v>602157</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333550</v>
      </c>
      <c r="IE34" s="357">
        <v>313705</v>
      </c>
      <c r="IF34" s="358">
        <v>80227</v>
      </c>
      <c r="IG34" s="356">
        <v>233208</v>
      </c>
      <c r="IH34" s="358">
        <v>0</v>
      </c>
      <c r="II34" s="359">
        <v>960690</v>
      </c>
      <c r="IJ34" s="358">
        <v>960690</v>
      </c>
      <c r="IK34" s="342">
        <v>0</v>
      </c>
      <c r="IL34" s="343">
        <v>0</v>
      </c>
      <c r="IM34" s="344">
        <v>0</v>
      </c>
      <c r="IN34" s="404">
        <v>0</v>
      </c>
      <c r="IO34" s="345">
        <v>52507</v>
      </c>
      <c r="IP34" s="345">
        <v>0</v>
      </c>
      <c r="IQ34" s="345">
        <v>0</v>
      </c>
      <c r="IR34" s="345">
        <v>0</v>
      </c>
      <c r="IS34" s="345">
        <v>0</v>
      </c>
      <c r="IT34" s="346">
        <v>52507</v>
      </c>
      <c r="IU34" s="347">
        <v>52507</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48965</v>
      </c>
      <c r="JL34" s="345">
        <v>0</v>
      </c>
      <c r="JM34" s="345">
        <v>80227</v>
      </c>
      <c r="JN34" s="345">
        <v>10160</v>
      </c>
      <c r="JO34" s="345">
        <v>0</v>
      </c>
      <c r="JP34" s="349">
        <v>139352</v>
      </c>
      <c r="JQ34" s="347">
        <v>139352</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232078</v>
      </c>
      <c r="KH34" s="345">
        <v>313705</v>
      </c>
      <c r="KI34" s="345">
        <v>0</v>
      </c>
      <c r="KJ34" s="345">
        <v>0</v>
      </c>
      <c r="KK34" s="345">
        <v>0</v>
      </c>
      <c r="KL34" s="349">
        <v>545783</v>
      </c>
      <c r="KM34" s="354">
        <v>545783</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0</v>
      </c>
      <c r="LQ34" s="345">
        <v>223048</v>
      </c>
      <c r="LR34" s="345">
        <v>0</v>
      </c>
      <c r="LS34" s="349">
        <v>223048</v>
      </c>
      <c r="LT34" s="347">
        <v>223048</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239771</v>
      </c>
      <c r="MN34" s="345">
        <v>517972</v>
      </c>
      <c r="MO34" s="349">
        <v>757743</v>
      </c>
      <c r="MP34" s="354">
        <v>757743</v>
      </c>
      <c r="MQ34" s="348">
        <v>0</v>
      </c>
      <c r="MR34" s="345">
        <v>0</v>
      </c>
      <c r="MS34" s="349">
        <v>0</v>
      </c>
      <c r="MT34" s="404">
        <v>0</v>
      </c>
      <c r="MU34" s="345">
        <v>0</v>
      </c>
      <c r="MV34" s="345">
        <v>0</v>
      </c>
      <c r="MW34" s="345">
        <v>0</v>
      </c>
      <c r="MX34" s="345">
        <v>239771</v>
      </c>
      <c r="MY34" s="345">
        <v>0</v>
      </c>
      <c r="MZ34" s="349">
        <v>239771</v>
      </c>
      <c r="NA34" s="354">
        <v>239771</v>
      </c>
      <c r="NB34" s="348">
        <v>0</v>
      </c>
      <c r="NC34" s="345">
        <v>0</v>
      </c>
      <c r="ND34" s="349">
        <v>0</v>
      </c>
      <c r="NE34" s="404">
        <v>0</v>
      </c>
      <c r="NF34" s="345">
        <v>0</v>
      </c>
      <c r="NG34" s="345">
        <v>0</v>
      </c>
      <c r="NH34" s="345">
        <v>0</v>
      </c>
      <c r="NI34" s="345">
        <v>0</v>
      </c>
      <c r="NJ34" s="345">
        <v>517972</v>
      </c>
      <c r="NK34" s="349">
        <v>517972</v>
      </c>
      <c r="NL34" s="347">
        <v>517972</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91894</v>
      </c>
      <c r="OJ34" s="345">
        <v>84420</v>
      </c>
      <c r="OK34" s="346">
        <v>176314</v>
      </c>
      <c r="OL34" s="351">
        <v>0</v>
      </c>
      <c r="OM34" s="345">
        <v>675310</v>
      </c>
      <c r="ON34" s="345">
        <v>700620</v>
      </c>
      <c r="OO34" s="345">
        <v>312522</v>
      </c>
      <c r="OP34" s="345">
        <v>922932</v>
      </c>
      <c r="OQ34" s="345">
        <v>713202</v>
      </c>
      <c r="OR34" s="349">
        <v>3324586</v>
      </c>
      <c r="OS34" s="354">
        <v>3500900</v>
      </c>
    </row>
    <row r="35" spans="2:409" s="70" customFormat="1" ht="21" customHeight="1" x14ac:dyDescent="0.2">
      <c r="B35" s="106" t="s">
        <v>30</v>
      </c>
      <c r="C35" s="326">
        <v>23502</v>
      </c>
      <c r="D35" s="327">
        <v>0</v>
      </c>
      <c r="E35" s="368">
        <v>23502</v>
      </c>
      <c r="F35" s="370">
        <v>0</v>
      </c>
      <c r="G35" s="369">
        <v>259469</v>
      </c>
      <c r="H35" s="369">
        <v>366096</v>
      </c>
      <c r="I35" s="369">
        <v>589342</v>
      </c>
      <c r="J35" s="369">
        <v>389658</v>
      </c>
      <c r="K35" s="369">
        <v>0</v>
      </c>
      <c r="L35" s="370">
        <v>1604565</v>
      </c>
      <c r="M35" s="330">
        <v>1628067</v>
      </c>
      <c r="N35" s="326">
        <v>0</v>
      </c>
      <c r="O35" s="327">
        <v>0</v>
      </c>
      <c r="P35" s="328">
        <v>0</v>
      </c>
      <c r="Q35" s="326">
        <v>0</v>
      </c>
      <c r="R35" s="327">
        <v>82583</v>
      </c>
      <c r="S35" s="327">
        <v>145468</v>
      </c>
      <c r="T35" s="327">
        <v>212652</v>
      </c>
      <c r="U35" s="327">
        <v>57736</v>
      </c>
      <c r="V35" s="327">
        <v>0</v>
      </c>
      <c r="W35" s="328">
        <v>498439</v>
      </c>
      <c r="X35" s="330">
        <v>498439</v>
      </c>
      <c r="Y35" s="326">
        <v>0</v>
      </c>
      <c r="Z35" s="327">
        <v>0</v>
      </c>
      <c r="AA35" s="328">
        <v>0</v>
      </c>
      <c r="AB35" s="326">
        <v>0</v>
      </c>
      <c r="AC35" s="327">
        <v>43341</v>
      </c>
      <c r="AD35" s="327">
        <v>67326</v>
      </c>
      <c r="AE35" s="327">
        <v>118286</v>
      </c>
      <c r="AF35" s="327">
        <v>57736</v>
      </c>
      <c r="AG35" s="327">
        <v>0</v>
      </c>
      <c r="AH35" s="328">
        <v>286689</v>
      </c>
      <c r="AI35" s="330">
        <v>286689</v>
      </c>
      <c r="AJ35" s="326">
        <v>0</v>
      </c>
      <c r="AK35" s="327">
        <v>0</v>
      </c>
      <c r="AL35" s="328">
        <v>0</v>
      </c>
      <c r="AM35" s="326">
        <v>0</v>
      </c>
      <c r="AN35" s="327">
        <v>0</v>
      </c>
      <c r="AO35" s="327">
        <v>0</v>
      </c>
      <c r="AP35" s="327">
        <v>51029</v>
      </c>
      <c r="AQ35" s="327">
        <v>0</v>
      </c>
      <c r="AR35" s="327">
        <v>0</v>
      </c>
      <c r="AS35" s="328">
        <v>51029</v>
      </c>
      <c r="AT35" s="330">
        <v>51029</v>
      </c>
      <c r="AU35" s="326">
        <v>0</v>
      </c>
      <c r="AV35" s="327">
        <v>0</v>
      </c>
      <c r="AW35" s="328">
        <v>0</v>
      </c>
      <c r="AX35" s="326">
        <v>0</v>
      </c>
      <c r="AY35" s="327">
        <v>17346</v>
      </c>
      <c r="AZ35" s="327">
        <v>23727</v>
      </c>
      <c r="BA35" s="327">
        <v>28924</v>
      </c>
      <c r="BB35" s="327">
        <v>0</v>
      </c>
      <c r="BC35" s="327">
        <v>0</v>
      </c>
      <c r="BD35" s="328">
        <v>69997</v>
      </c>
      <c r="BE35" s="330">
        <v>69997</v>
      </c>
      <c r="BF35" s="326">
        <v>0</v>
      </c>
      <c r="BG35" s="327">
        <v>0</v>
      </c>
      <c r="BH35" s="331">
        <v>0</v>
      </c>
      <c r="BI35" s="332">
        <v>0</v>
      </c>
      <c r="BJ35" s="327">
        <v>0</v>
      </c>
      <c r="BK35" s="327">
        <v>37237</v>
      </c>
      <c r="BL35" s="327">
        <v>0</v>
      </c>
      <c r="BM35" s="327">
        <v>0</v>
      </c>
      <c r="BN35" s="327">
        <v>0</v>
      </c>
      <c r="BO35" s="328">
        <v>37237</v>
      </c>
      <c r="BP35" s="330">
        <v>37237</v>
      </c>
      <c r="BQ35" s="326">
        <v>0</v>
      </c>
      <c r="BR35" s="327">
        <v>0</v>
      </c>
      <c r="BS35" s="328">
        <v>0</v>
      </c>
      <c r="BT35" s="326">
        <v>0</v>
      </c>
      <c r="BU35" s="327">
        <v>21896</v>
      </c>
      <c r="BV35" s="327">
        <v>17178</v>
      </c>
      <c r="BW35" s="327">
        <v>14413</v>
      </c>
      <c r="BX35" s="327">
        <v>0</v>
      </c>
      <c r="BY35" s="327">
        <v>0</v>
      </c>
      <c r="BZ35" s="328">
        <v>53487</v>
      </c>
      <c r="CA35" s="330">
        <v>53487</v>
      </c>
      <c r="CB35" s="326">
        <v>0</v>
      </c>
      <c r="CC35" s="327">
        <v>0</v>
      </c>
      <c r="CD35" s="328">
        <v>0</v>
      </c>
      <c r="CE35" s="326">
        <v>0</v>
      </c>
      <c r="CF35" s="327">
        <v>40521</v>
      </c>
      <c r="CG35" s="327">
        <v>27489</v>
      </c>
      <c r="CH35" s="327">
        <v>28161</v>
      </c>
      <c r="CI35" s="327">
        <v>167362</v>
      </c>
      <c r="CJ35" s="327">
        <v>0</v>
      </c>
      <c r="CK35" s="328">
        <v>263533</v>
      </c>
      <c r="CL35" s="330">
        <v>263533</v>
      </c>
      <c r="CM35" s="326">
        <v>0</v>
      </c>
      <c r="CN35" s="327">
        <v>0</v>
      </c>
      <c r="CO35" s="328">
        <v>0</v>
      </c>
      <c r="CP35" s="332">
        <v>0</v>
      </c>
      <c r="CQ35" s="327">
        <v>11236</v>
      </c>
      <c r="CR35" s="327">
        <v>27489</v>
      </c>
      <c r="CS35" s="327">
        <v>28161</v>
      </c>
      <c r="CT35" s="327">
        <v>0</v>
      </c>
      <c r="CU35" s="327">
        <v>0</v>
      </c>
      <c r="CV35" s="328">
        <v>66886</v>
      </c>
      <c r="CW35" s="330">
        <v>66886</v>
      </c>
      <c r="CX35" s="326">
        <v>0</v>
      </c>
      <c r="CY35" s="327">
        <v>0</v>
      </c>
      <c r="CZ35" s="328">
        <v>0</v>
      </c>
      <c r="DA35" s="326">
        <v>0</v>
      </c>
      <c r="DB35" s="327">
        <v>29285</v>
      </c>
      <c r="DC35" s="327">
        <v>0</v>
      </c>
      <c r="DD35" s="327">
        <v>0</v>
      </c>
      <c r="DE35" s="327">
        <v>167362</v>
      </c>
      <c r="DF35" s="327">
        <v>0</v>
      </c>
      <c r="DG35" s="328">
        <v>196647</v>
      </c>
      <c r="DH35" s="330">
        <v>196647</v>
      </c>
      <c r="DI35" s="326">
        <v>0</v>
      </c>
      <c r="DJ35" s="327">
        <v>0</v>
      </c>
      <c r="DK35" s="331">
        <v>0</v>
      </c>
      <c r="DL35" s="332">
        <v>0</v>
      </c>
      <c r="DM35" s="327">
        <v>0</v>
      </c>
      <c r="DN35" s="327">
        <v>0</v>
      </c>
      <c r="DO35" s="327">
        <v>0</v>
      </c>
      <c r="DP35" s="327">
        <v>95036</v>
      </c>
      <c r="DQ35" s="327">
        <v>0</v>
      </c>
      <c r="DR35" s="328">
        <v>95036</v>
      </c>
      <c r="DS35" s="330">
        <v>95036</v>
      </c>
      <c r="DT35" s="326">
        <v>0</v>
      </c>
      <c r="DU35" s="327">
        <v>0</v>
      </c>
      <c r="DV35" s="328">
        <v>0</v>
      </c>
      <c r="DW35" s="326">
        <v>0</v>
      </c>
      <c r="DX35" s="327">
        <v>0</v>
      </c>
      <c r="DY35" s="327">
        <v>0</v>
      </c>
      <c r="DZ35" s="327">
        <v>0</v>
      </c>
      <c r="EA35" s="327">
        <v>95036</v>
      </c>
      <c r="EB35" s="327">
        <v>0</v>
      </c>
      <c r="EC35" s="328">
        <v>95036</v>
      </c>
      <c r="ED35" s="330">
        <v>95036</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404">
        <v>0</v>
      </c>
      <c r="FE35" s="327">
        <v>0</v>
      </c>
      <c r="FF35" s="327">
        <v>0</v>
      </c>
      <c r="FG35" s="327">
        <v>0</v>
      </c>
      <c r="FH35" s="327">
        <v>0</v>
      </c>
      <c r="FI35" s="327">
        <v>0</v>
      </c>
      <c r="FJ35" s="328">
        <v>0</v>
      </c>
      <c r="FK35" s="330">
        <v>0</v>
      </c>
      <c r="FL35" s="326">
        <v>23502</v>
      </c>
      <c r="FM35" s="327">
        <v>0</v>
      </c>
      <c r="FN35" s="328">
        <v>23502</v>
      </c>
      <c r="FO35" s="326">
        <v>0</v>
      </c>
      <c r="FP35" s="327">
        <v>0</v>
      </c>
      <c r="FQ35" s="327">
        <v>31976</v>
      </c>
      <c r="FR35" s="327">
        <v>47439</v>
      </c>
      <c r="FS35" s="327">
        <v>69524</v>
      </c>
      <c r="FT35" s="327">
        <v>0</v>
      </c>
      <c r="FU35" s="328">
        <v>148939</v>
      </c>
      <c r="FV35" s="330">
        <v>172441</v>
      </c>
      <c r="FW35" s="333">
        <v>7910</v>
      </c>
      <c r="FX35" s="327">
        <v>0</v>
      </c>
      <c r="FY35" s="331">
        <v>7910</v>
      </c>
      <c r="FZ35" s="332">
        <v>0</v>
      </c>
      <c r="GA35" s="327">
        <v>0</v>
      </c>
      <c r="GB35" s="327">
        <v>31976</v>
      </c>
      <c r="GC35" s="327">
        <v>47439</v>
      </c>
      <c r="GD35" s="327">
        <v>69524</v>
      </c>
      <c r="GE35" s="327">
        <v>0</v>
      </c>
      <c r="GF35" s="328">
        <v>148939</v>
      </c>
      <c r="GG35" s="334">
        <v>156849</v>
      </c>
      <c r="GH35" s="333">
        <v>15592</v>
      </c>
      <c r="GI35" s="327">
        <v>0</v>
      </c>
      <c r="GJ35" s="331">
        <v>15592</v>
      </c>
      <c r="GK35" s="332">
        <v>0</v>
      </c>
      <c r="GL35" s="327">
        <v>0</v>
      </c>
      <c r="GM35" s="327">
        <v>0</v>
      </c>
      <c r="GN35" s="327">
        <v>0</v>
      </c>
      <c r="GO35" s="327">
        <v>0</v>
      </c>
      <c r="GP35" s="327">
        <v>0</v>
      </c>
      <c r="GQ35" s="328">
        <v>0</v>
      </c>
      <c r="GR35" s="330">
        <v>15592</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136365</v>
      </c>
      <c r="HI35" s="327">
        <v>161163</v>
      </c>
      <c r="HJ35" s="327">
        <v>301090</v>
      </c>
      <c r="HK35" s="327">
        <v>0</v>
      </c>
      <c r="HL35" s="327">
        <v>0</v>
      </c>
      <c r="HM35" s="328">
        <v>598618</v>
      </c>
      <c r="HN35" s="329">
        <v>598618</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0</v>
      </c>
      <c r="IE35" s="339">
        <v>38982</v>
      </c>
      <c r="IF35" s="337">
        <v>0</v>
      </c>
      <c r="IG35" s="336">
        <v>159964</v>
      </c>
      <c r="IH35" s="337">
        <v>0</v>
      </c>
      <c r="II35" s="340">
        <v>198946</v>
      </c>
      <c r="IJ35" s="341">
        <v>198946</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0</v>
      </c>
      <c r="JL35" s="345">
        <v>0</v>
      </c>
      <c r="JM35" s="345">
        <v>0</v>
      </c>
      <c r="JN35" s="345">
        <v>159964</v>
      </c>
      <c r="JO35" s="345">
        <v>0</v>
      </c>
      <c r="JP35" s="349">
        <v>159964</v>
      </c>
      <c r="JQ35" s="347">
        <v>159964</v>
      </c>
      <c r="JR35" s="348">
        <v>0</v>
      </c>
      <c r="JS35" s="345">
        <v>0</v>
      </c>
      <c r="JT35" s="346">
        <v>0</v>
      </c>
      <c r="JU35" s="351">
        <v>0</v>
      </c>
      <c r="JV35" s="345">
        <v>0</v>
      </c>
      <c r="JW35" s="345">
        <v>38982</v>
      </c>
      <c r="JX35" s="345">
        <v>0</v>
      </c>
      <c r="JY35" s="345">
        <v>0</v>
      </c>
      <c r="JZ35" s="345">
        <v>0</v>
      </c>
      <c r="KA35" s="349">
        <v>38982</v>
      </c>
      <c r="KB35" s="347">
        <v>38982</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0</v>
      </c>
      <c r="KS35" s="345">
        <v>0</v>
      </c>
      <c r="KT35" s="345">
        <v>0</v>
      </c>
      <c r="KU35" s="345">
        <v>0</v>
      </c>
      <c r="KV35" s="345">
        <v>0</v>
      </c>
      <c r="KW35" s="349">
        <v>0</v>
      </c>
      <c r="KX35" s="347">
        <v>0</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0</v>
      </c>
      <c r="MK35" s="345">
        <v>0</v>
      </c>
      <c r="ML35" s="345">
        <v>211869</v>
      </c>
      <c r="MM35" s="345">
        <v>0</v>
      </c>
      <c r="MN35" s="345">
        <v>251041</v>
      </c>
      <c r="MO35" s="349">
        <v>462910</v>
      </c>
      <c r="MP35" s="354">
        <v>462910</v>
      </c>
      <c r="MQ35" s="348">
        <v>0</v>
      </c>
      <c r="MR35" s="345">
        <v>0</v>
      </c>
      <c r="MS35" s="349">
        <v>0</v>
      </c>
      <c r="MT35" s="404">
        <v>0</v>
      </c>
      <c r="MU35" s="345">
        <v>0</v>
      </c>
      <c r="MV35" s="345">
        <v>0</v>
      </c>
      <c r="MW35" s="345">
        <v>211869</v>
      </c>
      <c r="MX35" s="345">
        <v>0</v>
      </c>
      <c r="MY35" s="345">
        <v>251041</v>
      </c>
      <c r="MZ35" s="349">
        <v>462910</v>
      </c>
      <c r="NA35" s="354">
        <v>462910</v>
      </c>
      <c r="NB35" s="348">
        <v>0</v>
      </c>
      <c r="NC35" s="345">
        <v>0</v>
      </c>
      <c r="ND35" s="349">
        <v>0</v>
      </c>
      <c r="NE35" s="404">
        <v>0</v>
      </c>
      <c r="NF35" s="345">
        <v>0</v>
      </c>
      <c r="NG35" s="345">
        <v>0</v>
      </c>
      <c r="NH35" s="345">
        <v>0</v>
      </c>
      <c r="NI35" s="345">
        <v>0</v>
      </c>
      <c r="NJ35" s="345">
        <v>0</v>
      </c>
      <c r="NK35" s="349">
        <v>0</v>
      </c>
      <c r="NL35" s="347">
        <v>0</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0</v>
      </c>
      <c r="OF35" s="345">
        <v>0</v>
      </c>
      <c r="OG35" s="349">
        <v>0</v>
      </c>
      <c r="OH35" s="350">
        <v>0</v>
      </c>
      <c r="OI35" s="348">
        <v>23502</v>
      </c>
      <c r="OJ35" s="345">
        <v>0</v>
      </c>
      <c r="OK35" s="346">
        <v>23502</v>
      </c>
      <c r="OL35" s="351">
        <v>0</v>
      </c>
      <c r="OM35" s="345">
        <v>259469</v>
      </c>
      <c r="ON35" s="345">
        <v>405078</v>
      </c>
      <c r="OO35" s="345">
        <v>801211</v>
      </c>
      <c r="OP35" s="345">
        <v>549622</v>
      </c>
      <c r="OQ35" s="345">
        <v>251041</v>
      </c>
      <c r="OR35" s="349">
        <v>2266421</v>
      </c>
      <c r="OS35" s="354">
        <v>2289923</v>
      </c>
    </row>
    <row r="36" spans="2:409" s="70" customFormat="1" ht="21" customHeight="1" x14ac:dyDescent="0.2">
      <c r="B36" s="106" t="s">
        <v>31</v>
      </c>
      <c r="C36" s="326">
        <v>4480</v>
      </c>
      <c r="D36" s="327">
        <v>2100</v>
      </c>
      <c r="E36" s="328">
        <v>6580</v>
      </c>
      <c r="F36" s="329">
        <v>0</v>
      </c>
      <c r="G36" s="327">
        <v>203812</v>
      </c>
      <c r="H36" s="327">
        <v>291008</v>
      </c>
      <c r="I36" s="327">
        <v>504210</v>
      </c>
      <c r="J36" s="327">
        <v>0</v>
      </c>
      <c r="K36" s="327">
        <v>693330</v>
      </c>
      <c r="L36" s="367">
        <v>1692360</v>
      </c>
      <c r="M36" s="330">
        <v>1698940</v>
      </c>
      <c r="N36" s="326">
        <v>0</v>
      </c>
      <c r="O36" s="327">
        <v>0</v>
      </c>
      <c r="P36" s="328">
        <v>0</v>
      </c>
      <c r="Q36" s="326">
        <v>0</v>
      </c>
      <c r="R36" s="327">
        <v>86890</v>
      </c>
      <c r="S36" s="327">
        <v>12887</v>
      </c>
      <c r="T36" s="327">
        <v>84210</v>
      </c>
      <c r="U36" s="327">
        <v>0</v>
      </c>
      <c r="V36" s="327">
        <v>544098</v>
      </c>
      <c r="W36" s="328">
        <v>728085</v>
      </c>
      <c r="X36" s="330">
        <v>728085</v>
      </c>
      <c r="Y36" s="326">
        <v>0</v>
      </c>
      <c r="Z36" s="327">
        <v>0</v>
      </c>
      <c r="AA36" s="328">
        <v>0</v>
      </c>
      <c r="AB36" s="326">
        <v>0</v>
      </c>
      <c r="AC36" s="327">
        <v>11048</v>
      </c>
      <c r="AD36" s="327">
        <v>0</v>
      </c>
      <c r="AE36" s="327">
        <v>0</v>
      </c>
      <c r="AF36" s="327">
        <v>0</v>
      </c>
      <c r="AG36" s="327">
        <v>198275</v>
      </c>
      <c r="AH36" s="328">
        <v>209323</v>
      </c>
      <c r="AI36" s="330">
        <v>209323</v>
      </c>
      <c r="AJ36" s="326">
        <v>0</v>
      </c>
      <c r="AK36" s="327">
        <v>0</v>
      </c>
      <c r="AL36" s="328">
        <v>0</v>
      </c>
      <c r="AM36" s="326">
        <v>0</v>
      </c>
      <c r="AN36" s="327">
        <v>0</v>
      </c>
      <c r="AO36" s="327">
        <v>0</v>
      </c>
      <c r="AP36" s="327">
        <v>0</v>
      </c>
      <c r="AQ36" s="327">
        <v>0</v>
      </c>
      <c r="AR36" s="327">
        <v>138021</v>
      </c>
      <c r="AS36" s="328">
        <v>138021</v>
      </c>
      <c r="AT36" s="330">
        <v>138021</v>
      </c>
      <c r="AU36" s="326">
        <v>0</v>
      </c>
      <c r="AV36" s="327">
        <v>0</v>
      </c>
      <c r="AW36" s="328">
        <v>0</v>
      </c>
      <c r="AX36" s="326">
        <v>0</v>
      </c>
      <c r="AY36" s="327">
        <v>75842</v>
      </c>
      <c r="AZ36" s="327">
        <v>0</v>
      </c>
      <c r="BA36" s="327">
        <v>84210</v>
      </c>
      <c r="BB36" s="327">
        <v>0</v>
      </c>
      <c r="BC36" s="327">
        <v>195538</v>
      </c>
      <c r="BD36" s="328">
        <v>355590</v>
      </c>
      <c r="BE36" s="330">
        <v>355590</v>
      </c>
      <c r="BF36" s="326">
        <v>0</v>
      </c>
      <c r="BG36" s="327">
        <v>0</v>
      </c>
      <c r="BH36" s="331">
        <v>0</v>
      </c>
      <c r="BI36" s="332">
        <v>0</v>
      </c>
      <c r="BJ36" s="327">
        <v>0</v>
      </c>
      <c r="BK36" s="327">
        <v>0</v>
      </c>
      <c r="BL36" s="327">
        <v>0</v>
      </c>
      <c r="BM36" s="327">
        <v>0</v>
      </c>
      <c r="BN36" s="327">
        <v>0</v>
      </c>
      <c r="BO36" s="328">
        <v>0</v>
      </c>
      <c r="BP36" s="330">
        <v>0</v>
      </c>
      <c r="BQ36" s="326">
        <v>0</v>
      </c>
      <c r="BR36" s="327">
        <v>0</v>
      </c>
      <c r="BS36" s="328">
        <v>0</v>
      </c>
      <c r="BT36" s="326">
        <v>0</v>
      </c>
      <c r="BU36" s="327">
        <v>0</v>
      </c>
      <c r="BV36" s="327">
        <v>12887</v>
      </c>
      <c r="BW36" s="327">
        <v>0</v>
      </c>
      <c r="BX36" s="327">
        <v>0</v>
      </c>
      <c r="BY36" s="327">
        <v>12264</v>
      </c>
      <c r="BZ36" s="328">
        <v>25151</v>
      </c>
      <c r="CA36" s="330">
        <v>25151</v>
      </c>
      <c r="CB36" s="326">
        <v>0</v>
      </c>
      <c r="CC36" s="327">
        <v>0</v>
      </c>
      <c r="CD36" s="328">
        <v>0</v>
      </c>
      <c r="CE36" s="326">
        <v>0</v>
      </c>
      <c r="CF36" s="327">
        <v>108872</v>
      </c>
      <c r="CG36" s="327">
        <v>113560</v>
      </c>
      <c r="CH36" s="327">
        <v>381115</v>
      </c>
      <c r="CI36" s="327">
        <v>0</v>
      </c>
      <c r="CJ36" s="327">
        <v>0</v>
      </c>
      <c r="CK36" s="328">
        <v>603547</v>
      </c>
      <c r="CL36" s="330">
        <v>603547</v>
      </c>
      <c r="CM36" s="326">
        <v>0</v>
      </c>
      <c r="CN36" s="327">
        <v>0</v>
      </c>
      <c r="CO36" s="328">
        <v>0</v>
      </c>
      <c r="CP36" s="332">
        <v>0</v>
      </c>
      <c r="CQ36" s="327">
        <v>53491</v>
      </c>
      <c r="CR36" s="327">
        <v>113560</v>
      </c>
      <c r="CS36" s="327">
        <v>210581</v>
      </c>
      <c r="CT36" s="327">
        <v>0</v>
      </c>
      <c r="CU36" s="327">
        <v>0</v>
      </c>
      <c r="CV36" s="328">
        <v>377632</v>
      </c>
      <c r="CW36" s="330">
        <v>377632</v>
      </c>
      <c r="CX36" s="326">
        <v>0</v>
      </c>
      <c r="CY36" s="327">
        <v>0</v>
      </c>
      <c r="CZ36" s="328">
        <v>0</v>
      </c>
      <c r="DA36" s="326">
        <v>0</v>
      </c>
      <c r="DB36" s="327">
        <v>55381</v>
      </c>
      <c r="DC36" s="327">
        <v>0</v>
      </c>
      <c r="DD36" s="327">
        <v>170534</v>
      </c>
      <c r="DE36" s="327">
        <v>0</v>
      </c>
      <c r="DF36" s="327">
        <v>0</v>
      </c>
      <c r="DG36" s="328">
        <v>225915</v>
      </c>
      <c r="DH36" s="330">
        <v>225915</v>
      </c>
      <c r="DI36" s="326">
        <v>0</v>
      </c>
      <c r="DJ36" s="327">
        <v>0</v>
      </c>
      <c r="DK36" s="331">
        <v>0</v>
      </c>
      <c r="DL36" s="332">
        <v>0</v>
      </c>
      <c r="DM36" s="327">
        <v>0</v>
      </c>
      <c r="DN36" s="327">
        <v>0</v>
      </c>
      <c r="DO36" s="327">
        <v>0</v>
      </c>
      <c r="DP36" s="327">
        <v>0</v>
      </c>
      <c r="DQ36" s="327">
        <v>48117</v>
      </c>
      <c r="DR36" s="328">
        <v>48117</v>
      </c>
      <c r="DS36" s="330">
        <v>48117</v>
      </c>
      <c r="DT36" s="326">
        <v>0</v>
      </c>
      <c r="DU36" s="327">
        <v>0</v>
      </c>
      <c r="DV36" s="328">
        <v>0</v>
      </c>
      <c r="DW36" s="326">
        <v>0</v>
      </c>
      <c r="DX36" s="327">
        <v>0</v>
      </c>
      <c r="DY36" s="327">
        <v>0</v>
      </c>
      <c r="DZ36" s="327">
        <v>0</v>
      </c>
      <c r="EA36" s="327">
        <v>0</v>
      </c>
      <c r="EB36" s="327">
        <v>48117</v>
      </c>
      <c r="EC36" s="328">
        <v>48117</v>
      </c>
      <c r="ED36" s="330">
        <v>48117</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404">
        <v>0</v>
      </c>
      <c r="FE36" s="327">
        <v>0</v>
      </c>
      <c r="FF36" s="327">
        <v>0</v>
      </c>
      <c r="FG36" s="327">
        <v>0</v>
      </c>
      <c r="FH36" s="327">
        <v>0</v>
      </c>
      <c r="FI36" s="327">
        <v>0</v>
      </c>
      <c r="FJ36" s="328">
        <v>0</v>
      </c>
      <c r="FK36" s="330">
        <v>0</v>
      </c>
      <c r="FL36" s="326">
        <v>4480</v>
      </c>
      <c r="FM36" s="327">
        <v>2100</v>
      </c>
      <c r="FN36" s="328">
        <v>6580</v>
      </c>
      <c r="FO36" s="326">
        <v>0</v>
      </c>
      <c r="FP36" s="327">
        <v>8050</v>
      </c>
      <c r="FQ36" s="327">
        <v>16100</v>
      </c>
      <c r="FR36" s="327">
        <v>38885</v>
      </c>
      <c r="FS36" s="327">
        <v>0</v>
      </c>
      <c r="FT36" s="327">
        <v>101115</v>
      </c>
      <c r="FU36" s="328">
        <v>164150</v>
      </c>
      <c r="FV36" s="330">
        <v>170730</v>
      </c>
      <c r="FW36" s="333">
        <v>4480</v>
      </c>
      <c r="FX36" s="327">
        <v>2100</v>
      </c>
      <c r="FY36" s="331">
        <v>6580</v>
      </c>
      <c r="FZ36" s="332">
        <v>0</v>
      </c>
      <c r="GA36" s="327">
        <v>8050</v>
      </c>
      <c r="GB36" s="327">
        <v>16100</v>
      </c>
      <c r="GC36" s="327">
        <v>38885</v>
      </c>
      <c r="GD36" s="327">
        <v>0</v>
      </c>
      <c r="GE36" s="327">
        <v>101115</v>
      </c>
      <c r="GF36" s="328">
        <v>164150</v>
      </c>
      <c r="GG36" s="334">
        <v>170730</v>
      </c>
      <c r="GH36" s="333">
        <v>0</v>
      </c>
      <c r="GI36" s="327">
        <v>0</v>
      </c>
      <c r="GJ36" s="331">
        <v>0</v>
      </c>
      <c r="GK36" s="332">
        <v>0</v>
      </c>
      <c r="GL36" s="327">
        <v>0</v>
      </c>
      <c r="GM36" s="327">
        <v>0</v>
      </c>
      <c r="GN36" s="327">
        <v>0</v>
      </c>
      <c r="GO36" s="327">
        <v>0</v>
      </c>
      <c r="GP36" s="327">
        <v>0</v>
      </c>
      <c r="GQ36" s="328">
        <v>0</v>
      </c>
      <c r="GR36" s="330">
        <v>0</v>
      </c>
      <c r="GS36" s="326">
        <v>0</v>
      </c>
      <c r="GT36" s="327">
        <v>0</v>
      </c>
      <c r="GU36" s="328">
        <v>0</v>
      </c>
      <c r="GV36" s="326">
        <v>0</v>
      </c>
      <c r="GW36" s="327">
        <v>0</v>
      </c>
      <c r="GX36" s="327">
        <v>0</v>
      </c>
      <c r="GY36" s="327">
        <v>0</v>
      </c>
      <c r="GZ36" s="327">
        <v>0</v>
      </c>
      <c r="HA36" s="327">
        <v>0</v>
      </c>
      <c r="HB36" s="331">
        <v>0</v>
      </c>
      <c r="HC36" s="330">
        <v>0</v>
      </c>
      <c r="HD36" s="326">
        <v>0</v>
      </c>
      <c r="HE36" s="327">
        <v>0</v>
      </c>
      <c r="HF36" s="331">
        <v>0</v>
      </c>
      <c r="HG36" s="332">
        <v>0</v>
      </c>
      <c r="HH36" s="327">
        <v>0</v>
      </c>
      <c r="HI36" s="327">
        <v>148461</v>
      </c>
      <c r="HJ36" s="327">
        <v>0</v>
      </c>
      <c r="HK36" s="327">
        <v>0</v>
      </c>
      <c r="HL36" s="327">
        <v>0</v>
      </c>
      <c r="HM36" s="328">
        <v>148461</v>
      </c>
      <c r="HN36" s="329">
        <v>148461</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31933</v>
      </c>
      <c r="IE36" s="357">
        <v>58216</v>
      </c>
      <c r="IF36" s="358">
        <v>211013</v>
      </c>
      <c r="IG36" s="356">
        <v>0</v>
      </c>
      <c r="IH36" s="358">
        <v>0</v>
      </c>
      <c r="II36" s="359">
        <v>301162</v>
      </c>
      <c r="IJ36" s="358">
        <v>301162</v>
      </c>
      <c r="IK36" s="342">
        <v>0</v>
      </c>
      <c r="IL36" s="343">
        <v>0</v>
      </c>
      <c r="IM36" s="344">
        <v>0</v>
      </c>
      <c r="IN36" s="404">
        <v>0</v>
      </c>
      <c r="IO36" s="345">
        <v>0</v>
      </c>
      <c r="IP36" s="345">
        <v>46172</v>
      </c>
      <c r="IQ36" s="345">
        <v>0</v>
      </c>
      <c r="IR36" s="345">
        <v>0</v>
      </c>
      <c r="IS36" s="345">
        <v>0</v>
      </c>
      <c r="IT36" s="346">
        <v>46172</v>
      </c>
      <c r="IU36" s="347">
        <v>46172</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31933</v>
      </c>
      <c r="JL36" s="345">
        <v>12044</v>
      </c>
      <c r="JM36" s="345">
        <v>0</v>
      </c>
      <c r="JN36" s="345">
        <v>0</v>
      </c>
      <c r="JO36" s="345">
        <v>0</v>
      </c>
      <c r="JP36" s="349">
        <v>43977</v>
      </c>
      <c r="JQ36" s="347">
        <v>43977</v>
      </c>
      <c r="JR36" s="348">
        <v>0</v>
      </c>
      <c r="JS36" s="345">
        <v>0</v>
      </c>
      <c r="JT36" s="346">
        <v>0</v>
      </c>
      <c r="JU36" s="351">
        <v>0</v>
      </c>
      <c r="JV36" s="345">
        <v>0</v>
      </c>
      <c r="JW36" s="345">
        <v>0</v>
      </c>
      <c r="JX36" s="345">
        <v>0</v>
      </c>
      <c r="JY36" s="345">
        <v>0</v>
      </c>
      <c r="JZ36" s="345">
        <v>0</v>
      </c>
      <c r="KA36" s="349">
        <v>0</v>
      </c>
      <c r="KB36" s="347">
        <v>0</v>
      </c>
      <c r="KC36" s="352">
        <v>0</v>
      </c>
      <c r="KD36" s="353">
        <v>0</v>
      </c>
      <c r="KE36" s="349">
        <v>0</v>
      </c>
      <c r="KF36" s="351">
        <v>0</v>
      </c>
      <c r="KG36" s="345">
        <v>0</v>
      </c>
      <c r="KH36" s="345">
        <v>0</v>
      </c>
      <c r="KI36" s="345">
        <v>211013</v>
      </c>
      <c r="KJ36" s="345">
        <v>0</v>
      </c>
      <c r="KK36" s="345">
        <v>0</v>
      </c>
      <c r="KL36" s="349">
        <v>211013</v>
      </c>
      <c r="KM36" s="354">
        <v>211013</v>
      </c>
      <c r="KN36" s="342">
        <v>0</v>
      </c>
      <c r="KO36" s="343">
        <v>0</v>
      </c>
      <c r="KP36" s="344">
        <v>0</v>
      </c>
      <c r="KQ36" s="404">
        <v>0</v>
      </c>
      <c r="KR36" s="345">
        <v>0</v>
      </c>
      <c r="KS36" s="345">
        <v>0</v>
      </c>
      <c r="KT36" s="345">
        <v>0</v>
      </c>
      <c r="KU36" s="345">
        <v>0</v>
      </c>
      <c r="KV36" s="345">
        <v>0</v>
      </c>
      <c r="KW36" s="349">
        <v>0</v>
      </c>
      <c r="KX36" s="347">
        <v>0</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0</v>
      </c>
      <c r="LR36" s="345">
        <v>0</v>
      </c>
      <c r="LS36" s="349">
        <v>0</v>
      </c>
      <c r="LT36" s="347">
        <v>0</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0</v>
      </c>
      <c r="MK36" s="345">
        <v>0</v>
      </c>
      <c r="ML36" s="345">
        <v>860105</v>
      </c>
      <c r="MM36" s="345">
        <v>0</v>
      </c>
      <c r="MN36" s="345">
        <v>225736</v>
      </c>
      <c r="MO36" s="349">
        <v>1085841</v>
      </c>
      <c r="MP36" s="354">
        <v>1085841</v>
      </c>
      <c r="MQ36" s="348">
        <v>0</v>
      </c>
      <c r="MR36" s="345">
        <v>0</v>
      </c>
      <c r="MS36" s="349">
        <v>0</v>
      </c>
      <c r="MT36" s="404">
        <v>0</v>
      </c>
      <c r="MU36" s="345">
        <v>0</v>
      </c>
      <c r="MV36" s="345">
        <v>0</v>
      </c>
      <c r="MW36" s="345">
        <v>204691</v>
      </c>
      <c r="MX36" s="345">
        <v>0</v>
      </c>
      <c r="MY36" s="345">
        <v>225736</v>
      </c>
      <c r="MZ36" s="349">
        <v>430427</v>
      </c>
      <c r="NA36" s="354">
        <v>430427</v>
      </c>
      <c r="NB36" s="348">
        <v>0</v>
      </c>
      <c r="NC36" s="345">
        <v>0</v>
      </c>
      <c r="ND36" s="349">
        <v>0</v>
      </c>
      <c r="NE36" s="404">
        <v>0</v>
      </c>
      <c r="NF36" s="345">
        <v>0</v>
      </c>
      <c r="NG36" s="345">
        <v>0</v>
      </c>
      <c r="NH36" s="345">
        <v>655414</v>
      </c>
      <c r="NI36" s="345">
        <v>0</v>
      </c>
      <c r="NJ36" s="345">
        <v>0</v>
      </c>
      <c r="NK36" s="349">
        <v>655414</v>
      </c>
      <c r="NL36" s="347">
        <v>655414</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4480</v>
      </c>
      <c r="OJ36" s="345">
        <v>2100</v>
      </c>
      <c r="OK36" s="346">
        <v>6580</v>
      </c>
      <c r="OL36" s="351">
        <v>0</v>
      </c>
      <c r="OM36" s="345">
        <v>235745</v>
      </c>
      <c r="ON36" s="345">
        <v>349224</v>
      </c>
      <c r="OO36" s="345">
        <v>1575328</v>
      </c>
      <c r="OP36" s="345">
        <v>0</v>
      </c>
      <c r="OQ36" s="345">
        <v>919066</v>
      </c>
      <c r="OR36" s="349">
        <v>3079363</v>
      </c>
      <c r="OS36" s="354">
        <v>3085943</v>
      </c>
    </row>
    <row r="37" spans="2:409" s="70" customFormat="1" ht="21" customHeight="1" x14ac:dyDescent="0.2">
      <c r="B37" s="106" t="s">
        <v>32</v>
      </c>
      <c r="C37" s="326">
        <v>10920</v>
      </c>
      <c r="D37" s="327">
        <v>56924</v>
      </c>
      <c r="E37" s="368">
        <v>67844</v>
      </c>
      <c r="F37" s="370">
        <v>0</v>
      </c>
      <c r="G37" s="369">
        <v>307992</v>
      </c>
      <c r="H37" s="369">
        <v>547659</v>
      </c>
      <c r="I37" s="369">
        <v>409087</v>
      </c>
      <c r="J37" s="369">
        <v>589957</v>
      </c>
      <c r="K37" s="369">
        <v>469645</v>
      </c>
      <c r="L37" s="370">
        <v>2324340</v>
      </c>
      <c r="M37" s="330">
        <v>2392184</v>
      </c>
      <c r="N37" s="326">
        <v>0</v>
      </c>
      <c r="O37" s="327">
        <v>39774</v>
      </c>
      <c r="P37" s="328">
        <v>39774</v>
      </c>
      <c r="Q37" s="326">
        <v>0</v>
      </c>
      <c r="R37" s="327">
        <v>110390</v>
      </c>
      <c r="S37" s="327">
        <v>131145</v>
      </c>
      <c r="T37" s="327">
        <v>90197</v>
      </c>
      <c r="U37" s="327">
        <v>43946</v>
      </c>
      <c r="V37" s="327">
        <v>129367</v>
      </c>
      <c r="W37" s="328">
        <v>505045</v>
      </c>
      <c r="X37" s="330">
        <v>544819</v>
      </c>
      <c r="Y37" s="326">
        <v>0</v>
      </c>
      <c r="Z37" s="327">
        <v>0</v>
      </c>
      <c r="AA37" s="328">
        <v>0</v>
      </c>
      <c r="AB37" s="326">
        <v>0</v>
      </c>
      <c r="AC37" s="327">
        <v>34258</v>
      </c>
      <c r="AD37" s="327">
        <v>30947</v>
      </c>
      <c r="AE37" s="327">
        <v>8425</v>
      </c>
      <c r="AF37" s="327">
        <v>0</v>
      </c>
      <c r="AG37" s="327">
        <v>0</v>
      </c>
      <c r="AH37" s="328">
        <v>73630</v>
      </c>
      <c r="AI37" s="330">
        <v>73630</v>
      </c>
      <c r="AJ37" s="326">
        <v>0</v>
      </c>
      <c r="AK37" s="327">
        <v>0</v>
      </c>
      <c r="AL37" s="328">
        <v>0</v>
      </c>
      <c r="AM37" s="326">
        <v>0</v>
      </c>
      <c r="AN37" s="327">
        <v>0</v>
      </c>
      <c r="AO37" s="327">
        <v>0</v>
      </c>
      <c r="AP37" s="327">
        <v>0</v>
      </c>
      <c r="AQ37" s="327">
        <v>0</v>
      </c>
      <c r="AR37" s="327">
        <v>0</v>
      </c>
      <c r="AS37" s="328">
        <v>0</v>
      </c>
      <c r="AT37" s="330">
        <v>0</v>
      </c>
      <c r="AU37" s="326">
        <v>0</v>
      </c>
      <c r="AV37" s="327">
        <v>39774</v>
      </c>
      <c r="AW37" s="328">
        <v>39774</v>
      </c>
      <c r="AX37" s="326">
        <v>0</v>
      </c>
      <c r="AY37" s="327">
        <v>76132</v>
      </c>
      <c r="AZ37" s="327">
        <v>49392</v>
      </c>
      <c r="BA37" s="327">
        <v>54808</v>
      </c>
      <c r="BB37" s="327">
        <v>0</v>
      </c>
      <c r="BC37" s="327">
        <v>58842</v>
      </c>
      <c r="BD37" s="328">
        <v>239174</v>
      </c>
      <c r="BE37" s="330">
        <v>278948</v>
      </c>
      <c r="BF37" s="326">
        <v>0</v>
      </c>
      <c r="BG37" s="327">
        <v>0</v>
      </c>
      <c r="BH37" s="331">
        <v>0</v>
      </c>
      <c r="BI37" s="332">
        <v>0</v>
      </c>
      <c r="BJ37" s="327">
        <v>0</v>
      </c>
      <c r="BK37" s="327">
        <v>26768</v>
      </c>
      <c r="BL37" s="327">
        <v>0</v>
      </c>
      <c r="BM37" s="327">
        <v>33460</v>
      </c>
      <c r="BN37" s="327">
        <v>0</v>
      </c>
      <c r="BO37" s="328">
        <v>60228</v>
      </c>
      <c r="BP37" s="330">
        <v>60228</v>
      </c>
      <c r="BQ37" s="326">
        <v>0</v>
      </c>
      <c r="BR37" s="327">
        <v>0</v>
      </c>
      <c r="BS37" s="328">
        <v>0</v>
      </c>
      <c r="BT37" s="326">
        <v>0</v>
      </c>
      <c r="BU37" s="327">
        <v>0</v>
      </c>
      <c r="BV37" s="327">
        <v>24038</v>
      </c>
      <c r="BW37" s="327">
        <v>26964</v>
      </c>
      <c r="BX37" s="327">
        <v>10486</v>
      </c>
      <c r="BY37" s="327">
        <v>70525</v>
      </c>
      <c r="BZ37" s="328">
        <v>132013</v>
      </c>
      <c r="CA37" s="330">
        <v>132013</v>
      </c>
      <c r="CB37" s="326">
        <v>0</v>
      </c>
      <c r="CC37" s="327">
        <v>0</v>
      </c>
      <c r="CD37" s="328">
        <v>0</v>
      </c>
      <c r="CE37" s="326">
        <v>0</v>
      </c>
      <c r="CF37" s="327">
        <v>50287</v>
      </c>
      <c r="CG37" s="327">
        <v>303644</v>
      </c>
      <c r="CH37" s="327">
        <v>109582</v>
      </c>
      <c r="CI37" s="327">
        <v>244844</v>
      </c>
      <c r="CJ37" s="327">
        <v>77788</v>
      </c>
      <c r="CK37" s="328">
        <v>786145</v>
      </c>
      <c r="CL37" s="330">
        <v>786145</v>
      </c>
      <c r="CM37" s="326">
        <v>0</v>
      </c>
      <c r="CN37" s="327">
        <v>0</v>
      </c>
      <c r="CO37" s="328">
        <v>0</v>
      </c>
      <c r="CP37" s="332">
        <v>0</v>
      </c>
      <c r="CQ37" s="327">
        <v>50287</v>
      </c>
      <c r="CR37" s="327">
        <v>224987</v>
      </c>
      <c r="CS37" s="327">
        <v>109582</v>
      </c>
      <c r="CT37" s="327">
        <v>126350</v>
      </c>
      <c r="CU37" s="327">
        <v>31395</v>
      </c>
      <c r="CV37" s="328">
        <v>542601</v>
      </c>
      <c r="CW37" s="330">
        <v>542601</v>
      </c>
      <c r="CX37" s="326">
        <v>0</v>
      </c>
      <c r="CY37" s="327">
        <v>0</v>
      </c>
      <c r="CZ37" s="328">
        <v>0</v>
      </c>
      <c r="DA37" s="326">
        <v>0</v>
      </c>
      <c r="DB37" s="327">
        <v>0</v>
      </c>
      <c r="DC37" s="327">
        <v>78657</v>
      </c>
      <c r="DD37" s="327">
        <v>0</v>
      </c>
      <c r="DE37" s="327">
        <v>118494</v>
      </c>
      <c r="DF37" s="327">
        <v>46393</v>
      </c>
      <c r="DG37" s="328">
        <v>243544</v>
      </c>
      <c r="DH37" s="330">
        <v>243544</v>
      </c>
      <c r="DI37" s="326">
        <v>0</v>
      </c>
      <c r="DJ37" s="327">
        <v>0</v>
      </c>
      <c r="DK37" s="331">
        <v>0</v>
      </c>
      <c r="DL37" s="332">
        <v>0</v>
      </c>
      <c r="DM37" s="327">
        <v>0</v>
      </c>
      <c r="DN37" s="327">
        <v>17516</v>
      </c>
      <c r="DO37" s="327">
        <v>0</v>
      </c>
      <c r="DP37" s="327">
        <v>70888</v>
      </c>
      <c r="DQ37" s="327">
        <v>48565</v>
      </c>
      <c r="DR37" s="328">
        <v>136969</v>
      </c>
      <c r="DS37" s="330">
        <v>136969</v>
      </c>
      <c r="DT37" s="326">
        <v>0</v>
      </c>
      <c r="DU37" s="327">
        <v>0</v>
      </c>
      <c r="DV37" s="328">
        <v>0</v>
      </c>
      <c r="DW37" s="326">
        <v>0</v>
      </c>
      <c r="DX37" s="327">
        <v>0</v>
      </c>
      <c r="DY37" s="327">
        <v>17516</v>
      </c>
      <c r="DZ37" s="327">
        <v>0</v>
      </c>
      <c r="EA37" s="327">
        <v>70888</v>
      </c>
      <c r="EB37" s="327">
        <v>18484</v>
      </c>
      <c r="EC37" s="328">
        <v>106888</v>
      </c>
      <c r="ED37" s="330">
        <v>106888</v>
      </c>
      <c r="EE37" s="326">
        <v>0</v>
      </c>
      <c r="EF37" s="331">
        <v>0</v>
      </c>
      <c r="EG37" s="328">
        <v>0</v>
      </c>
      <c r="EH37" s="326">
        <v>0</v>
      </c>
      <c r="EI37" s="327">
        <v>0</v>
      </c>
      <c r="EJ37" s="327">
        <v>0</v>
      </c>
      <c r="EK37" s="327">
        <v>0</v>
      </c>
      <c r="EL37" s="327">
        <v>0</v>
      </c>
      <c r="EM37" s="327">
        <v>30081</v>
      </c>
      <c r="EN37" s="331">
        <v>30081</v>
      </c>
      <c r="EO37" s="330">
        <v>30081</v>
      </c>
      <c r="EP37" s="326">
        <v>0</v>
      </c>
      <c r="EQ37" s="327">
        <v>0</v>
      </c>
      <c r="ER37" s="331">
        <v>0</v>
      </c>
      <c r="ES37" s="332">
        <v>0</v>
      </c>
      <c r="ET37" s="327">
        <v>0</v>
      </c>
      <c r="EU37" s="327">
        <v>0</v>
      </c>
      <c r="EV37" s="327">
        <v>0</v>
      </c>
      <c r="EW37" s="327">
        <v>0</v>
      </c>
      <c r="EX37" s="327">
        <v>0</v>
      </c>
      <c r="EY37" s="328">
        <v>0</v>
      </c>
      <c r="EZ37" s="330">
        <v>0</v>
      </c>
      <c r="FA37" s="326">
        <v>0</v>
      </c>
      <c r="FB37" s="327">
        <v>0</v>
      </c>
      <c r="FC37" s="331">
        <v>0</v>
      </c>
      <c r="FD37" s="404">
        <v>0</v>
      </c>
      <c r="FE37" s="327">
        <v>0</v>
      </c>
      <c r="FF37" s="327">
        <v>0</v>
      </c>
      <c r="FG37" s="327">
        <v>0</v>
      </c>
      <c r="FH37" s="327">
        <v>0</v>
      </c>
      <c r="FI37" s="327">
        <v>0</v>
      </c>
      <c r="FJ37" s="328">
        <v>0</v>
      </c>
      <c r="FK37" s="330">
        <v>0</v>
      </c>
      <c r="FL37" s="326">
        <v>10920</v>
      </c>
      <c r="FM37" s="327">
        <v>17150</v>
      </c>
      <c r="FN37" s="328">
        <v>28070</v>
      </c>
      <c r="FO37" s="326">
        <v>0</v>
      </c>
      <c r="FP37" s="327">
        <v>16506</v>
      </c>
      <c r="FQ37" s="327">
        <v>95354</v>
      </c>
      <c r="FR37" s="327">
        <v>29918</v>
      </c>
      <c r="FS37" s="327">
        <v>57008</v>
      </c>
      <c r="FT37" s="327">
        <v>17290</v>
      </c>
      <c r="FU37" s="328">
        <v>216076</v>
      </c>
      <c r="FV37" s="330">
        <v>244146</v>
      </c>
      <c r="FW37" s="333">
        <v>10920</v>
      </c>
      <c r="FX37" s="327">
        <v>17150</v>
      </c>
      <c r="FY37" s="331">
        <v>28070</v>
      </c>
      <c r="FZ37" s="332">
        <v>0</v>
      </c>
      <c r="GA37" s="327">
        <v>16506</v>
      </c>
      <c r="GB37" s="327">
        <v>73486</v>
      </c>
      <c r="GC37" s="327">
        <v>29918</v>
      </c>
      <c r="GD37" s="327">
        <v>57008</v>
      </c>
      <c r="GE37" s="327">
        <v>17290</v>
      </c>
      <c r="GF37" s="328">
        <v>194208</v>
      </c>
      <c r="GG37" s="334">
        <v>222278</v>
      </c>
      <c r="GH37" s="333">
        <v>0</v>
      </c>
      <c r="GI37" s="327">
        <v>0</v>
      </c>
      <c r="GJ37" s="331">
        <v>0</v>
      </c>
      <c r="GK37" s="332">
        <v>0</v>
      </c>
      <c r="GL37" s="327">
        <v>0</v>
      </c>
      <c r="GM37" s="327">
        <v>21868</v>
      </c>
      <c r="GN37" s="327">
        <v>0</v>
      </c>
      <c r="GO37" s="327">
        <v>0</v>
      </c>
      <c r="GP37" s="327">
        <v>0</v>
      </c>
      <c r="GQ37" s="328">
        <v>21868</v>
      </c>
      <c r="GR37" s="330">
        <v>21868</v>
      </c>
      <c r="GS37" s="326">
        <v>0</v>
      </c>
      <c r="GT37" s="327">
        <v>0</v>
      </c>
      <c r="GU37" s="328">
        <v>0</v>
      </c>
      <c r="GV37" s="326">
        <v>0</v>
      </c>
      <c r="GW37" s="327">
        <v>0</v>
      </c>
      <c r="GX37" s="327">
        <v>0</v>
      </c>
      <c r="GY37" s="327">
        <v>0</v>
      </c>
      <c r="GZ37" s="327">
        <v>0</v>
      </c>
      <c r="HA37" s="327">
        <v>0</v>
      </c>
      <c r="HB37" s="331">
        <v>0</v>
      </c>
      <c r="HC37" s="330">
        <v>0</v>
      </c>
      <c r="HD37" s="326">
        <v>0</v>
      </c>
      <c r="HE37" s="327">
        <v>0</v>
      </c>
      <c r="HF37" s="331">
        <v>0</v>
      </c>
      <c r="HG37" s="332">
        <v>0</v>
      </c>
      <c r="HH37" s="327">
        <v>130809</v>
      </c>
      <c r="HI37" s="327">
        <v>0</v>
      </c>
      <c r="HJ37" s="327">
        <v>179390</v>
      </c>
      <c r="HK37" s="327">
        <v>173271</v>
      </c>
      <c r="HL37" s="327">
        <v>196635</v>
      </c>
      <c r="HM37" s="328">
        <v>680105</v>
      </c>
      <c r="HN37" s="329">
        <v>680105</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201581</v>
      </c>
      <c r="IE37" s="339">
        <v>201516</v>
      </c>
      <c r="IF37" s="337">
        <v>227561</v>
      </c>
      <c r="IG37" s="336">
        <v>0</v>
      </c>
      <c r="IH37" s="337">
        <v>0</v>
      </c>
      <c r="II37" s="340">
        <v>630658</v>
      </c>
      <c r="IJ37" s="341">
        <v>630658</v>
      </c>
      <c r="IK37" s="342">
        <v>0</v>
      </c>
      <c r="IL37" s="343">
        <v>0</v>
      </c>
      <c r="IM37" s="344">
        <v>0</v>
      </c>
      <c r="IN37" s="404">
        <v>0</v>
      </c>
      <c r="IO37" s="345">
        <v>0</v>
      </c>
      <c r="IP37" s="345">
        <v>164045</v>
      </c>
      <c r="IQ37" s="345">
        <v>0</v>
      </c>
      <c r="IR37" s="345">
        <v>0</v>
      </c>
      <c r="IS37" s="345">
        <v>0</v>
      </c>
      <c r="IT37" s="346">
        <v>164045</v>
      </c>
      <c r="IU37" s="347">
        <v>164045</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122262</v>
      </c>
      <c r="JL37" s="345">
        <v>37471</v>
      </c>
      <c r="JM37" s="345">
        <v>0</v>
      </c>
      <c r="JN37" s="345">
        <v>0</v>
      </c>
      <c r="JO37" s="345">
        <v>0</v>
      </c>
      <c r="JP37" s="349">
        <v>159733</v>
      </c>
      <c r="JQ37" s="347">
        <v>159733</v>
      </c>
      <c r="JR37" s="348">
        <v>0</v>
      </c>
      <c r="JS37" s="345">
        <v>0</v>
      </c>
      <c r="JT37" s="346">
        <v>0</v>
      </c>
      <c r="JU37" s="351">
        <v>0</v>
      </c>
      <c r="JV37" s="345">
        <v>79319</v>
      </c>
      <c r="JW37" s="345">
        <v>0</v>
      </c>
      <c r="JX37" s="345">
        <v>42264</v>
      </c>
      <c r="JY37" s="345">
        <v>0</v>
      </c>
      <c r="JZ37" s="345">
        <v>0</v>
      </c>
      <c r="KA37" s="349">
        <v>121583</v>
      </c>
      <c r="KB37" s="347">
        <v>121583</v>
      </c>
      <c r="KC37" s="352">
        <v>0</v>
      </c>
      <c r="KD37" s="353">
        <v>0</v>
      </c>
      <c r="KE37" s="349">
        <v>0</v>
      </c>
      <c r="KF37" s="351">
        <v>0</v>
      </c>
      <c r="KG37" s="345">
        <v>0</v>
      </c>
      <c r="KH37" s="345">
        <v>0</v>
      </c>
      <c r="KI37" s="345">
        <v>185297</v>
      </c>
      <c r="KJ37" s="345">
        <v>0</v>
      </c>
      <c r="KK37" s="345">
        <v>0</v>
      </c>
      <c r="KL37" s="349">
        <v>185297</v>
      </c>
      <c r="KM37" s="354">
        <v>185297</v>
      </c>
      <c r="KN37" s="342">
        <v>0</v>
      </c>
      <c r="KO37" s="343">
        <v>0</v>
      </c>
      <c r="KP37" s="344">
        <v>0</v>
      </c>
      <c r="KQ37" s="404">
        <v>0</v>
      </c>
      <c r="KR37" s="345">
        <v>0</v>
      </c>
      <c r="KS37" s="345">
        <v>0</v>
      </c>
      <c r="KT37" s="345">
        <v>0</v>
      </c>
      <c r="KU37" s="345">
        <v>0</v>
      </c>
      <c r="KV37" s="345">
        <v>0</v>
      </c>
      <c r="KW37" s="349">
        <v>0</v>
      </c>
      <c r="KX37" s="347">
        <v>0</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0</v>
      </c>
      <c r="LQ37" s="345">
        <v>0</v>
      </c>
      <c r="LR37" s="345">
        <v>0</v>
      </c>
      <c r="LS37" s="349">
        <v>0</v>
      </c>
      <c r="LT37" s="347">
        <v>0</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303790</v>
      </c>
      <c r="MN37" s="345">
        <v>259777</v>
      </c>
      <c r="MO37" s="349">
        <v>563567</v>
      </c>
      <c r="MP37" s="354">
        <v>563567</v>
      </c>
      <c r="MQ37" s="348">
        <v>0</v>
      </c>
      <c r="MR37" s="345">
        <v>0</v>
      </c>
      <c r="MS37" s="349">
        <v>0</v>
      </c>
      <c r="MT37" s="404">
        <v>0</v>
      </c>
      <c r="MU37" s="345">
        <v>0</v>
      </c>
      <c r="MV37" s="345">
        <v>0</v>
      </c>
      <c r="MW37" s="345">
        <v>0</v>
      </c>
      <c r="MX37" s="345">
        <v>8265</v>
      </c>
      <c r="MY37" s="345">
        <v>259777</v>
      </c>
      <c r="MZ37" s="349">
        <v>268042</v>
      </c>
      <c r="NA37" s="354">
        <v>268042</v>
      </c>
      <c r="NB37" s="348">
        <v>0</v>
      </c>
      <c r="NC37" s="345">
        <v>0</v>
      </c>
      <c r="ND37" s="349">
        <v>0</v>
      </c>
      <c r="NE37" s="404">
        <v>0</v>
      </c>
      <c r="NF37" s="345">
        <v>0</v>
      </c>
      <c r="NG37" s="345">
        <v>0</v>
      </c>
      <c r="NH37" s="345">
        <v>0</v>
      </c>
      <c r="NI37" s="345">
        <v>295525</v>
      </c>
      <c r="NJ37" s="345">
        <v>0</v>
      </c>
      <c r="NK37" s="349">
        <v>295525</v>
      </c>
      <c r="NL37" s="347">
        <v>295525</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10920</v>
      </c>
      <c r="OJ37" s="345">
        <v>56924</v>
      </c>
      <c r="OK37" s="346">
        <v>67844</v>
      </c>
      <c r="OL37" s="351">
        <v>0</v>
      </c>
      <c r="OM37" s="345">
        <v>509573</v>
      </c>
      <c r="ON37" s="345">
        <v>749175</v>
      </c>
      <c r="OO37" s="345">
        <v>636648</v>
      </c>
      <c r="OP37" s="345">
        <v>893747</v>
      </c>
      <c r="OQ37" s="345">
        <v>729422</v>
      </c>
      <c r="OR37" s="349">
        <v>3518565</v>
      </c>
      <c r="OS37" s="354">
        <v>3586409</v>
      </c>
    </row>
    <row r="38" spans="2:409" s="70" customFormat="1" ht="21" customHeight="1" x14ac:dyDescent="0.2">
      <c r="B38" s="106" t="s">
        <v>33</v>
      </c>
      <c r="C38" s="326">
        <v>19092</v>
      </c>
      <c r="D38" s="327">
        <v>203020</v>
      </c>
      <c r="E38" s="328">
        <v>222112</v>
      </c>
      <c r="F38" s="329">
        <v>0</v>
      </c>
      <c r="G38" s="327">
        <v>501319</v>
      </c>
      <c r="H38" s="327">
        <v>269028</v>
      </c>
      <c r="I38" s="327">
        <v>964187</v>
      </c>
      <c r="J38" s="327">
        <v>280619</v>
      </c>
      <c r="K38" s="327">
        <v>491877</v>
      </c>
      <c r="L38" s="367">
        <v>2507030</v>
      </c>
      <c r="M38" s="330">
        <v>2729142</v>
      </c>
      <c r="N38" s="326">
        <v>0</v>
      </c>
      <c r="O38" s="327">
        <v>33591</v>
      </c>
      <c r="P38" s="328">
        <v>33591</v>
      </c>
      <c r="Q38" s="326">
        <v>0</v>
      </c>
      <c r="R38" s="327">
        <v>156655</v>
      </c>
      <c r="S38" s="327">
        <v>213042</v>
      </c>
      <c r="T38" s="327">
        <v>51989</v>
      </c>
      <c r="U38" s="327">
        <v>70300</v>
      </c>
      <c r="V38" s="327">
        <v>185852</v>
      </c>
      <c r="W38" s="328">
        <v>677838</v>
      </c>
      <c r="X38" s="330">
        <v>711429</v>
      </c>
      <c r="Y38" s="326">
        <v>0</v>
      </c>
      <c r="Z38" s="327">
        <v>0</v>
      </c>
      <c r="AA38" s="328">
        <v>0</v>
      </c>
      <c r="AB38" s="326">
        <v>0</v>
      </c>
      <c r="AC38" s="327">
        <v>44303</v>
      </c>
      <c r="AD38" s="327">
        <v>16916</v>
      </c>
      <c r="AE38" s="327">
        <v>0</v>
      </c>
      <c r="AF38" s="327">
        <v>0</v>
      </c>
      <c r="AG38" s="327">
        <v>161184</v>
      </c>
      <c r="AH38" s="328">
        <v>222403</v>
      </c>
      <c r="AI38" s="330">
        <v>222403</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24642</v>
      </c>
      <c r="AZ38" s="327">
        <v>116810</v>
      </c>
      <c r="BA38" s="327">
        <v>0</v>
      </c>
      <c r="BB38" s="327">
        <v>0</v>
      </c>
      <c r="BC38" s="327">
        <v>0</v>
      </c>
      <c r="BD38" s="328">
        <v>141452</v>
      </c>
      <c r="BE38" s="330">
        <v>141452</v>
      </c>
      <c r="BF38" s="326">
        <v>0</v>
      </c>
      <c r="BG38" s="327">
        <v>20053</v>
      </c>
      <c r="BH38" s="331">
        <v>20053</v>
      </c>
      <c r="BI38" s="332">
        <v>0</v>
      </c>
      <c r="BJ38" s="327">
        <v>60354</v>
      </c>
      <c r="BK38" s="327">
        <v>67038</v>
      </c>
      <c r="BL38" s="327">
        <v>0</v>
      </c>
      <c r="BM38" s="327">
        <v>56916</v>
      </c>
      <c r="BN38" s="327">
        <v>0</v>
      </c>
      <c r="BO38" s="328">
        <v>184308</v>
      </c>
      <c r="BP38" s="330">
        <v>204361</v>
      </c>
      <c r="BQ38" s="326">
        <v>0</v>
      </c>
      <c r="BR38" s="327">
        <v>13538</v>
      </c>
      <c r="BS38" s="328">
        <v>13538</v>
      </c>
      <c r="BT38" s="326">
        <v>0</v>
      </c>
      <c r="BU38" s="327">
        <v>27356</v>
      </c>
      <c r="BV38" s="327">
        <v>12278</v>
      </c>
      <c r="BW38" s="327">
        <v>51989</v>
      </c>
      <c r="BX38" s="327">
        <v>13384</v>
      </c>
      <c r="BY38" s="327">
        <v>24668</v>
      </c>
      <c r="BZ38" s="328">
        <v>129675</v>
      </c>
      <c r="CA38" s="330">
        <v>143213</v>
      </c>
      <c r="CB38" s="326">
        <v>19092</v>
      </c>
      <c r="CC38" s="327">
        <v>0</v>
      </c>
      <c r="CD38" s="328">
        <v>19092</v>
      </c>
      <c r="CE38" s="326">
        <v>0</v>
      </c>
      <c r="CF38" s="327">
        <v>105710</v>
      </c>
      <c r="CG38" s="327">
        <v>0</v>
      </c>
      <c r="CH38" s="327">
        <v>33188</v>
      </c>
      <c r="CI38" s="327">
        <v>0</v>
      </c>
      <c r="CJ38" s="327">
        <v>73390</v>
      </c>
      <c r="CK38" s="328">
        <v>212288</v>
      </c>
      <c r="CL38" s="330">
        <v>231380</v>
      </c>
      <c r="CM38" s="326">
        <v>0</v>
      </c>
      <c r="CN38" s="327">
        <v>0</v>
      </c>
      <c r="CO38" s="328">
        <v>0</v>
      </c>
      <c r="CP38" s="332">
        <v>0</v>
      </c>
      <c r="CQ38" s="327">
        <v>84852</v>
      </c>
      <c r="CR38" s="327">
        <v>0</v>
      </c>
      <c r="CS38" s="327">
        <v>0</v>
      </c>
      <c r="CT38" s="327">
        <v>0</v>
      </c>
      <c r="CU38" s="327">
        <v>73390</v>
      </c>
      <c r="CV38" s="328">
        <v>158242</v>
      </c>
      <c r="CW38" s="330">
        <v>158242</v>
      </c>
      <c r="CX38" s="326">
        <v>19092</v>
      </c>
      <c r="CY38" s="327">
        <v>0</v>
      </c>
      <c r="CZ38" s="328">
        <v>19092</v>
      </c>
      <c r="DA38" s="326">
        <v>0</v>
      </c>
      <c r="DB38" s="327">
        <v>20858</v>
      </c>
      <c r="DC38" s="327">
        <v>0</v>
      </c>
      <c r="DD38" s="327">
        <v>33188</v>
      </c>
      <c r="DE38" s="327">
        <v>0</v>
      </c>
      <c r="DF38" s="327">
        <v>0</v>
      </c>
      <c r="DG38" s="328">
        <v>54046</v>
      </c>
      <c r="DH38" s="330">
        <v>73138</v>
      </c>
      <c r="DI38" s="326">
        <v>0</v>
      </c>
      <c r="DJ38" s="327">
        <v>0</v>
      </c>
      <c r="DK38" s="331">
        <v>0</v>
      </c>
      <c r="DL38" s="332">
        <v>0</v>
      </c>
      <c r="DM38" s="327">
        <v>63812</v>
      </c>
      <c r="DN38" s="327">
        <v>0</v>
      </c>
      <c r="DO38" s="327">
        <v>0</v>
      </c>
      <c r="DP38" s="327">
        <v>0</v>
      </c>
      <c r="DQ38" s="327">
        <v>0</v>
      </c>
      <c r="DR38" s="328">
        <v>63812</v>
      </c>
      <c r="DS38" s="330">
        <v>63812</v>
      </c>
      <c r="DT38" s="326">
        <v>0</v>
      </c>
      <c r="DU38" s="327">
        <v>0</v>
      </c>
      <c r="DV38" s="328">
        <v>0</v>
      </c>
      <c r="DW38" s="326">
        <v>0</v>
      </c>
      <c r="DX38" s="327">
        <v>27457</v>
      </c>
      <c r="DY38" s="327">
        <v>0</v>
      </c>
      <c r="DZ38" s="327">
        <v>0</v>
      </c>
      <c r="EA38" s="327">
        <v>0</v>
      </c>
      <c r="EB38" s="327">
        <v>0</v>
      </c>
      <c r="EC38" s="328">
        <v>27457</v>
      </c>
      <c r="ED38" s="330">
        <v>27457</v>
      </c>
      <c r="EE38" s="326">
        <v>0</v>
      </c>
      <c r="EF38" s="331">
        <v>0</v>
      </c>
      <c r="EG38" s="328">
        <v>0</v>
      </c>
      <c r="EH38" s="326">
        <v>0</v>
      </c>
      <c r="EI38" s="327">
        <v>36355</v>
      </c>
      <c r="EJ38" s="327">
        <v>0</v>
      </c>
      <c r="EK38" s="327">
        <v>0</v>
      </c>
      <c r="EL38" s="327">
        <v>0</v>
      </c>
      <c r="EM38" s="327">
        <v>0</v>
      </c>
      <c r="EN38" s="331">
        <v>36355</v>
      </c>
      <c r="EO38" s="330">
        <v>36355</v>
      </c>
      <c r="EP38" s="326">
        <v>0</v>
      </c>
      <c r="EQ38" s="327">
        <v>0</v>
      </c>
      <c r="ER38" s="331">
        <v>0</v>
      </c>
      <c r="ES38" s="332">
        <v>0</v>
      </c>
      <c r="ET38" s="327">
        <v>0</v>
      </c>
      <c r="EU38" s="327">
        <v>0</v>
      </c>
      <c r="EV38" s="327">
        <v>0</v>
      </c>
      <c r="EW38" s="327">
        <v>0</v>
      </c>
      <c r="EX38" s="327">
        <v>0</v>
      </c>
      <c r="EY38" s="328">
        <v>0</v>
      </c>
      <c r="EZ38" s="330">
        <v>0</v>
      </c>
      <c r="FA38" s="326">
        <v>0</v>
      </c>
      <c r="FB38" s="327">
        <v>0</v>
      </c>
      <c r="FC38" s="331">
        <v>0</v>
      </c>
      <c r="FD38" s="404">
        <v>0</v>
      </c>
      <c r="FE38" s="327">
        <v>0</v>
      </c>
      <c r="FF38" s="327">
        <v>0</v>
      </c>
      <c r="FG38" s="327">
        <v>0</v>
      </c>
      <c r="FH38" s="327">
        <v>0</v>
      </c>
      <c r="FI38" s="327">
        <v>0</v>
      </c>
      <c r="FJ38" s="328">
        <v>0</v>
      </c>
      <c r="FK38" s="330">
        <v>0</v>
      </c>
      <c r="FL38" s="326">
        <v>0</v>
      </c>
      <c r="FM38" s="327">
        <v>6986</v>
      </c>
      <c r="FN38" s="328">
        <v>6986</v>
      </c>
      <c r="FO38" s="326">
        <v>0</v>
      </c>
      <c r="FP38" s="327">
        <v>17710</v>
      </c>
      <c r="FQ38" s="327">
        <v>55986</v>
      </c>
      <c r="FR38" s="327">
        <v>21728</v>
      </c>
      <c r="FS38" s="327">
        <v>15960</v>
      </c>
      <c r="FT38" s="327">
        <v>29988</v>
      </c>
      <c r="FU38" s="328">
        <v>141372</v>
      </c>
      <c r="FV38" s="330">
        <v>148358</v>
      </c>
      <c r="FW38" s="333">
        <v>0</v>
      </c>
      <c r="FX38" s="327">
        <v>6986</v>
      </c>
      <c r="FY38" s="331">
        <v>6986</v>
      </c>
      <c r="FZ38" s="332">
        <v>0</v>
      </c>
      <c r="GA38" s="327">
        <v>17710</v>
      </c>
      <c r="GB38" s="327">
        <v>55986</v>
      </c>
      <c r="GC38" s="327">
        <v>21728</v>
      </c>
      <c r="GD38" s="327">
        <v>15960</v>
      </c>
      <c r="GE38" s="327">
        <v>29988</v>
      </c>
      <c r="GF38" s="328">
        <v>141372</v>
      </c>
      <c r="GG38" s="334">
        <v>148358</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162443</v>
      </c>
      <c r="HF38" s="331">
        <v>162443</v>
      </c>
      <c r="HG38" s="332">
        <v>0</v>
      </c>
      <c r="HH38" s="327">
        <v>157432</v>
      </c>
      <c r="HI38" s="327">
        <v>0</v>
      </c>
      <c r="HJ38" s="327">
        <v>857282</v>
      </c>
      <c r="HK38" s="327">
        <v>194359</v>
      </c>
      <c r="HL38" s="327">
        <v>202647</v>
      </c>
      <c r="HM38" s="328">
        <v>1411720</v>
      </c>
      <c r="HN38" s="329">
        <v>1574163</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0</v>
      </c>
      <c r="IE38" s="339">
        <v>0</v>
      </c>
      <c r="IF38" s="337">
        <v>210398</v>
      </c>
      <c r="IG38" s="336">
        <v>93487</v>
      </c>
      <c r="IH38" s="337">
        <v>79347</v>
      </c>
      <c r="II38" s="340">
        <v>383232</v>
      </c>
      <c r="IJ38" s="358">
        <v>383232</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0</v>
      </c>
      <c r="JL38" s="345">
        <v>0</v>
      </c>
      <c r="JM38" s="345">
        <v>0</v>
      </c>
      <c r="JN38" s="345">
        <v>93487</v>
      </c>
      <c r="JO38" s="345">
        <v>0</v>
      </c>
      <c r="JP38" s="349">
        <v>93487</v>
      </c>
      <c r="JQ38" s="347">
        <v>93487</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210398</v>
      </c>
      <c r="KU38" s="345">
        <v>0</v>
      </c>
      <c r="KV38" s="345">
        <v>0</v>
      </c>
      <c r="KW38" s="349">
        <v>210398</v>
      </c>
      <c r="KX38" s="347">
        <v>210398</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79347</v>
      </c>
      <c r="MD38" s="349">
        <v>79347</v>
      </c>
      <c r="ME38" s="350">
        <v>79347</v>
      </c>
      <c r="MF38" s="348">
        <v>0</v>
      </c>
      <c r="MG38" s="345">
        <v>0</v>
      </c>
      <c r="MH38" s="349">
        <v>0</v>
      </c>
      <c r="MI38" s="404">
        <v>0</v>
      </c>
      <c r="MJ38" s="345">
        <v>159756</v>
      </c>
      <c r="MK38" s="345">
        <v>0</v>
      </c>
      <c r="ML38" s="345">
        <v>0</v>
      </c>
      <c r="MM38" s="345">
        <v>0</v>
      </c>
      <c r="MN38" s="345">
        <v>1160195</v>
      </c>
      <c r="MO38" s="349">
        <v>1319951</v>
      </c>
      <c r="MP38" s="354">
        <v>1319951</v>
      </c>
      <c r="MQ38" s="348">
        <v>0</v>
      </c>
      <c r="MR38" s="345">
        <v>0</v>
      </c>
      <c r="MS38" s="349">
        <v>0</v>
      </c>
      <c r="MT38" s="404">
        <v>0</v>
      </c>
      <c r="MU38" s="345">
        <v>0</v>
      </c>
      <c r="MV38" s="345">
        <v>0</v>
      </c>
      <c r="MW38" s="345">
        <v>0</v>
      </c>
      <c r="MX38" s="345">
        <v>0</v>
      </c>
      <c r="MY38" s="345">
        <v>0</v>
      </c>
      <c r="MZ38" s="349">
        <v>0</v>
      </c>
      <c r="NA38" s="354">
        <v>0</v>
      </c>
      <c r="NB38" s="348">
        <v>0</v>
      </c>
      <c r="NC38" s="345">
        <v>0</v>
      </c>
      <c r="ND38" s="349">
        <v>0</v>
      </c>
      <c r="NE38" s="404">
        <v>0</v>
      </c>
      <c r="NF38" s="345">
        <v>0</v>
      </c>
      <c r="NG38" s="345">
        <v>0</v>
      </c>
      <c r="NH38" s="345">
        <v>0</v>
      </c>
      <c r="NI38" s="345">
        <v>0</v>
      </c>
      <c r="NJ38" s="345">
        <v>260893</v>
      </c>
      <c r="NK38" s="349">
        <v>260893</v>
      </c>
      <c r="NL38" s="347">
        <v>260893</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159756</v>
      </c>
      <c r="OC38" s="345">
        <v>0</v>
      </c>
      <c r="OD38" s="345">
        <v>0</v>
      </c>
      <c r="OE38" s="345">
        <v>0</v>
      </c>
      <c r="OF38" s="345">
        <v>899302</v>
      </c>
      <c r="OG38" s="349">
        <v>1059058</v>
      </c>
      <c r="OH38" s="350">
        <v>1059058</v>
      </c>
      <c r="OI38" s="348">
        <v>19092</v>
      </c>
      <c r="OJ38" s="345">
        <v>203020</v>
      </c>
      <c r="OK38" s="346">
        <v>222112</v>
      </c>
      <c r="OL38" s="351">
        <v>0</v>
      </c>
      <c r="OM38" s="345">
        <v>661075</v>
      </c>
      <c r="ON38" s="345">
        <v>269028</v>
      </c>
      <c r="OO38" s="345">
        <v>1174585</v>
      </c>
      <c r="OP38" s="345">
        <v>374106</v>
      </c>
      <c r="OQ38" s="345">
        <v>1731419</v>
      </c>
      <c r="OR38" s="349">
        <v>4210213</v>
      </c>
      <c r="OS38" s="354">
        <v>4432325</v>
      </c>
    </row>
    <row r="39" spans="2:409" s="70" customFormat="1" ht="21" customHeight="1" x14ac:dyDescent="0.2">
      <c r="B39" s="106" t="s">
        <v>34</v>
      </c>
      <c r="C39" s="326">
        <v>0</v>
      </c>
      <c r="D39" s="327">
        <v>37086</v>
      </c>
      <c r="E39" s="368">
        <v>37086</v>
      </c>
      <c r="F39" s="370">
        <v>0</v>
      </c>
      <c r="G39" s="369">
        <v>66136</v>
      </c>
      <c r="H39" s="369">
        <v>66437</v>
      </c>
      <c r="I39" s="369">
        <v>546026</v>
      </c>
      <c r="J39" s="369">
        <v>3122</v>
      </c>
      <c r="K39" s="369">
        <v>0</v>
      </c>
      <c r="L39" s="370">
        <v>681721</v>
      </c>
      <c r="M39" s="330">
        <v>718807</v>
      </c>
      <c r="N39" s="326">
        <v>0</v>
      </c>
      <c r="O39" s="327">
        <v>34286</v>
      </c>
      <c r="P39" s="328">
        <v>34286</v>
      </c>
      <c r="Q39" s="326">
        <v>0</v>
      </c>
      <c r="R39" s="327">
        <v>62636</v>
      </c>
      <c r="S39" s="327">
        <v>48202</v>
      </c>
      <c r="T39" s="327">
        <v>13538</v>
      </c>
      <c r="U39" s="327">
        <v>0</v>
      </c>
      <c r="V39" s="327">
        <v>0</v>
      </c>
      <c r="W39" s="328">
        <v>124376</v>
      </c>
      <c r="X39" s="330">
        <v>158662</v>
      </c>
      <c r="Y39" s="326">
        <v>0</v>
      </c>
      <c r="Z39" s="327">
        <v>0</v>
      </c>
      <c r="AA39" s="328">
        <v>0</v>
      </c>
      <c r="AB39" s="326">
        <v>0</v>
      </c>
      <c r="AC39" s="327">
        <v>43421</v>
      </c>
      <c r="AD39" s="327">
        <v>0</v>
      </c>
      <c r="AE39" s="327">
        <v>0</v>
      </c>
      <c r="AF39" s="327">
        <v>0</v>
      </c>
      <c r="AG39" s="327">
        <v>0</v>
      </c>
      <c r="AH39" s="328">
        <v>43421</v>
      </c>
      <c r="AI39" s="330">
        <v>43421</v>
      </c>
      <c r="AJ39" s="326">
        <v>0</v>
      </c>
      <c r="AK39" s="327">
        <v>0</v>
      </c>
      <c r="AL39" s="328">
        <v>0</v>
      </c>
      <c r="AM39" s="326">
        <v>0</v>
      </c>
      <c r="AN39" s="327">
        <v>0</v>
      </c>
      <c r="AO39" s="327">
        <v>0</v>
      </c>
      <c r="AP39" s="327">
        <v>0</v>
      </c>
      <c r="AQ39" s="327">
        <v>0</v>
      </c>
      <c r="AR39" s="327">
        <v>0</v>
      </c>
      <c r="AS39" s="328">
        <v>0</v>
      </c>
      <c r="AT39" s="330">
        <v>0</v>
      </c>
      <c r="AU39" s="326">
        <v>0</v>
      </c>
      <c r="AV39" s="327">
        <v>34286</v>
      </c>
      <c r="AW39" s="328">
        <v>34286</v>
      </c>
      <c r="AX39" s="326">
        <v>0</v>
      </c>
      <c r="AY39" s="327">
        <v>15036</v>
      </c>
      <c r="AZ39" s="327">
        <v>0</v>
      </c>
      <c r="BA39" s="327">
        <v>0</v>
      </c>
      <c r="BB39" s="327">
        <v>0</v>
      </c>
      <c r="BC39" s="327">
        <v>0</v>
      </c>
      <c r="BD39" s="328">
        <v>15036</v>
      </c>
      <c r="BE39" s="330">
        <v>49322</v>
      </c>
      <c r="BF39" s="326">
        <v>0</v>
      </c>
      <c r="BG39" s="327">
        <v>0</v>
      </c>
      <c r="BH39" s="331">
        <v>0</v>
      </c>
      <c r="BI39" s="332">
        <v>0</v>
      </c>
      <c r="BJ39" s="327">
        <v>0</v>
      </c>
      <c r="BK39" s="327">
        <v>48202</v>
      </c>
      <c r="BL39" s="327">
        <v>0</v>
      </c>
      <c r="BM39" s="327">
        <v>0</v>
      </c>
      <c r="BN39" s="327">
        <v>0</v>
      </c>
      <c r="BO39" s="328">
        <v>48202</v>
      </c>
      <c r="BP39" s="330">
        <v>48202</v>
      </c>
      <c r="BQ39" s="326">
        <v>0</v>
      </c>
      <c r="BR39" s="327">
        <v>0</v>
      </c>
      <c r="BS39" s="328">
        <v>0</v>
      </c>
      <c r="BT39" s="326">
        <v>0</v>
      </c>
      <c r="BU39" s="327">
        <v>4179</v>
      </c>
      <c r="BV39" s="327">
        <v>0</v>
      </c>
      <c r="BW39" s="327">
        <v>13538</v>
      </c>
      <c r="BX39" s="327">
        <v>0</v>
      </c>
      <c r="BY39" s="327">
        <v>0</v>
      </c>
      <c r="BZ39" s="328">
        <v>17717</v>
      </c>
      <c r="CA39" s="330">
        <v>17717</v>
      </c>
      <c r="CB39" s="326">
        <v>0</v>
      </c>
      <c r="CC39" s="327">
        <v>0</v>
      </c>
      <c r="CD39" s="328">
        <v>0</v>
      </c>
      <c r="CE39" s="326">
        <v>0</v>
      </c>
      <c r="CF39" s="327">
        <v>0</v>
      </c>
      <c r="CG39" s="327">
        <v>10185</v>
      </c>
      <c r="CH39" s="327">
        <v>177317</v>
      </c>
      <c r="CI39" s="327">
        <v>0</v>
      </c>
      <c r="CJ39" s="327">
        <v>0</v>
      </c>
      <c r="CK39" s="328">
        <v>187502</v>
      </c>
      <c r="CL39" s="330">
        <v>187502</v>
      </c>
      <c r="CM39" s="326">
        <v>0</v>
      </c>
      <c r="CN39" s="327">
        <v>0</v>
      </c>
      <c r="CO39" s="328">
        <v>0</v>
      </c>
      <c r="CP39" s="332">
        <v>0</v>
      </c>
      <c r="CQ39" s="327">
        <v>0</v>
      </c>
      <c r="CR39" s="327">
        <v>10185</v>
      </c>
      <c r="CS39" s="327">
        <v>177317</v>
      </c>
      <c r="CT39" s="327">
        <v>0</v>
      </c>
      <c r="CU39" s="327">
        <v>0</v>
      </c>
      <c r="CV39" s="328">
        <v>187502</v>
      </c>
      <c r="CW39" s="330">
        <v>187502</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15561</v>
      </c>
      <c r="DP39" s="327">
        <v>0</v>
      </c>
      <c r="DQ39" s="327">
        <v>0</v>
      </c>
      <c r="DR39" s="328">
        <v>15561</v>
      </c>
      <c r="DS39" s="330">
        <v>15561</v>
      </c>
      <c r="DT39" s="326">
        <v>0</v>
      </c>
      <c r="DU39" s="327">
        <v>0</v>
      </c>
      <c r="DV39" s="328">
        <v>0</v>
      </c>
      <c r="DW39" s="326">
        <v>0</v>
      </c>
      <c r="DX39" s="327">
        <v>0</v>
      </c>
      <c r="DY39" s="327">
        <v>0</v>
      </c>
      <c r="DZ39" s="327">
        <v>15561</v>
      </c>
      <c r="EA39" s="327">
        <v>0</v>
      </c>
      <c r="EB39" s="327">
        <v>0</v>
      </c>
      <c r="EC39" s="328">
        <v>15561</v>
      </c>
      <c r="ED39" s="330">
        <v>15561</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404">
        <v>0</v>
      </c>
      <c r="FE39" s="327">
        <v>0</v>
      </c>
      <c r="FF39" s="327">
        <v>0</v>
      </c>
      <c r="FG39" s="327">
        <v>0</v>
      </c>
      <c r="FH39" s="327">
        <v>0</v>
      </c>
      <c r="FI39" s="327">
        <v>0</v>
      </c>
      <c r="FJ39" s="328">
        <v>0</v>
      </c>
      <c r="FK39" s="330">
        <v>0</v>
      </c>
      <c r="FL39" s="326">
        <v>0</v>
      </c>
      <c r="FM39" s="327">
        <v>2800</v>
      </c>
      <c r="FN39" s="328">
        <v>2800</v>
      </c>
      <c r="FO39" s="326">
        <v>0</v>
      </c>
      <c r="FP39" s="327">
        <v>3500</v>
      </c>
      <c r="FQ39" s="327">
        <v>8050</v>
      </c>
      <c r="FR39" s="327">
        <v>0</v>
      </c>
      <c r="FS39" s="327">
        <v>3122</v>
      </c>
      <c r="FT39" s="327">
        <v>0</v>
      </c>
      <c r="FU39" s="328">
        <v>14672</v>
      </c>
      <c r="FV39" s="330">
        <v>17472</v>
      </c>
      <c r="FW39" s="333">
        <v>0</v>
      </c>
      <c r="FX39" s="327">
        <v>2800</v>
      </c>
      <c r="FY39" s="331">
        <v>2800</v>
      </c>
      <c r="FZ39" s="332">
        <v>0</v>
      </c>
      <c r="GA39" s="327">
        <v>3500</v>
      </c>
      <c r="GB39" s="327">
        <v>8050</v>
      </c>
      <c r="GC39" s="327">
        <v>0</v>
      </c>
      <c r="GD39" s="327">
        <v>3122</v>
      </c>
      <c r="GE39" s="327">
        <v>0</v>
      </c>
      <c r="GF39" s="328">
        <v>14672</v>
      </c>
      <c r="GG39" s="334">
        <v>17472</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0</v>
      </c>
      <c r="GX39" s="327">
        <v>0</v>
      </c>
      <c r="GY39" s="327">
        <v>0</v>
      </c>
      <c r="GZ39" s="327">
        <v>0</v>
      </c>
      <c r="HA39" s="327">
        <v>0</v>
      </c>
      <c r="HB39" s="331">
        <v>0</v>
      </c>
      <c r="HC39" s="330">
        <v>0</v>
      </c>
      <c r="HD39" s="326">
        <v>0</v>
      </c>
      <c r="HE39" s="327">
        <v>0</v>
      </c>
      <c r="HF39" s="331">
        <v>0</v>
      </c>
      <c r="HG39" s="332">
        <v>0</v>
      </c>
      <c r="HH39" s="327">
        <v>0</v>
      </c>
      <c r="HI39" s="327">
        <v>0</v>
      </c>
      <c r="HJ39" s="327">
        <v>339610</v>
      </c>
      <c r="HK39" s="327">
        <v>0</v>
      </c>
      <c r="HL39" s="327">
        <v>0</v>
      </c>
      <c r="HM39" s="328">
        <v>339610</v>
      </c>
      <c r="HN39" s="329">
        <v>339610</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100212</v>
      </c>
      <c r="IE39" s="339">
        <v>0</v>
      </c>
      <c r="IF39" s="337">
        <v>0</v>
      </c>
      <c r="IG39" s="336">
        <v>0</v>
      </c>
      <c r="IH39" s="337">
        <v>0</v>
      </c>
      <c r="II39" s="340">
        <v>100212</v>
      </c>
      <c r="IJ39" s="341">
        <v>100212</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0</v>
      </c>
      <c r="JL39" s="345">
        <v>0</v>
      </c>
      <c r="JM39" s="345">
        <v>0</v>
      </c>
      <c r="JN39" s="345">
        <v>0</v>
      </c>
      <c r="JO39" s="345">
        <v>0</v>
      </c>
      <c r="JP39" s="349">
        <v>0</v>
      </c>
      <c r="JQ39" s="347">
        <v>0</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100212</v>
      </c>
      <c r="KH39" s="345">
        <v>0</v>
      </c>
      <c r="KI39" s="345">
        <v>0</v>
      </c>
      <c r="KJ39" s="345">
        <v>0</v>
      </c>
      <c r="KK39" s="345">
        <v>0</v>
      </c>
      <c r="KL39" s="349">
        <v>100212</v>
      </c>
      <c r="KM39" s="354">
        <v>100212</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0</v>
      </c>
      <c r="MB39" s="345">
        <v>0</v>
      </c>
      <c r="MC39" s="345">
        <v>0</v>
      </c>
      <c r="MD39" s="349">
        <v>0</v>
      </c>
      <c r="ME39" s="350">
        <v>0</v>
      </c>
      <c r="MF39" s="348">
        <v>0</v>
      </c>
      <c r="MG39" s="345">
        <v>0</v>
      </c>
      <c r="MH39" s="349">
        <v>0</v>
      </c>
      <c r="MI39" s="404">
        <v>0</v>
      </c>
      <c r="MJ39" s="345">
        <v>0</v>
      </c>
      <c r="MK39" s="345">
        <v>0</v>
      </c>
      <c r="ML39" s="345">
        <v>0</v>
      </c>
      <c r="MM39" s="345">
        <v>248395</v>
      </c>
      <c r="MN39" s="345">
        <v>0</v>
      </c>
      <c r="MO39" s="349">
        <v>248395</v>
      </c>
      <c r="MP39" s="354">
        <v>248395</v>
      </c>
      <c r="MQ39" s="348">
        <v>0</v>
      </c>
      <c r="MR39" s="345">
        <v>0</v>
      </c>
      <c r="MS39" s="349">
        <v>0</v>
      </c>
      <c r="MT39" s="404">
        <v>0</v>
      </c>
      <c r="MU39" s="345">
        <v>0</v>
      </c>
      <c r="MV39" s="345">
        <v>0</v>
      </c>
      <c r="MW39" s="345">
        <v>0</v>
      </c>
      <c r="MX39" s="345">
        <v>0</v>
      </c>
      <c r="MY39" s="345">
        <v>0</v>
      </c>
      <c r="MZ39" s="349">
        <v>0</v>
      </c>
      <c r="NA39" s="354">
        <v>0</v>
      </c>
      <c r="NB39" s="348">
        <v>0</v>
      </c>
      <c r="NC39" s="345">
        <v>0</v>
      </c>
      <c r="ND39" s="349">
        <v>0</v>
      </c>
      <c r="NE39" s="404">
        <v>0</v>
      </c>
      <c r="NF39" s="345">
        <v>0</v>
      </c>
      <c r="NG39" s="345">
        <v>0</v>
      </c>
      <c r="NH39" s="345">
        <v>0</v>
      </c>
      <c r="NI39" s="345">
        <v>248395</v>
      </c>
      <c r="NJ39" s="345">
        <v>0</v>
      </c>
      <c r="NK39" s="349">
        <v>248395</v>
      </c>
      <c r="NL39" s="347">
        <v>248395</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0</v>
      </c>
      <c r="OJ39" s="345">
        <v>37086</v>
      </c>
      <c r="OK39" s="346">
        <v>37086</v>
      </c>
      <c r="OL39" s="351">
        <v>0</v>
      </c>
      <c r="OM39" s="345">
        <v>166348</v>
      </c>
      <c r="ON39" s="345">
        <v>66437</v>
      </c>
      <c r="OO39" s="345">
        <v>546026</v>
      </c>
      <c r="OP39" s="345">
        <v>251517</v>
      </c>
      <c r="OQ39" s="345">
        <v>0</v>
      </c>
      <c r="OR39" s="349">
        <v>1030328</v>
      </c>
      <c r="OS39" s="354">
        <v>1067414</v>
      </c>
    </row>
    <row r="40" spans="2:409" s="70" customFormat="1" ht="21" customHeight="1" x14ac:dyDescent="0.2">
      <c r="B40" s="106" t="s">
        <v>35</v>
      </c>
      <c r="C40" s="326">
        <v>228395</v>
      </c>
      <c r="D40" s="327">
        <v>274267</v>
      </c>
      <c r="E40" s="328">
        <v>502662</v>
      </c>
      <c r="F40" s="329">
        <v>0</v>
      </c>
      <c r="G40" s="327">
        <v>711797</v>
      </c>
      <c r="H40" s="327">
        <v>674774</v>
      </c>
      <c r="I40" s="327">
        <v>1231813</v>
      </c>
      <c r="J40" s="327">
        <v>389356</v>
      </c>
      <c r="K40" s="327">
        <v>262066</v>
      </c>
      <c r="L40" s="367">
        <v>3269806</v>
      </c>
      <c r="M40" s="330">
        <v>3772468</v>
      </c>
      <c r="N40" s="326">
        <v>77546</v>
      </c>
      <c r="O40" s="327">
        <v>82831</v>
      </c>
      <c r="P40" s="328">
        <v>160377</v>
      </c>
      <c r="Q40" s="326">
        <v>0</v>
      </c>
      <c r="R40" s="327">
        <v>157679</v>
      </c>
      <c r="S40" s="327">
        <v>363995</v>
      </c>
      <c r="T40" s="327">
        <v>327712</v>
      </c>
      <c r="U40" s="327">
        <v>17948</v>
      </c>
      <c r="V40" s="327">
        <v>27293</v>
      </c>
      <c r="W40" s="328">
        <v>894627</v>
      </c>
      <c r="X40" s="330">
        <v>1055004</v>
      </c>
      <c r="Y40" s="326">
        <v>0</v>
      </c>
      <c r="Z40" s="327">
        <v>0</v>
      </c>
      <c r="AA40" s="328">
        <v>0</v>
      </c>
      <c r="AB40" s="326">
        <v>0</v>
      </c>
      <c r="AC40" s="327">
        <v>37737</v>
      </c>
      <c r="AD40" s="327">
        <v>230820</v>
      </c>
      <c r="AE40" s="327">
        <v>69601</v>
      </c>
      <c r="AF40" s="327">
        <v>0</v>
      </c>
      <c r="AG40" s="327">
        <v>0</v>
      </c>
      <c r="AH40" s="328">
        <v>338158</v>
      </c>
      <c r="AI40" s="330">
        <v>338158</v>
      </c>
      <c r="AJ40" s="326">
        <v>0</v>
      </c>
      <c r="AK40" s="327">
        <v>0</v>
      </c>
      <c r="AL40" s="328">
        <v>0</v>
      </c>
      <c r="AM40" s="326">
        <v>0</v>
      </c>
      <c r="AN40" s="327">
        <v>0</v>
      </c>
      <c r="AO40" s="327">
        <v>0</v>
      </c>
      <c r="AP40" s="327">
        <v>0</v>
      </c>
      <c r="AQ40" s="327">
        <v>0</v>
      </c>
      <c r="AR40" s="327">
        <v>0</v>
      </c>
      <c r="AS40" s="328">
        <v>0</v>
      </c>
      <c r="AT40" s="330">
        <v>0</v>
      </c>
      <c r="AU40" s="326">
        <v>30884</v>
      </c>
      <c r="AV40" s="327">
        <v>42812</v>
      </c>
      <c r="AW40" s="328">
        <v>73696</v>
      </c>
      <c r="AX40" s="326">
        <v>0</v>
      </c>
      <c r="AY40" s="327">
        <v>53554</v>
      </c>
      <c r="AZ40" s="327">
        <v>122689</v>
      </c>
      <c r="BA40" s="327">
        <v>179109</v>
      </c>
      <c r="BB40" s="327">
        <v>0</v>
      </c>
      <c r="BC40" s="327">
        <v>16849</v>
      </c>
      <c r="BD40" s="328">
        <v>372201</v>
      </c>
      <c r="BE40" s="330">
        <v>445897</v>
      </c>
      <c r="BF40" s="326">
        <v>17528</v>
      </c>
      <c r="BG40" s="327">
        <v>17528</v>
      </c>
      <c r="BH40" s="331">
        <v>35056</v>
      </c>
      <c r="BI40" s="332">
        <v>0</v>
      </c>
      <c r="BJ40" s="327">
        <v>26040</v>
      </c>
      <c r="BK40" s="327">
        <v>0</v>
      </c>
      <c r="BL40" s="327">
        <v>0</v>
      </c>
      <c r="BM40" s="327">
        <v>0</v>
      </c>
      <c r="BN40" s="327">
        <v>0</v>
      </c>
      <c r="BO40" s="328">
        <v>26040</v>
      </c>
      <c r="BP40" s="330">
        <v>61096</v>
      </c>
      <c r="BQ40" s="326">
        <v>29134</v>
      </c>
      <c r="BR40" s="327">
        <v>22491</v>
      </c>
      <c r="BS40" s="328">
        <v>51625</v>
      </c>
      <c r="BT40" s="326">
        <v>0</v>
      </c>
      <c r="BU40" s="327">
        <v>40348</v>
      </c>
      <c r="BV40" s="327">
        <v>10486</v>
      </c>
      <c r="BW40" s="327">
        <v>79002</v>
      </c>
      <c r="BX40" s="327">
        <v>17948</v>
      </c>
      <c r="BY40" s="327">
        <v>10444</v>
      </c>
      <c r="BZ40" s="328">
        <v>158228</v>
      </c>
      <c r="CA40" s="330">
        <v>209853</v>
      </c>
      <c r="CB40" s="326">
        <v>0</v>
      </c>
      <c r="CC40" s="327">
        <v>98770</v>
      </c>
      <c r="CD40" s="328">
        <v>98770</v>
      </c>
      <c r="CE40" s="326">
        <v>0</v>
      </c>
      <c r="CF40" s="327">
        <v>193550</v>
      </c>
      <c r="CG40" s="327">
        <v>193886</v>
      </c>
      <c r="CH40" s="327">
        <v>134958</v>
      </c>
      <c r="CI40" s="327">
        <v>0</v>
      </c>
      <c r="CJ40" s="327">
        <v>41545</v>
      </c>
      <c r="CK40" s="328">
        <v>563939</v>
      </c>
      <c r="CL40" s="330">
        <v>662709</v>
      </c>
      <c r="CM40" s="326">
        <v>0</v>
      </c>
      <c r="CN40" s="327">
        <v>0</v>
      </c>
      <c r="CO40" s="328">
        <v>0</v>
      </c>
      <c r="CP40" s="332">
        <v>0</v>
      </c>
      <c r="CQ40" s="327">
        <v>72576</v>
      </c>
      <c r="CR40" s="327">
        <v>105770</v>
      </c>
      <c r="CS40" s="327">
        <v>8582</v>
      </c>
      <c r="CT40" s="327">
        <v>0</v>
      </c>
      <c r="CU40" s="327">
        <v>41545</v>
      </c>
      <c r="CV40" s="328">
        <v>228473</v>
      </c>
      <c r="CW40" s="330">
        <v>228473</v>
      </c>
      <c r="CX40" s="326">
        <v>0</v>
      </c>
      <c r="CY40" s="327">
        <v>98770</v>
      </c>
      <c r="CZ40" s="328">
        <v>98770</v>
      </c>
      <c r="DA40" s="326">
        <v>0</v>
      </c>
      <c r="DB40" s="327">
        <v>120974</v>
      </c>
      <c r="DC40" s="327">
        <v>88116</v>
      </c>
      <c r="DD40" s="327">
        <v>126376</v>
      </c>
      <c r="DE40" s="327">
        <v>0</v>
      </c>
      <c r="DF40" s="327">
        <v>0</v>
      </c>
      <c r="DG40" s="328">
        <v>335466</v>
      </c>
      <c r="DH40" s="330">
        <v>434236</v>
      </c>
      <c r="DI40" s="326">
        <v>0</v>
      </c>
      <c r="DJ40" s="327">
        <v>0</v>
      </c>
      <c r="DK40" s="331">
        <v>0</v>
      </c>
      <c r="DL40" s="332">
        <v>0</v>
      </c>
      <c r="DM40" s="327">
        <v>14756</v>
      </c>
      <c r="DN40" s="327">
        <v>0</v>
      </c>
      <c r="DO40" s="327">
        <v>0</v>
      </c>
      <c r="DP40" s="327">
        <v>0</v>
      </c>
      <c r="DQ40" s="327">
        <v>171108</v>
      </c>
      <c r="DR40" s="328">
        <v>185864</v>
      </c>
      <c r="DS40" s="330">
        <v>185864</v>
      </c>
      <c r="DT40" s="326">
        <v>0</v>
      </c>
      <c r="DU40" s="327">
        <v>0</v>
      </c>
      <c r="DV40" s="328">
        <v>0</v>
      </c>
      <c r="DW40" s="326">
        <v>0</v>
      </c>
      <c r="DX40" s="327">
        <v>14756</v>
      </c>
      <c r="DY40" s="327">
        <v>0</v>
      </c>
      <c r="DZ40" s="327">
        <v>0</v>
      </c>
      <c r="EA40" s="327">
        <v>0</v>
      </c>
      <c r="EB40" s="327">
        <v>171108</v>
      </c>
      <c r="EC40" s="328">
        <v>185864</v>
      </c>
      <c r="ED40" s="330">
        <v>185864</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404">
        <v>0</v>
      </c>
      <c r="FE40" s="327">
        <v>0</v>
      </c>
      <c r="FF40" s="327">
        <v>0</v>
      </c>
      <c r="FG40" s="327">
        <v>0</v>
      </c>
      <c r="FH40" s="327">
        <v>0</v>
      </c>
      <c r="FI40" s="327">
        <v>0</v>
      </c>
      <c r="FJ40" s="328">
        <v>0</v>
      </c>
      <c r="FK40" s="330">
        <v>0</v>
      </c>
      <c r="FL40" s="326">
        <v>11648</v>
      </c>
      <c r="FM40" s="327">
        <v>13055</v>
      </c>
      <c r="FN40" s="328">
        <v>24703</v>
      </c>
      <c r="FO40" s="326">
        <v>0</v>
      </c>
      <c r="FP40" s="327">
        <v>16380</v>
      </c>
      <c r="FQ40" s="327">
        <v>116893</v>
      </c>
      <c r="FR40" s="327">
        <v>112210</v>
      </c>
      <c r="FS40" s="327">
        <v>0</v>
      </c>
      <c r="FT40" s="327">
        <v>22120</v>
      </c>
      <c r="FU40" s="328">
        <v>267603</v>
      </c>
      <c r="FV40" s="330">
        <v>292306</v>
      </c>
      <c r="FW40" s="333">
        <v>11648</v>
      </c>
      <c r="FX40" s="327">
        <v>13055</v>
      </c>
      <c r="FY40" s="331">
        <v>24703</v>
      </c>
      <c r="FZ40" s="332">
        <v>0</v>
      </c>
      <c r="GA40" s="327">
        <v>16380</v>
      </c>
      <c r="GB40" s="327">
        <v>93520</v>
      </c>
      <c r="GC40" s="327">
        <v>112210</v>
      </c>
      <c r="GD40" s="327">
        <v>0</v>
      </c>
      <c r="GE40" s="327">
        <v>22120</v>
      </c>
      <c r="GF40" s="328">
        <v>244230</v>
      </c>
      <c r="GG40" s="334">
        <v>268933</v>
      </c>
      <c r="GH40" s="333">
        <v>0</v>
      </c>
      <c r="GI40" s="327">
        <v>0</v>
      </c>
      <c r="GJ40" s="331">
        <v>0</v>
      </c>
      <c r="GK40" s="332">
        <v>0</v>
      </c>
      <c r="GL40" s="327">
        <v>0</v>
      </c>
      <c r="GM40" s="327">
        <v>23373</v>
      </c>
      <c r="GN40" s="327">
        <v>0</v>
      </c>
      <c r="GO40" s="327">
        <v>0</v>
      </c>
      <c r="GP40" s="327">
        <v>0</v>
      </c>
      <c r="GQ40" s="328">
        <v>23373</v>
      </c>
      <c r="GR40" s="330">
        <v>23373</v>
      </c>
      <c r="GS40" s="326">
        <v>0</v>
      </c>
      <c r="GT40" s="327">
        <v>0</v>
      </c>
      <c r="GU40" s="328">
        <v>0</v>
      </c>
      <c r="GV40" s="326">
        <v>0</v>
      </c>
      <c r="GW40" s="327">
        <v>0</v>
      </c>
      <c r="GX40" s="327">
        <v>0</v>
      </c>
      <c r="GY40" s="327">
        <v>0</v>
      </c>
      <c r="GZ40" s="327">
        <v>0</v>
      </c>
      <c r="HA40" s="327">
        <v>0</v>
      </c>
      <c r="HB40" s="331">
        <v>0</v>
      </c>
      <c r="HC40" s="330">
        <v>0</v>
      </c>
      <c r="HD40" s="326">
        <v>139201</v>
      </c>
      <c r="HE40" s="327">
        <v>79611</v>
      </c>
      <c r="HF40" s="331">
        <v>218812</v>
      </c>
      <c r="HG40" s="332">
        <v>0</v>
      </c>
      <c r="HH40" s="327">
        <v>329432</v>
      </c>
      <c r="HI40" s="327">
        <v>0</v>
      </c>
      <c r="HJ40" s="327">
        <v>656933</v>
      </c>
      <c r="HK40" s="327">
        <v>371408</v>
      </c>
      <c r="HL40" s="327">
        <v>0</v>
      </c>
      <c r="HM40" s="328">
        <v>1357773</v>
      </c>
      <c r="HN40" s="329">
        <v>1576585</v>
      </c>
      <c r="HO40" s="333">
        <v>0</v>
      </c>
      <c r="HP40" s="327">
        <v>0</v>
      </c>
      <c r="HQ40" s="328">
        <v>0</v>
      </c>
      <c r="HR40" s="326">
        <v>0</v>
      </c>
      <c r="HS40" s="327">
        <v>0</v>
      </c>
      <c r="HT40" s="327">
        <v>0</v>
      </c>
      <c r="HU40" s="327">
        <v>0</v>
      </c>
      <c r="HV40" s="327">
        <v>0</v>
      </c>
      <c r="HW40" s="327">
        <v>0</v>
      </c>
      <c r="HX40" s="331">
        <v>0</v>
      </c>
      <c r="HY40" s="330">
        <v>0</v>
      </c>
      <c r="HZ40" s="358">
        <v>0</v>
      </c>
      <c r="IA40" s="356">
        <v>0</v>
      </c>
      <c r="IB40" s="358">
        <v>0</v>
      </c>
      <c r="IC40" s="338">
        <v>0</v>
      </c>
      <c r="ID40" s="336">
        <v>314464</v>
      </c>
      <c r="IE40" s="339">
        <v>0</v>
      </c>
      <c r="IF40" s="337">
        <v>0</v>
      </c>
      <c r="IG40" s="336">
        <v>0</v>
      </c>
      <c r="IH40" s="337">
        <v>0</v>
      </c>
      <c r="II40" s="340">
        <v>314464</v>
      </c>
      <c r="IJ40" s="358">
        <v>314464</v>
      </c>
      <c r="IK40" s="342">
        <v>0</v>
      </c>
      <c r="IL40" s="343">
        <v>0</v>
      </c>
      <c r="IM40" s="344">
        <v>0</v>
      </c>
      <c r="IN40" s="404">
        <v>0</v>
      </c>
      <c r="IO40" s="345">
        <v>0</v>
      </c>
      <c r="IP40" s="345">
        <v>0</v>
      </c>
      <c r="IQ40" s="345">
        <v>0</v>
      </c>
      <c r="IR40" s="345">
        <v>0</v>
      </c>
      <c r="IS40" s="345">
        <v>0</v>
      </c>
      <c r="IT40" s="346">
        <v>0</v>
      </c>
      <c r="IU40" s="347">
        <v>0</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37705</v>
      </c>
      <c r="JL40" s="345">
        <v>0</v>
      </c>
      <c r="JM40" s="345">
        <v>0</v>
      </c>
      <c r="JN40" s="345">
        <v>0</v>
      </c>
      <c r="JO40" s="345">
        <v>0</v>
      </c>
      <c r="JP40" s="349">
        <v>37705</v>
      </c>
      <c r="JQ40" s="347">
        <v>37705</v>
      </c>
      <c r="JR40" s="348">
        <v>0</v>
      </c>
      <c r="JS40" s="345">
        <v>0</v>
      </c>
      <c r="JT40" s="346">
        <v>0</v>
      </c>
      <c r="JU40" s="351">
        <v>0</v>
      </c>
      <c r="JV40" s="345">
        <v>0</v>
      </c>
      <c r="JW40" s="345">
        <v>0</v>
      </c>
      <c r="JX40" s="345">
        <v>0</v>
      </c>
      <c r="JY40" s="345">
        <v>0</v>
      </c>
      <c r="JZ40" s="345">
        <v>0</v>
      </c>
      <c r="KA40" s="349">
        <v>0</v>
      </c>
      <c r="KB40" s="347">
        <v>0</v>
      </c>
      <c r="KC40" s="352">
        <v>0</v>
      </c>
      <c r="KD40" s="353">
        <v>0</v>
      </c>
      <c r="KE40" s="349">
        <v>0</v>
      </c>
      <c r="KF40" s="351">
        <v>0</v>
      </c>
      <c r="KG40" s="345">
        <v>83111</v>
      </c>
      <c r="KH40" s="345">
        <v>0</v>
      </c>
      <c r="KI40" s="345">
        <v>0</v>
      </c>
      <c r="KJ40" s="345">
        <v>0</v>
      </c>
      <c r="KK40" s="345">
        <v>0</v>
      </c>
      <c r="KL40" s="349">
        <v>83111</v>
      </c>
      <c r="KM40" s="354">
        <v>83111</v>
      </c>
      <c r="KN40" s="342">
        <v>0</v>
      </c>
      <c r="KO40" s="343">
        <v>0</v>
      </c>
      <c r="KP40" s="344">
        <v>0</v>
      </c>
      <c r="KQ40" s="404">
        <v>0</v>
      </c>
      <c r="KR40" s="345">
        <v>193648</v>
      </c>
      <c r="KS40" s="345">
        <v>0</v>
      </c>
      <c r="KT40" s="345">
        <v>0</v>
      </c>
      <c r="KU40" s="345">
        <v>0</v>
      </c>
      <c r="KV40" s="345">
        <v>0</v>
      </c>
      <c r="KW40" s="349">
        <v>193648</v>
      </c>
      <c r="KX40" s="347">
        <v>193648</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0</v>
      </c>
      <c r="MK40" s="345">
        <v>0</v>
      </c>
      <c r="ML40" s="345">
        <v>0</v>
      </c>
      <c r="MM40" s="345">
        <v>229999</v>
      </c>
      <c r="MN40" s="345">
        <v>0</v>
      </c>
      <c r="MO40" s="349">
        <v>229999</v>
      </c>
      <c r="MP40" s="354">
        <v>229999</v>
      </c>
      <c r="MQ40" s="348">
        <v>0</v>
      </c>
      <c r="MR40" s="345">
        <v>0</v>
      </c>
      <c r="MS40" s="349">
        <v>0</v>
      </c>
      <c r="MT40" s="404">
        <v>0</v>
      </c>
      <c r="MU40" s="345">
        <v>0</v>
      </c>
      <c r="MV40" s="345">
        <v>0</v>
      </c>
      <c r="MW40" s="345">
        <v>0</v>
      </c>
      <c r="MX40" s="345">
        <v>229999</v>
      </c>
      <c r="MY40" s="345">
        <v>0</v>
      </c>
      <c r="MZ40" s="349">
        <v>229999</v>
      </c>
      <c r="NA40" s="354">
        <v>229999</v>
      </c>
      <c r="NB40" s="348">
        <v>0</v>
      </c>
      <c r="NC40" s="345">
        <v>0</v>
      </c>
      <c r="ND40" s="349">
        <v>0</v>
      </c>
      <c r="NE40" s="404">
        <v>0</v>
      </c>
      <c r="NF40" s="345">
        <v>0</v>
      </c>
      <c r="NG40" s="345">
        <v>0</v>
      </c>
      <c r="NH40" s="345">
        <v>0</v>
      </c>
      <c r="NI40" s="345">
        <v>0</v>
      </c>
      <c r="NJ40" s="345">
        <v>0</v>
      </c>
      <c r="NK40" s="349">
        <v>0</v>
      </c>
      <c r="NL40" s="347">
        <v>0</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228395</v>
      </c>
      <c r="OJ40" s="345">
        <v>274267</v>
      </c>
      <c r="OK40" s="346">
        <v>502662</v>
      </c>
      <c r="OL40" s="351">
        <v>0</v>
      </c>
      <c r="OM40" s="345">
        <v>1026261</v>
      </c>
      <c r="ON40" s="345">
        <v>674774</v>
      </c>
      <c r="OO40" s="345">
        <v>1231813</v>
      </c>
      <c r="OP40" s="345">
        <v>619355</v>
      </c>
      <c r="OQ40" s="345">
        <v>262066</v>
      </c>
      <c r="OR40" s="349">
        <v>3814269</v>
      </c>
      <c r="OS40" s="354">
        <v>4316931</v>
      </c>
    </row>
    <row r="41" spans="2:409" s="70" customFormat="1" ht="21" customHeight="1" x14ac:dyDescent="0.2">
      <c r="B41" s="106" t="s">
        <v>36</v>
      </c>
      <c r="C41" s="326">
        <v>24504</v>
      </c>
      <c r="D41" s="327">
        <v>50262</v>
      </c>
      <c r="E41" s="328">
        <v>74766</v>
      </c>
      <c r="F41" s="329">
        <v>0</v>
      </c>
      <c r="G41" s="327">
        <v>346712</v>
      </c>
      <c r="H41" s="327">
        <v>1096460</v>
      </c>
      <c r="I41" s="327">
        <v>469346</v>
      </c>
      <c r="J41" s="327">
        <v>748884</v>
      </c>
      <c r="K41" s="327">
        <v>16709</v>
      </c>
      <c r="L41" s="367">
        <v>2678111</v>
      </c>
      <c r="M41" s="330">
        <v>2752877</v>
      </c>
      <c r="N41" s="326">
        <v>24504</v>
      </c>
      <c r="O41" s="327">
        <v>28912</v>
      </c>
      <c r="P41" s="328">
        <v>53416</v>
      </c>
      <c r="Q41" s="326">
        <v>0</v>
      </c>
      <c r="R41" s="327">
        <v>154056</v>
      </c>
      <c r="S41" s="327">
        <v>393953</v>
      </c>
      <c r="T41" s="327">
        <v>118011</v>
      </c>
      <c r="U41" s="327">
        <v>53172</v>
      </c>
      <c r="V41" s="327">
        <v>16709</v>
      </c>
      <c r="W41" s="328">
        <v>735901</v>
      </c>
      <c r="X41" s="330">
        <v>789317</v>
      </c>
      <c r="Y41" s="326">
        <v>0</v>
      </c>
      <c r="Z41" s="327">
        <v>0</v>
      </c>
      <c r="AA41" s="328">
        <v>0</v>
      </c>
      <c r="AB41" s="326">
        <v>0</v>
      </c>
      <c r="AC41" s="327">
        <v>62719</v>
      </c>
      <c r="AD41" s="327">
        <v>285969</v>
      </c>
      <c r="AE41" s="327">
        <v>31248</v>
      </c>
      <c r="AF41" s="327">
        <v>0</v>
      </c>
      <c r="AG41" s="327">
        <v>0</v>
      </c>
      <c r="AH41" s="328">
        <v>379936</v>
      </c>
      <c r="AI41" s="330">
        <v>379936</v>
      </c>
      <c r="AJ41" s="326">
        <v>0</v>
      </c>
      <c r="AK41" s="327">
        <v>0</v>
      </c>
      <c r="AL41" s="328">
        <v>0</v>
      </c>
      <c r="AM41" s="326">
        <v>0</v>
      </c>
      <c r="AN41" s="327">
        <v>10612</v>
      </c>
      <c r="AO41" s="327">
        <v>0</v>
      </c>
      <c r="AP41" s="327">
        <v>0</v>
      </c>
      <c r="AQ41" s="327">
        <v>0</v>
      </c>
      <c r="AR41" s="327">
        <v>0</v>
      </c>
      <c r="AS41" s="328">
        <v>10612</v>
      </c>
      <c r="AT41" s="330">
        <v>10612</v>
      </c>
      <c r="AU41" s="326">
        <v>24504</v>
      </c>
      <c r="AV41" s="327">
        <v>28912</v>
      </c>
      <c r="AW41" s="328">
        <v>53416</v>
      </c>
      <c r="AX41" s="326">
        <v>0</v>
      </c>
      <c r="AY41" s="327">
        <v>31727</v>
      </c>
      <c r="AZ41" s="327">
        <v>38348</v>
      </c>
      <c r="BA41" s="327">
        <v>11429</v>
      </c>
      <c r="BB41" s="327">
        <v>12376</v>
      </c>
      <c r="BC41" s="327">
        <v>0</v>
      </c>
      <c r="BD41" s="328">
        <v>93880</v>
      </c>
      <c r="BE41" s="330">
        <v>147296</v>
      </c>
      <c r="BF41" s="326">
        <v>0</v>
      </c>
      <c r="BG41" s="327">
        <v>0</v>
      </c>
      <c r="BH41" s="331">
        <v>0</v>
      </c>
      <c r="BI41" s="332">
        <v>0</v>
      </c>
      <c r="BJ41" s="327">
        <v>36629</v>
      </c>
      <c r="BK41" s="327">
        <v>4578</v>
      </c>
      <c r="BL41" s="327">
        <v>0</v>
      </c>
      <c r="BM41" s="327">
        <v>0</v>
      </c>
      <c r="BN41" s="327">
        <v>0</v>
      </c>
      <c r="BO41" s="328">
        <v>41207</v>
      </c>
      <c r="BP41" s="330">
        <v>41207</v>
      </c>
      <c r="BQ41" s="326">
        <v>0</v>
      </c>
      <c r="BR41" s="327">
        <v>0</v>
      </c>
      <c r="BS41" s="328">
        <v>0</v>
      </c>
      <c r="BT41" s="326">
        <v>0</v>
      </c>
      <c r="BU41" s="327">
        <v>12369</v>
      </c>
      <c r="BV41" s="327">
        <v>65058</v>
      </c>
      <c r="BW41" s="327">
        <v>75334</v>
      </c>
      <c r="BX41" s="327">
        <v>40796</v>
      </c>
      <c r="BY41" s="327">
        <v>16709</v>
      </c>
      <c r="BZ41" s="328">
        <v>210266</v>
      </c>
      <c r="CA41" s="330">
        <v>210266</v>
      </c>
      <c r="CB41" s="326">
        <v>0</v>
      </c>
      <c r="CC41" s="327">
        <v>0</v>
      </c>
      <c r="CD41" s="328">
        <v>0</v>
      </c>
      <c r="CE41" s="326">
        <v>0</v>
      </c>
      <c r="CF41" s="327">
        <v>0</v>
      </c>
      <c r="CG41" s="327">
        <v>250199</v>
      </c>
      <c r="CH41" s="327">
        <v>0</v>
      </c>
      <c r="CI41" s="327">
        <v>200403</v>
      </c>
      <c r="CJ41" s="327">
        <v>0</v>
      </c>
      <c r="CK41" s="328">
        <v>450602</v>
      </c>
      <c r="CL41" s="330">
        <v>450602</v>
      </c>
      <c r="CM41" s="326">
        <v>0</v>
      </c>
      <c r="CN41" s="327">
        <v>0</v>
      </c>
      <c r="CO41" s="328">
        <v>0</v>
      </c>
      <c r="CP41" s="332">
        <v>0</v>
      </c>
      <c r="CQ41" s="327">
        <v>0</v>
      </c>
      <c r="CR41" s="327">
        <v>250199</v>
      </c>
      <c r="CS41" s="327">
        <v>0</v>
      </c>
      <c r="CT41" s="327">
        <v>200403</v>
      </c>
      <c r="CU41" s="327">
        <v>0</v>
      </c>
      <c r="CV41" s="328">
        <v>450602</v>
      </c>
      <c r="CW41" s="330">
        <v>450602</v>
      </c>
      <c r="CX41" s="326">
        <v>0</v>
      </c>
      <c r="CY41" s="327">
        <v>0</v>
      </c>
      <c r="CZ41" s="328">
        <v>0</v>
      </c>
      <c r="DA41" s="326">
        <v>0</v>
      </c>
      <c r="DB41" s="327">
        <v>0</v>
      </c>
      <c r="DC41" s="327">
        <v>0</v>
      </c>
      <c r="DD41" s="327">
        <v>0</v>
      </c>
      <c r="DE41" s="327">
        <v>0</v>
      </c>
      <c r="DF41" s="327">
        <v>0</v>
      </c>
      <c r="DG41" s="328">
        <v>0</v>
      </c>
      <c r="DH41" s="330">
        <v>0</v>
      </c>
      <c r="DI41" s="326">
        <v>0</v>
      </c>
      <c r="DJ41" s="327">
        <v>0</v>
      </c>
      <c r="DK41" s="331">
        <v>0</v>
      </c>
      <c r="DL41" s="332">
        <v>0</v>
      </c>
      <c r="DM41" s="327">
        <v>143394</v>
      </c>
      <c r="DN41" s="327">
        <v>139871</v>
      </c>
      <c r="DO41" s="327">
        <v>0</v>
      </c>
      <c r="DP41" s="327">
        <v>71519</v>
      </c>
      <c r="DQ41" s="327">
        <v>0</v>
      </c>
      <c r="DR41" s="328">
        <v>354784</v>
      </c>
      <c r="DS41" s="330">
        <v>354784</v>
      </c>
      <c r="DT41" s="326">
        <v>0</v>
      </c>
      <c r="DU41" s="327">
        <v>0</v>
      </c>
      <c r="DV41" s="328">
        <v>0</v>
      </c>
      <c r="DW41" s="326">
        <v>0</v>
      </c>
      <c r="DX41" s="327">
        <v>143394</v>
      </c>
      <c r="DY41" s="327">
        <v>139871</v>
      </c>
      <c r="DZ41" s="327">
        <v>0</v>
      </c>
      <c r="EA41" s="327">
        <v>71519</v>
      </c>
      <c r="EB41" s="327">
        <v>0</v>
      </c>
      <c r="EC41" s="328">
        <v>354784</v>
      </c>
      <c r="ED41" s="330">
        <v>354784</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404">
        <v>0</v>
      </c>
      <c r="FE41" s="327">
        <v>0</v>
      </c>
      <c r="FF41" s="327">
        <v>0</v>
      </c>
      <c r="FG41" s="327">
        <v>0</v>
      </c>
      <c r="FH41" s="327">
        <v>0</v>
      </c>
      <c r="FI41" s="327">
        <v>0</v>
      </c>
      <c r="FJ41" s="328">
        <v>0</v>
      </c>
      <c r="FK41" s="330">
        <v>0</v>
      </c>
      <c r="FL41" s="326">
        <v>0</v>
      </c>
      <c r="FM41" s="327">
        <v>21350</v>
      </c>
      <c r="FN41" s="328">
        <v>21350</v>
      </c>
      <c r="FO41" s="326">
        <v>0</v>
      </c>
      <c r="FP41" s="327">
        <v>19950</v>
      </c>
      <c r="FQ41" s="327">
        <v>116956</v>
      </c>
      <c r="FR41" s="327">
        <v>10836</v>
      </c>
      <c r="FS41" s="327">
        <v>59770</v>
      </c>
      <c r="FT41" s="327">
        <v>0</v>
      </c>
      <c r="FU41" s="328">
        <v>207512</v>
      </c>
      <c r="FV41" s="330">
        <v>228862</v>
      </c>
      <c r="FW41" s="333">
        <v>0</v>
      </c>
      <c r="FX41" s="327">
        <v>21350</v>
      </c>
      <c r="FY41" s="331">
        <v>21350</v>
      </c>
      <c r="FZ41" s="332">
        <v>0</v>
      </c>
      <c r="GA41" s="327">
        <v>19950</v>
      </c>
      <c r="GB41" s="327">
        <v>116956</v>
      </c>
      <c r="GC41" s="327">
        <v>10836</v>
      </c>
      <c r="GD41" s="327">
        <v>41580</v>
      </c>
      <c r="GE41" s="327">
        <v>0</v>
      </c>
      <c r="GF41" s="328">
        <v>189322</v>
      </c>
      <c r="GG41" s="334">
        <v>210672</v>
      </c>
      <c r="GH41" s="333">
        <v>0</v>
      </c>
      <c r="GI41" s="327">
        <v>0</v>
      </c>
      <c r="GJ41" s="331">
        <v>0</v>
      </c>
      <c r="GK41" s="332">
        <v>0</v>
      </c>
      <c r="GL41" s="327">
        <v>0</v>
      </c>
      <c r="GM41" s="327">
        <v>0</v>
      </c>
      <c r="GN41" s="327">
        <v>0</v>
      </c>
      <c r="GO41" s="327">
        <v>18190</v>
      </c>
      <c r="GP41" s="327">
        <v>0</v>
      </c>
      <c r="GQ41" s="328">
        <v>18190</v>
      </c>
      <c r="GR41" s="330">
        <v>18190</v>
      </c>
      <c r="GS41" s="326">
        <v>0</v>
      </c>
      <c r="GT41" s="327">
        <v>0</v>
      </c>
      <c r="GU41" s="328">
        <v>0</v>
      </c>
      <c r="GV41" s="326">
        <v>0</v>
      </c>
      <c r="GW41" s="327">
        <v>0</v>
      </c>
      <c r="GX41" s="327">
        <v>0</v>
      </c>
      <c r="GY41" s="327">
        <v>0</v>
      </c>
      <c r="GZ41" s="327">
        <v>0</v>
      </c>
      <c r="HA41" s="327">
        <v>0</v>
      </c>
      <c r="HB41" s="331">
        <v>0</v>
      </c>
      <c r="HC41" s="330">
        <v>0</v>
      </c>
      <c r="HD41" s="326">
        <v>0</v>
      </c>
      <c r="HE41" s="327">
        <v>0</v>
      </c>
      <c r="HF41" s="331">
        <v>0</v>
      </c>
      <c r="HG41" s="332">
        <v>0</v>
      </c>
      <c r="HH41" s="327">
        <v>29312</v>
      </c>
      <c r="HI41" s="327">
        <v>195481</v>
      </c>
      <c r="HJ41" s="327">
        <v>340499</v>
      </c>
      <c r="HK41" s="327">
        <v>364020</v>
      </c>
      <c r="HL41" s="327">
        <v>0</v>
      </c>
      <c r="HM41" s="328">
        <v>929312</v>
      </c>
      <c r="HN41" s="329">
        <v>929312</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36720</v>
      </c>
      <c r="IE41" s="339">
        <v>225293</v>
      </c>
      <c r="IF41" s="337">
        <v>415351</v>
      </c>
      <c r="IG41" s="336">
        <v>0</v>
      </c>
      <c r="IH41" s="337">
        <v>223948</v>
      </c>
      <c r="II41" s="340">
        <v>901312</v>
      </c>
      <c r="IJ41" s="341">
        <v>901312</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36720</v>
      </c>
      <c r="JL41" s="345">
        <v>15829</v>
      </c>
      <c r="JM41" s="345">
        <v>0</v>
      </c>
      <c r="JN41" s="345">
        <v>0</v>
      </c>
      <c r="JO41" s="345">
        <v>0</v>
      </c>
      <c r="JP41" s="349">
        <v>52549</v>
      </c>
      <c r="JQ41" s="347">
        <v>52549</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0</v>
      </c>
      <c r="KI41" s="345">
        <v>199786</v>
      </c>
      <c r="KJ41" s="345">
        <v>0</v>
      </c>
      <c r="KK41" s="345">
        <v>0</v>
      </c>
      <c r="KL41" s="349">
        <v>199786</v>
      </c>
      <c r="KM41" s="354">
        <v>199786</v>
      </c>
      <c r="KN41" s="342">
        <v>0</v>
      </c>
      <c r="KO41" s="343">
        <v>0</v>
      </c>
      <c r="KP41" s="344">
        <v>0</v>
      </c>
      <c r="KQ41" s="404">
        <v>0</v>
      </c>
      <c r="KR41" s="345">
        <v>0</v>
      </c>
      <c r="KS41" s="345">
        <v>209464</v>
      </c>
      <c r="KT41" s="345">
        <v>215565</v>
      </c>
      <c r="KU41" s="345">
        <v>0</v>
      </c>
      <c r="KV41" s="345">
        <v>223948</v>
      </c>
      <c r="KW41" s="349">
        <v>648977</v>
      </c>
      <c r="KX41" s="347">
        <v>648977</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201118</v>
      </c>
      <c r="MM41" s="345">
        <v>218842</v>
      </c>
      <c r="MN41" s="345">
        <v>234928</v>
      </c>
      <c r="MO41" s="349">
        <v>654888</v>
      </c>
      <c r="MP41" s="354">
        <v>654888</v>
      </c>
      <c r="MQ41" s="348">
        <v>0</v>
      </c>
      <c r="MR41" s="345">
        <v>0</v>
      </c>
      <c r="MS41" s="349">
        <v>0</v>
      </c>
      <c r="MT41" s="404">
        <v>0</v>
      </c>
      <c r="MU41" s="345">
        <v>0</v>
      </c>
      <c r="MV41" s="345">
        <v>0</v>
      </c>
      <c r="MW41" s="345">
        <v>0</v>
      </c>
      <c r="MX41" s="345">
        <v>218842</v>
      </c>
      <c r="MY41" s="345">
        <v>234928</v>
      </c>
      <c r="MZ41" s="349">
        <v>453770</v>
      </c>
      <c r="NA41" s="354">
        <v>453770</v>
      </c>
      <c r="NB41" s="348">
        <v>0</v>
      </c>
      <c r="NC41" s="345">
        <v>0</v>
      </c>
      <c r="ND41" s="349">
        <v>0</v>
      </c>
      <c r="NE41" s="404">
        <v>0</v>
      </c>
      <c r="NF41" s="345">
        <v>0</v>
      </c>
      <c r="NG41" s="345">
        <v>0</v>
      </c>
      <c r="NH41" s="345">
        <v>201118</v>
      </c>
      <c r="NI41" s="345">
        <v>0</v>
      </c>
      <c r="NJ41" s="345">
        <v>0</v>
      </c>
      <c r="NK41" s="349">
        <v>201118</v>
      </c>
      <c r="NL41" s="347">
        <v>201118</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0</v>
      </c>
      <c r="OF41" s="345">
        <v>0</v>
      </c>
      <c r="OG41" s="349">
        <v>0</v>
      </c>
      <c r="OH41" s="350">
        <v>0</v>
      </c>
      <c r="OI41" s="348">
        <v>24504</v>
      </c>
      <c r="OJ41" s="345">
        <v>50262</v>
      </c>
      <c r="OK41" s="346">
        <v>74766</v>
      </c>
      <c r="OL41" s="351">
        <v>0</v>
      </c>
      <c r="OM41" s="345">
        <v>383432</v>
      </c>
      <c r="ON41" s="345">
        <v>1321753</v>
      </c>
      <c r="OO41" s="345">
        <v>1085815</v>
      </c>
      <c r="OP41" s="345">
        <v>967726</v>
      </c>
      <c r="OQ41" s="345">
        <v>475585</v>
      </c>
      <c r="OR41" s="349">
        <v>4234311</v>
      </c>
      <c r="OS41" s="354">
        <v>4309077</v>
      </c>
    </row>
    <row r="42" spans="2:409" s="70" customFormat="1" ht="21" customHeight="1" thickBot="1" x14ac:dyDescent="0.25">
      <c r="B42" s="108" t="s">
        <v>37</v>
      </c>
      <c r="C42" s="371">
        <v>20874</v>
      </c>
      <c r="D42" s="372">
        <v>0</v>
      </c>
      <c r="E42" s="373">
        <v>20874</v>
      </c>
      <c r="F42" s="374">
        <v>0</v>
      </c>
      <c r="G42" s="372">
        <v>0</v>
      </c>
      <c r="H42" s="372">
        <v>0</v>
      </c>
      <c r="I42" s="372">
        <v>0</v>
      </c>
      <c r="J42" s="372">
        <v>84673</v>
      </c>
      <c r="K42" s="372">
        <v>132440</v>
      </c>
      <c r="L42" s="374">
        <v>217113</v>
      </c>
      <c r="M42" s="375">
        <v>237987</v>
      </c>
      <c r="N42" s="371">
        <v>0</v>
      </c>
      <c r="O42" s="372">
        <v>0</v>
      </c>
      <c r="P42" s="373">
        <v>0</v>
      </c>
      <c r="Q42" s="371">
        <v>0</v>
      </c>
      <c r="R42" s="372">
        <v>0</v>
      </c>
      <c r="S42" s="372">
        <v>0</v>
      </c>
      <c r="T42" s="372">
        <v>0</v>
      </c>
      <c r="U42" s="372">
        <v>49319</v>
      </c>
      <c r="V42" s="372">
        <v>49650</v>
      </c>
      <c r="W42" s="373">
        <v>98969</v>
      </c>
      <c r="X42" s="375">
        <v>98969</v>
      </c>
      <c r="Y42" s="371">
        <v>0</v>
      </c>
      <c r="Z42" s="372">
        <v>0</v>
      </c>
      <c r="AA42" s="373">
        <v>0</v>
      </c>
      <c r="AB42" s="371">
        <v>0</v>
      </c>
      <c r="AC42" s="372">
        <v>0</v>
      </c>
      <c r="AD42" s="372">
        <v>0</v>
      </c>
      <c r="AE42" s="372">
        <v>0</v>
      </c>
      <c r="AF42" s="372">
        <v>0</v>
      </c>
      <c r="AG42" s="372">
        <v>8306</v>
      </c>
      <c r="AH42" s="373">
        <v>8306</v>
      </c>
      <c r="AI42" s="375">
        <v>8306</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0</v>
      </c>
      <c r="BA42" s="372">
        <v>0</v>
      </c>
      <c r="BB42" s="372">
        <v>49319</v>
      </c>
      <c r="BC42" s="372">
        <v>29934</v>
      </c>
      <c r="BD42" s="373">
        <v>79253</v>
      </c>
      <c r="BE42" s="375">
        <v>79253</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11410</v>
      </c>
      <c r="BZ42" s="373">
        <v>11410</v>
      </c>
      <c r="CA42" s="375">
        <v>11410</v>
      </c>
      <c r="CB42" s="371">
        <v>0</v>
      </c>
      <c r="CC42" s="372">
        <v>0</v>
      </c>
      <c r="CD42" s="373">
        <v>0</v>
      </c>
      <c r="CE42" s="371">
        <v>0</v>
      </c>
      <c r="CF42" s="372">
        <v>0</v>
      </c>
      <c r="CG42" s="372">
        <v>0</v>
      </c>
      <c r="CH42" s="372">
        <v>0</v>
      </c>
      <c r="CI42" s="372">
        <v>21228</v>
      </c>
      <c r="CJ42" s="372">
        <v>0</v>
      </c>
      <c r="CK42" s="373">
        <v>21228</v>
      </c>
      <c r="CL42" s="375">
        <v>21228</v>
      </c>
      <c r="CM42" s="371">
        <v>0</v>
      </c>
      <c r="CN42" s="372">
        <v>0</v>
      </c>
      <c r="CO42" s="373">
        <v>0</v>
      </c>
      <c r="CP42" s="377">
        <v>0</v>
      </c>
      <c r="CQ42" s="372">
        <v>0</v>
      </c>
      <c r="CR42" s="372">
        <v>0</v>
      </c>
      <c r="CS42" s="372">
        <v>0</v>
      </c>
      <c r="CT42" s="372">
        <v>21228</v>
      </c>
      <c r="CU42" s="372">
        <v>0</v>
      </c>
      <c r="CV42" s="373">
        <v>21228</v>
      </c>
      <c r="CW42" s="375">
        <v>21228</v>
      </c>
      <c r="CX42" s="371">
        <v>0</v>
      </c>
      <c r="CY42" s="372">
        <v>0</v>
      </c>
      <c r="CZ42" s="373">
        <v>0</v>
      </c>
      <c r="DA42" s="371">
        <v>0</v>
      </c>
      <c r="DB42" s="372">
        <v>0</v>
      </c>
      <c r="DC42" s="372">
        <v>0</v>
      </c>
      <c r="DD42" s="372">
        <v>0</v>
      </c>
      <c r="DE42" s="372">
        <v>0</v>
      </c>
      <c r="DF42" s="372">
        <v>0</v>
      </c>
      <c r="DG42" s="373">
        <v>0</v>
      </c>
      <c r="DH42" s="375">
        <v>0</v>
      </c>
      <c r="DI42" s="371">
        <v>0</v>
      </c>
      <c r="DJ42" s="372">
        <v>0</v>
      </c>
      <c r="DK42" s="376">
        <v>0</v>
      </c>
      <c r="DL42" s="377">
        <v>0</v>
      </c>
      <c r="DM42" s="372">
        <v>0</v>
      </c>
      <c r="DN42" s="372">
        <v>0</v>
      </c>
      <c r="DO42" s="372">
        <v>0</v>
      </c>
      <c r="DP42" s="372">
        <v>0</v>
      </c>
      <c r="DQ42" s="372">
        <v>46530</v>
      </c>
      <c r="DR42" s="373">
        <v>46530</v>
      </c>
      <c r="DS42" s="375">
        <v>46530</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46530</v>
      </c>
      <c r="EN42" s="376">
        <v>46530</v>
      </c>
      <c r="EO42" s="375">
        <v>46530</v>
      </c>
      <c r="EP42" s="371">
        <v>0</v>
      </c>
      <c r="EQ42" s="372">
        <v>0</v>
      </c>
      <c r="ER42" s="376">
        <v>0</v>
      </c>
      <c r="ES42" s="377">
        <v>0</v>
      </c>
      <c r="ET42" s="372">
        <v>0</v>
      </c>
      <c r="EU42" s="372">
        <v>0</v>
      </c>
      <c r="EV42" s="372">
        <v>0</v>
      </c>
      <c r="EW42" s="372">
        <v>0</v>
      </c>
      <c r="EX42" s="372">
        <v>0</v>
      </c>
      <c r="EY42" s="373">
        <v>0</v>
      </c>
      <c r="EZ42" s="375">
        <v>0</v>
      </c>
      <c r="FA42" s="371">
        <v>0</v>
      </c>
      <c r="FB42" s="372">
        <v>0</v>
      </c>
      <c r="FC42" s="376">
        <v>0</v>
      </c>
      <c r="FD42" s="405">
        <v>0</v>
      </c>
      <c r="FE42" s="372">
        <v>0</v>
      </c>
      <c r="FF42" s="372">
        <v>0</v>
      </c>
      <c r="FG42" s="372">
        <v>0</v>
      </c>
      <c r="FH42" s="372">
        <v>0</v>
      </c>
      <c r="FI42" s="372">
        <v>0</v>
      </c>
      <c r="FJ42" s="373">
        <v>0</v>
      </c>
      <c r="FK42" s="375">
        <v>0</v>
      </c>
      <c r="FL42" s="371">
        <v>20874</v>
      </c>
      <c r="FM42" s="372">
        <v>0</v>
      </c>
      <c r="FN42" s="373">
        <v>20874</v>
      </c>
      <c r="FO42" s="371">
        <v>0</v>
      </c>
      <c r="FP42" s="372">
        <v>0</v>
      </c>
      <c r="FQ42" s="372">
        <v>0</v>
      </c>
      <c r="FR42" s="372">
        <v>0</v>
      </c>
      <c r="FS42" s="372">
        <v>14126</v>
      </c>
      <c r="FT42" s="372">
        <v>36260</v>
      </c>
      <c r="FU42" s="373">
        <v>50386</v>
      </c>
      <c r="FV42" s="375">
        <v>71260</v>
      </c>
      <c r="FW42" s="378">
        <v>1470</v>
      </c>
      <c r="FX42" s="372">
        <v>0</v>
      </c>
      <c r="FY42" s="376">
        <v>1470</v>
      </c>
      <c r="FZ42" s="377">
        <v>0</v>
      </c>
      <c r="GA42" s="372">
        <v>0</v>
      </c>
      <c r="GB42" s="372">
        <v>0</v>
      </c>
      <c r="GC42" s="372">
        <v>0</v>
      </c>
      <c r="GD42" s="372">
        <v>14126</v>
      </c>
      <c r="GE42" s="372">
        <v>36260</v>
      </c>
      <c r="GF42" s="373">
        <v>50386</v>
      </c>
      <c r="GG42" s="379">
        <v>51856</v>
      </c>
      <c r="GH42" s="378">
        <v>19404</v>
      </c>
      <c r="GI42" s="372">
        <v>0</v>
      </c>
      <c r="GJ42" s="376">
        <v>19404</v>
      </c>
      <c r="GK42" s="377">
        <v>0</v>
      </c>
      <c r="GL42" s="372">
        <v>0</v>
      </c>
      <c r="GM42" s="372">
        <v>0</v>
      </c>
      <c r="GN42" s="372">
        <v>0</v>
      </c>
      <c r="GO42" s="372">
        <v>0</v>
      </c>
      <c r="GP42" s="372">
        <v>0</v>
      </c>
      <c r="GQ42" s="373">
        <v>0</v>
      </c>
      <c r="GR42" s="375">
        <v>19404</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156993</v>
      </c>
      <c r="II42" s="387">
        <v>156993</v>
      </c>
      <c r="IJ42" s="388">
        <v>156993</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156993</v>
      </c>
      <c r="JP42" s="396">
        <v>156993</v>
      </c>
      <c r="JQ42" s="394">
        <v>156993</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0</v>
      </c>
      <c r="MM42" s="392">
        <v>0</v>
      </c>
      <c r="MN42" s="392">
        <v>0</v>
      </c>
      <c r="MO42" s="396">
        <v>0</v>
      </c>
      <c r="MP42" s="401">
        <v>0</v>
      </c>
      <c r="MQ42" s="395">
        <v>0</v>
      </c>
      <c r="MR42" s="392">
        <v>0</v>
      </c>
      <c r="MS42" s="396">
        <v>0</v>
      </c>
      <c r="MT42" s="405">
        <v>0</v>
      </c>
      <c r="MU42" s="392">
        <v>0</v>
      </c>
      <c r="MV42" s="392">
        <v>0</v>
      </c>
      <c r="MW42" s="392">
        <v>0</v>
      </c>
      <c r="MX42" s="392">
        <v>0</v>
      </c>
      <c r="MY42" s="392">
        <v>0</v>
      </c>
      <c r="MZ42" s="396">
        <v>0</v>
      </c>
      <c r="NA42" s="401">
        <v>0</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20874</v>
      </c>
      <c r="OJ42" s="392">
        <v>0</v>
      </c>
      <c r="OK42" s="393">
        <v>20874</v>
      </c>
      <c r="OL42" s="398">
        <v>0</v>
      </c>
      <c r="OM42" s="392">
        <v>0</v>
      </c>
      <c r="ON42" s="392">
        <v>0</v>
      </c>
      <c r="OO42" s="392">
        <v>0</v>
      </c>
      <c r="OP42" s="392">
        <v>84673</v>
      </c>
      <c r="OQ42" s="392">
        <v>289433</v>
      </c>
      <c r="OR42" s="396">
        <v>374106</v>
      </c>
      <c r="OS42" s="401">
        <v>394980</v>
      </c>
    </row>
    <row r="43" spans="2:409" x14ac:dyDescent="0.2">
      <c r="B43" s="71"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71" customWidth="1"/>
    <col min="2" max="2" width="9.77734375" style="71" customWidth="1"/>
    <col min="3" max="4" width="9.21875" style="71" bestFit="1" customWidth="1"/>
    <col min="5" max="5" width="10.77734375" style="71" bestFit="1" customWidth="1"/>
    <col min="6" max="6" width="7.88671875" style="71" customWidth="1"/>
    <col min="7" max="11" width="10.44140625" style="71" bestFit="1" customWidth="1"/>
    <col min="12" max="13" width="11.6640625" style="71" bestFit="1" customWidth="1"/>
    <col min="14" max="16" width="9.21875" style="71" bestFit="1" customWidth="1"/>
    <col min="17" max="17" width="7.44140625" style="71" customWidth="1"/>
    <col min="18" max="18" width="9.21875" style="71" bestFit="1" customWidth="1"/>
    <col min="19" max="22" width="10.44140625" style="71" bestFit="1" customWidth="1"/>
    <col min="23" max="24" width="11.6640625" style="71" bestFit="1" customWidth="1"/>
    <col min="25" max="27" width="9.109375" style="71" bestFit="1" customWidth="1"/>
    <col min="28" max="28" width="7" style="71" customWidth="1"/>
    <col min="29" max="30" width="9.109375" style="71" bestFit="1" customWidth="1"/>
    <col min="31" max="32" width="9.6640625" style="71" bestFit="1" customWidth="1"/>
    <col min="33" max="33" width="9.109375" style="71" bestFit="1" customWidth="1"/>
    <col min="34" max="35" width="9.6640625" style="71" bestFit="1" customWidth="1"/>
    <col min="36" max="38" width="9.109375" style="71" bestFit="1" customWidth="1"/>
    <col min="39" max="39" width="7.33203125" style="71" customWidth="1"/>
    <col min="40" max="49" width="9.109375" style="71" bestFit="1" customWidth="1"/>
    <col min="50" max="50" width="7.33203125" style="71" customWidth="1"/>
    <col min="51" max="60" width="9.109375" style="71" bestFit="1" customWidth="1"/>
    <col min="61" max="61" width="7.77734375" style="71" customWidth="1"/>
    <col min="62" max="71" width="9.109375" style="71" bestFit="1" customWidth="1"/>
    <col min="72" max="72" width="7.77734375" style="71" customWidth="1"/>
    <col min="73" max="77" width="9.109375" style="71" bestFit="1" customWidth="1"/>
    <col min="78" max="79" width="9.6640625" style="71" bestFit="1" customWidth="1"/>
    <col min="80" max="82" width="9.109375" style="71" bestFit="1" customWidth="1"/>
    <col min="83" max="83" width="7.88671875" style="71" customWidth="1"/>
    <col min="84" max="93" width="9.109375" style="71" bestFit="1" customWidth="1"/>
    <col min="94" max="94" width="8" style="71" customWidth="1"/>
    <col min="95" max="104" width="9.109375" style="71" bestFit="1" customWidth="1"/>
    <col min="105" max="105" width="8" style="71" customWidth="1"/>
    <col min="106" max="115" width="9.109375" style="71" bestFit="1" customWidth="1"/>
    <col min="116" max="116" width="7.6640625" style="71" customWidth="1"/>
    <col min="117" max="117" width="9.109375" style="71" bestFit="1" customWidth="1"/>
    <col min="118" max="121" width="9.6640625" style="71" bestFit="1" customWidth="1"/>
    <col min="122" max="123" width="10.6640625" style="71" bestFit="1" customWidth="1"/>
    <col min="124" max="126" width="9.109375" style="71" bestFit="1" customWidth="1"/>
    <col min="127" max="127" width="7.44140625" style="71" customWidth="1"/>
    <col min="128" max="129" width="9.109375" style="71" bestFit="1" customWidth="1"/>
    <col min="130" max="134" width="9.6640625" style="71" bestFit="1" customWidth="1"/>
    <col min="135" max="137" width="9.109375" style="71" bestFit="1" customWidth="1"/>
    <col min="138" max="138" width="7.6640625" style="71" customWidth="1"/>
    <col min="139" max="148" width="9.109375" style="71" bestFit="1" customWidth="1"/>
    <col min="149" max="149" width="7.77734375" style="71" customWidth="1"/>
    <col min="150" max="159" width="9.109375" style="71" bestFit="1" customWidth="1"/>
    <col min="160" max="160" width="7.77734375" style="71" customWidth="1"/>
    <col min="161" max="170" width="9.109375" style="71" bestFit="1" customWidth="1"/>
    <col min="171" max="171" width="7.33203125" style="71" customWidth="1"/>
    <col min="172" max="181" width="9.109375" style="71" bestFit="1" customWidth="1"/>
    <col min="182" max="182" width="8" style="71" customWidth="1"/>
    <col min="183" max="188" width="9.109375" style="71" bestFit="1" customWidth="1"/>
    <col min="189" max="189" width="9.6640625" style="71" bestFit="1" customWidth="1"/>
    <col min="190" max="192" width="9.109375" style="71" bestFit="1" customWidth="1"/>
    <col min="193" max="193" width="7.44140625" style="71" customWidth="1"/>
    <col min="194" max="203" width="9.109375" style="71" bestFit="1" customWidth="1"/>
    <col min="204" max="204" width="7.88671875" style="71" customWidth="1"/>
    <col min="205" max="214" width="9.109375" style="71" bestFit="1" customWidth="1"/>
    <col min="215" max="215" width="7.88671875" style="71" customWidth="1"/>
    <col min="216" max="225" width="9.109375" style="71" bestFit="1" customWidth="1"/>
    <col min="226" max="226" width="7.6640625" style="71" customWidth="1"/>
    <col min="227" max="229" width="9.6640625" style="71" bestFit="1" customWidth="1"/>
    <col min="230" max="230" width="10.6640625" style="71" bestFit="1" customWidth="1"/>
    <col min="231" max="231" width="9.6640625" style="71" bestFit="1" customWidth="1"/>
    <col min="232" max="233" width="10.6640625" style="71" bestFit="1" customWidth="1"/>
    <col min="234" max="16384" width="9" style="71"/>
  </cols>
  <sheetData>
    <row r="1" spans="2:233" ht="24" customHeight="1" x14ac:dyDescent="0.2">
      <c r="B1" s="10" t="s">
        <v>160</v>
      </c>
      <c r="C1" s="247"/>
      <c r="D1" s="247"/>
      <c r="E1" s="63">
        <f>第１表!F2</f>
        <v>6</v>
      </c>
      <c r="F1" s="64">
        <f>第１表!G2</f>
        <v>6</v>
      </c>
      <c r="G1" s="572">
        <f>IF(F1&lt;3,F1-2+12,F1-2)</f>
        <v>4</v>
      </c>
      <c r="H1" s="572"/>
      <c r="L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c r="DV1" s="247"/>
      <c r="DW1" s="247"/>
      <c r="DX1" s="247"/>
      <c r="DY1" s="247"/>
      <c r="DZ1" s="247"/>
      <c r="EA1" s="247"/>
      <c r="EB1" s="247"/>
      <c r="EC1" s="247"/>
    </row>
    <row r="2" spans="2:233" ht="24" customHeight="1" thickBot="1" x14ac:dyDescent="0.25">
      <c r="B2" s="10" t="s">
        <v>161</v>
      </c>
    </row>
    <row r="3" spans="2:233" ht="21" customHeight="1" thickBot="1" x14ac:dyDescent="0.25">
      <c r="B3" s="576"/>
      <c r="C3" s="424" t="s">
        <v>115</v>
      </c>
      <c r="D3" s="425"/>
      <c r="E3" s="425"/>
      <c r="F3" s="425"/>
      <c r="G3" s="425"/>
      <c r="H3" s="425"/>
      <c r="I3" s="425"/>
      <c r="J3" s="425"/>
      <c r="K3" s="425"/>
      <c r="L3" s="425"/>
      <c r="M3" s="425"/>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2"/>
      <c r="CX3" s="422"/>
      <c r="CY3" s="422"/>
      <c r="CZ3" s="422"/>
      <c r="DA3" s="422"/>
      <c r="DB3" s="422"/>
      <c r="DC3" s="422"/>
      <c r="DD3" s="422"/>
      <c r="DE3" s="422"/>
      <c r="DF3" s="422"/>
      <c r="DG3" s="422"/>
      <c r="DH3" s="423"/>
      <c r="DI3" s="424" t="s">
        <v>117</v>
      </c>
      <c r="DJ3" s="425"/>
      <c r="DK3" s="425"/>
      <c r="DL3" s="425"/>
      <c r="DM3" s="425"/>
      <c r="DN3" s="425"/>
      <c r="DO3" s="425"/>
      <c r="DP3" s="425"/>
      <c r="DQ3" s="425"/>
      <c r="DR3" s="425"/>
      <c r="DS3" s="425"/>
      <c r="DT3" s="425"/>
      <c r="DU3" s="425"/>
      <c r="DV3" s="425"/>
      <c r="DW3" s="425"/>
      <c r="DX3" s="425"/>
      <c r="DY3" s="425"/>
      <c r="DZ3" s="425"/>
      <c r="EA3" s="425"/>
      <c r="EB3" s="425"/>
      <c r="EC3" s="425"/>
      <c r="ED3" s="425"/>
      <c r="EE3" s="425"/>
      <c r="EF3" s="425"/>
      <c r="EG3" s="425"/>
      <c r="EH3" s="425"/>
      <c r="EI3" s="425"/>
      <c r="EJ3" s="425"/>
      <c r="EK3" s="425"/>
      <c r="EL3" s="425"/>
      <c r="EM3" s="425"/>
      <c r="EN3" s="425"/>
      <c r="EO3" s="425"/>
      <c r="EP3" s="425"/>
      <c r="EQ3" s="425"/>
      <c r="ER3" s="425"/>
      <c r="ES3" s="425"/>
      <c r="ET3" s="425"/>
      <c r="EU3" s="425"/>
      <c r="EV3" s="425"/>
      <c r="EW3" s="425"/>
      <c r="EX3" s="425"/>
      <c r="EY3" s="425"/>
      <c r="EZ3" s="425"/>
      <c r="FA3" s="425"/>
      <c r="FB3" s="425"/>
      <c r="FC3" s="425"/>
      <c r="FD3" s="425"/>
      <c r="FE3" s="425"/>
      <c r="FF3" s="425"/>
      <c r="FG3" s="425"/>
      <c r="FH3" s="425"/>
      <c r="FI3" s="425"/>
      <c r="FJ3" s="425"/>
      <c r="FK3" s="425"/>
      <c r="FL3" s="425"/>
      <c r="FM3" s="425"/>
      <c r="FN3" s="425"/>
      <c r="FO3" s="425"/>
      <c r="FP3" s="425"/>
      <c r="FQ3" s="425"/>
      <c r="FR3" s="425"/>
      <c r="FS3" s="425"/>
      <c r="FT3" s="425"/>
      <c r="FU3" s="425"/>
      <c r="FV3" s="425"/>
      <c r="FW3" s="425"/>
      <c r="FX3" s="425"/>
      <c r="FY3" s="425"/>
      <c r="FZ3" s="425"/>
      <c r="GA3" s="425"/>
      <c r="GB3" s="425"/>
      <c r="GC3" s="425"/>
      <c r="GD3" s="425"/>
      <c r="GE3" s="425"/>
      <c r="GF3" s="425"/>
      <c r="GG3" s="425"/>
      <c r="GH3" s="425"/>
      <c r="GI3" s="425"/>
      <c r="GJ3" s="425"/>
      <c r="GK3" s="425"/>
      <c r="GL3" s="425"/>
      <c r="GM3" s="425"/>
      <c r="GN3" s="425"/>
      <c r="GO3" s="425"/>
      <c r="GP3" s="425"/>
      <c r="GQ3" s="425"/>
      <c r="GR3" s="425"/>
      <c r="GS3" s="425"/>
      <c r="GT3" s="425"/>
      <c r="GU3" s="425"/>
      <c r="GV3" s="425"/>
      <c r="GW3" s="425"/>
      <c r="GX3" s="425"/>
      <c r="GY3" s="425"/>
      <c r="GZ3" s="425"/>
      <c r="HA3" s="425"/>
      <c r="HB3" s="425"/>
      <c r="HC3" s="425"/>
      <c r="HD3" s="425"/>
      <c r="HE3" s="425"/>
      <c r="HF3" s="425"/>
      <c r="HG3" s="425"/>
      <c r="HH3" s="425"/>
      <c r="HI3" s="425"/>
      <c r="HJ3" s="425"/>
      <c r="HK3" s="425"/>
      <c r="HL3" s="425"/>
      <c r="HM3" s="425"/>
      <c r="HN3" s="426"/>
      <c r="HO3" s="563" t="s">
        <v>60</v>
      </c>
      <c r="HP3" s="564"/>
      <c r="HQ3" s="564"/>
      <c r="HR3" s="564"/>
      <c r="HS3" s="564"/>
      <c r="HT3" s="564"/>
      <c r="HU3" s="564"/>
      <c r="HV3" s="564"/>
      <c r="HW3" s="564"/>
      <c r="HX3" s="564"/>
      <c r="HY3" s="565"/>
    </row>
    <row r="4" spans="2:233" ht="21" customHeight="1" thickBot="1" x14ac:dyDescent="0.25">
      <c r="B4" s="570"/>
      <c r="C4" s="518"/>
      <c r="D4" s="512"/>
      <c r="E4" s="512"/>
      <c r="F4" s="512"/>
      <c r="G4" s="512"/>
      <c r="H4" s="512"/>
      <c r="I4" s="512"/>
      <c r="J4" s="512"/>
      <c r="K4" s="512"/>
      <c r="L4" s="512"/>
      <c r="M4" s="578"/>
      <c r="N4" s="573" t="s">
        <v>57</v>
      </c>
      <c r="O4" s="574"/>
      <c r="P4" s="574"/>
      <c r="Q4" s="574"/>
      <c r="R4" s="574"/>
      <c r="S4" s="574"/>
      <c r="T4" s="574"/>
      <c r="U4" s="574"/>
      <c r="V4" s="574"/>
      <c r="W4" s="574"/>
      <c r="X4" s="575"/>
      <c r="Y4" s="573" t="s">
        <v>58</v>
      </c>
      <c r="Z4" s="574"/>
      <c r="AA4" s="574"/>
      <c r="AB4" s="574"/>
      <c r="AC4" s="574"/>
      <c r="AD4" s="574"/>
      <c r="AE4" s="574"/>
      <c r="AF4" s="574"/>
      <c r="AG4" s="574"/>
      <c r="AH4" s="574"/>
      <c r="AI4" s="575"/>
      <c r="AJ4" s="573" t="s">
        <v>59</v>
      </c>
      <c r="AK4" s="574"/>
      <c r="AL4" s="574"/>
      <c r="AM4" s="574"/>
      <c r="AN4" s="574"/>
      <c r="AO4" s="574"/>
      <c r="AP4" s="574"/>
      <c r="AQ4" s="574"/>
      <c r="AR4" s="574"/>
      <c r="AS4" s="574"/>
      <c r="AT4" s="575"/>
      <c r="AU4" s="573" t="s">
        <v>148</v>
      </c>
      <c r="AV4" s="574"/>
      <c r="AW4" s="574"/>
      <c r="AX4" s="574"/>
      <c r="AY4" s="574"/>
      <c r="AZ4" s="574"/>
      <c r="BA4" s="574"/>
      <c r="BB4" s="574"/>
      <c r="BC4" s="574"/>
      <c r="BD4" s="574"/>
      <c r="BE4" s="575"/>
      <c r="BF4" s="573" t="s">
        <v>116</v>
      </c>
      <c r="BG4" s="574"/>
      <c r="BH4" s="574"/>
      <c r="BI4" s="574"/>
      <c r="BJ4" s="574"/>
      <c r="BK4" s="574"/>
      <c r="BL4" s="574"/>
      <c r="BM4" s="574"/>
      <c r="BN4" s="574"/>
      <c r="BO4" s="574"/>
      <c r="BP4" s="575"/>
      <c r="BQ4" s="573" t="s">
        <v>77</v>
      </c>
      <c r="BR4" s="574"/>
      <c r="BS4" s="574"/>
      <c r="BT4" s="574"/>
      <c r="BU4" s="574"/>
      <c r="BV4" s="574"/>
      <c r="BW4" s="574"/>
      <c r="BX4" s="574"/>
      <c r="BY4" s="574"/>
      <c r="BZ4" s="574"/>
      <c r="CA4" s="575"/>
      <c r="CB4" s="573" t="s">
        <v>78</v>
      </c>
      <c r="CC4" s="574"/>
      <c r="CD4" s="574"/>
      <c r="CE4" s="574"/>
      <c r="CF4" s="574"/>
      <c r="CG4" s="574"/>
      <c r="CH4" s="574"/>
      <c r="CI4" s="574"/>
      <c r="CJ4" s="574"/>
      <c r="CK4" s="574"/>
      <c r="CL4" s="575"/>
      <c r="CM4" s="573" t="s">
        <v>79</v>
      </c>
      <c r="CN4" s="574"/>
      <c r="CO4" s="574"/>
      <c r="CP4" s="574"/>
      <c r="CQ4" s="574"/>
      <c r="CR4" s="574"/>
      <c r="CS4" s="574"/>
      <c r="CT4" s="574"/>
      <c r="CU4" s="574"/>
      <c r="CV4" s="574"/>
      <c r="CW4" s="575"/>
      <c r="CX4" s="573" t="s">
        <v>149</v>
      </c>
      <c r="CY4" s="574"/>
      <c r="CZ4" s="574"/>
      <c r="DA4" s="574"/>
      <c r="DB4" s="574"/>
      <c r="DC4" s="574"/>
      <c r="DD4" s="574"/>
      <c r="DE4" s="574"/>
      <c r="DF4" s="574"/>
      <c r="DG4" s="574"/>
      <c r="DH4" s="575"/>
      <c r="DI4" s="518"/>
      <c r="DJ4" s="512"/>
      <c r="DK4" s="512"/>
      <c r="DL4" s="512"/>
      <c r="DM4" s="512"/>
      <c r="DN4" s="512"/>
      <c r="DO4" s="512"/>
      <c r="DP4" s="512"/>
      <c r="DQ4" s="512"/>
      <c r="DR4" s="512"/>
      <c r="DS4" s="513"/>
      <c r="DT4" s="573" t="s">
        <v>57</v>
      </c>
      <c r="DU4" s="574"/>
      <c r="DV4" s="574"/>
      <c r="DW4" s="574"/>
      <c r="DX4" s="574"/>
      <c r="DY4" s="574"/>
      <c r="DZ4" s="574"/>
      <c r="EA4" s="574"/>
      <c r="EB4" s="574"/>
      <c r="EC4" s="574"/>
      <c r="ED4" s="575"/>
      <c r="EE4" s="573" t="s">
        <v>58</v>
      </c>
      <c r="EF4" s="574"/>
      <c r="EG4" s="574"/>
      <c r="EH4" s="574"/>
      <c r="EI4" s="574"/>
      <c r="EJ4" s="574"/>
      <c r="EK4" s="574"/>
      <c r="EL4" s="574"/>
      <c r="EM4" s="574"/>
      <c r="EN4" s="574"/>
      <c r="EO4" s="575"/>
      <c r="EP4" s="573" t="s">
        <v>59</v>
      </c>
      <c r="EQ4" s="574"/>
      <c r="ER4" s="574"/>
      <c r="ES4" s="574"/>
      <c r="ET4" s="574"/>
      <c r="EU4" s="574"/>
      <c r="EV4" s="574"/>
      <c r="EW4" s="574"/>
      <c r="EX4" s="574"/>
      <c r="EY4" s="574"/>
      <c r="EZ4" s="575"/>
      <c r="FA4" s="573" t="s">
        <v>148</v>
      </c>
      <c r="FB4" s="574"/>
      <c r="FC4" s="574"/>
      <c r="FD4" s="574"/>
      <c r="FE4" s="574"/>
      <c r="FF4" s="574"/>
      <c r="FG4" s="574"/>
      <c r="FH4" s="574"/>
      <c r="FI4" s="574"/>
      <c r="FJ4" s="574"/>
      <c r="FK4" s="575"/>
      <c r="FL4" s="573" t="s">
        <v>116</v>
      </c>
      <c r="FM4" s="574"/>
      <c r="FN4" s="574"/>
      <c r="FO4" s="574"/>
      <c r="FP4" s="574"/>
      <c r="FQ4" s="574"/>
      <c r="FR4" s="574"/>
      <c r="FS4" s="574"/>
      <c r="FT4" s="574"/>
      <c r="FU4" s="574"/>
      <c r="FV4" s="575"/>
      <c r="FW4" s="573" t="s">
        <v>77</v>
      </c>
      <c r="FX4" s="574"/>
      <c r="FY4" s="574"/>
      <c r="FZ4" s="574"/>
      <c r="GA4" s="574"/>
      <c r="GB4" s="574"/>
      <c r="GC4" s="574"/>
      <c r="GD4" s="574"/>
      <c r="GE4" s="574"/>
      <c r="GF4" s="574"/>
      <c r="GG4" s="575"/>
      <c r="GH4" s="573" t="s">
        <v>78</v>
      </c>
      <c r="GI4" s="574"/>
      <c r="GJ4" s="574"/>
      <c r="GK4" s="574"/>
      <c r="GL4" s="574"/>
      <c r="GM4" s="574"/>
      <c r="GN4" s="574"/>
      <c r="GO4" s="574"/>
      <c r="GP4" s="574"/>
      <c r="GQ4" s="574"/>
      <c r="GR4" s="575"/>
      <c r="GS4" s="573" t="s">
        <v>79</v>
      </c>
      <c r="GT4" s="574"/>
      <c r="GU4" s="574"/>
      <c r="GV4" s="574"/>
      <c r="GW4" s="574"/>
      <c r="GX4" s="574"/>
      <c r="GY4" s="574"/>
      <c r="GZ4" s="574"/>
      <c r="HA4" s="574"/>
      <c r="HB4" s="574"/>
      <c r="HC4" s="575"/>
      <c r="HD4" s="573" t="s">
        <v>149</v>
      </c>
      <c r="HE4" s="574"/>
      <c r="HF4" s="574"/>
      <c r="HG4" s="574"/>
      <c r="HH4" s="574"/>
      <c r="HI4" s="574"/>
      <c r="HJ4" s="574"/>
      <c r="HK4" s="574"/>
      <c r="HL4" s="574"/>
      <c r="HM4" s="574"/>
      <c r="HN4" s="575"/>
      <c r="HO4" s="566"/>
      <c r="HP4" s="567"/>
      <c r="HQ4" s="567"/>
      <c r="HR4" s="567"/>
      <c r="HS4" s="567"/>
      <c r="HT4" s="567"/>
      <c r="HU4" s="567"/>
      <c r="HV4" s="567"/>
      <c r="HW4" s="567"/>
      <c r="HX4" s="567"/>
      <c r="HY4" s="568"/>
    </row>
    <row r="5" spans="2:233" ht="21" customHeight="1" x14ac:dyDescent="0.2">
      <c r="B5" s="570"/>
      <c r="C5" s="502" t="s">
        <v>61</v>
      </c>
      <c r="D5" s="503"/>
      <c r="E5" s="504"/>
      <c r="F5" s="531" t="s">
        <v>62</v>
      </c>
      <c r="G5" s="503"/>
      <c r="H5" s="503"/>
      <c r="I5" s="503"/>
      <c r="J5" s="503"/>
      <c r="K5" s="503"/>
      <c r="L5" s="532"/>
      <c r="M5" s="571" t="s">
        <v>52</v>
      </c>
      <c r="N5" s="518" t="s">
        <v>61</v>
      </c>
      <c r="O5" s="512"/>
      <c r="P5" s="513"/>
      <c r="Q5" s="534" t="s">
        <v>62</v>
      </c>
      <c r="R5" s="512"/>
      <c r="S5" s="512"/>
      <c r="T5" s="512"/>
      <c r="U5" s="512"/>
      <c r="V5" s="512"/>
      <c r="W5" s="535"/>
      <c r="X5" s="435" t="s">
        <v>52</v>
      </c>
      <c r="Y5" s="518" t="s">
        <v>61</v>
      </c>
      <c r="Z5" s="512"/>
      <c r="AA5" s="513"/>
      <c r="AB5" s="534" t="s">
        <v>62</v>
      </c>
      <c r="AC5" s="512"/>
      <c r="AD5" s="512"/>
      <c r="AE5" s="512"/>
      <c r="AF5" s="512"/>
      <c r="AG5" s="512"/>
      <c r="AH5" s="535"/>
      <c r="AI5" s="435" t="s">
        <v>52</v>
      </c>
      <c r="AJ5" s="518" t="s">
        <v>61</v>
      </c>
      <c r="AK5" s="512"/>
      <c r="AL5" s="513"/>
      <c r="AM5" s="534" t="s">
        <v>62</v>
      </c>
      <c r="AN5" s="512"/>
      <c r="AO5" s="512"/>
      <c r="AP5" s="512"/>
      <c r="AQ5" s="512"/>
      <c r="AR5" s="512"/>
      <c r="AS5" s="535"/>
      <c r="AT5" s="435" t="s">
        <v>52</v>
      </c>
      <c r="AU5" s="518" t="s">
        <v>61</v>
      </c>
      <c r="AV5" s="512"/>
      <c r="AW5" s="513"/>
      <c r="AX5" s="534" t="s">
        <v>62</v>
      </c>
      <c r="AY5" s="512"/>
      <c r="AZ5" s="512"/>
      <c r="BA5" s="512"/>
      <c r="BB5" s="512"/>
      <c r="BC5" s="512"/>
      <c r="BD5" s="535"/>
      <c r="BE5" s="435" t="s">
        <v>52</v>
      </c>
      <c r="BF5" s="518" t="s">
        <v>61</v>
      </c>
      <c r="BG5" s="512"/>
      <c r="BH5" s="513"/>
      <c r="BI5" s="534" t="s">
        <v>62</v>
      </c>
      <c r="BJ5" s="512"/>
      <c r="BK5" s="512"/>
      <c r="BL5" s="512"/>
      <c r="BM5" s="512"/>
      <c r="BN5" s="512"/>
      <c r="BO5" s="535"/>
      <c r="BP5" s="435" t="s">
        <v>52</v>
      </c>
      <c r="BQ5" s="518" t="s">
        <v>61</v>
      </c>
      <c r="BR5" s="512"/>
      <c r="BS5" s="513"/>
      <c r="BT5" s="534" t="s">
        <v>62</v>
      </c>
      <c r="BU5" s="512"/>
      <c r="BV5" s="512"/>
      <c r="BW5" s="512"/>
      <c r="BX5" s="512"/>
      <c r="BY5" s="512"/>
      <c r="BZ5" s="535"/>
      <c r="CA5" s="435" t="s">
        <v>52</v>
      </c>
      <c r="CB5" s="518" t="s">
        <v>61</v>
      </c>
      <c r="CC5" s="512"/>
      <c r="CD5" s="513"/>
      <c r="CE5" s="534" t="s">
        <v>62</v>
      </c>
      <c r="CF5" s="512"/>
      <c r="CG5" s="512"/>
      <c r="CH5" s="512"/>
      <c r="CI5" s="512"/>
      <c r="CJ5" s="512"/>
      <c r="CK5" s="535"/>
      <c r="CL5" s="435" t="s">
        <v>52</v>
      </c>
      <c r="CM5" s="518" t="s">
        <v>61</v>
      </c>
      <c r="CN5" s="512"/>
      <c r="CO5" s="513"/>
      <c r="CP5" s="534" t="s">
        <v>62</v>
      </c>
      <c r="CQ5" s="512"/>
      <c r="CR5" s="512"/>
      <c r="CS5" s="512"/>
      <c r="CT5" s="512"/>
      <c r="CU5" s="512"/>
      <c r="CV5" s="535"/>
      <c r="CW5" s="435" t="s">
        <v>52</v>
      </c>
      <c r="CX5" s="518" t="s">
        <v>61</v>
      </c>
      <c r="CY5" s="512"/>
      <c r="CZ5" s="513"/>
      <c r="DA5" s="534" t="s">
        <v>62</v>
      </c>
      <c r="DB5" s="512"/>
      <c r="DC5" s="512"/>
      <c r="DD5" s="512"/>
      <c r="DE5" s="512"/>
      <c r="DF5" s="512"/>
      <c r="DG5" s="535"/>
      <c r="DH5" s="435" t="s">
        <v>52</v>
      </c>
      <c r="DI5" s="502" t="s">
        <v>61</v>
      </c>
      <c r="DJ5" s="503"/>
      <c r="DK5" s="504"/>
      <c r="DL5" s="531" t="s">
        <v>62</v>
      </c>
      <c r="DM5" s="503"/>
      <c r="DN5" s="503"/>
      <c r="DO5" s="503"/>
      <c r="DP5" s="503"/>
      <c r="DQ5" s="503"/>
      <c r="DR5" s="532"/>
      <c r="DS5" s="506" t="s">
        <v>52</v>
      </c>
      <c r="DT5" s="518" t="s">
        <v>61</v>
      </c>
      <c r="DU5" s="512"/>
      <c r="DV5" s="513"/>
      <c r="DW5" s="534" t="s">
        <v>62</v>
      </c>
      <c r="DX5" s="512"/>
      <c r="DY5" s="512"/>
      <c r="DZ5" s="512"/>
      <c r="EA5" s="512"/>
      <c r="EB5" s="512"/>
      <c r="EC5" s="535"/>
      <c r="ED5" s="435" t="s">
        <v>52</v>
      </c>
      <c r="EE5" s="518" t="s">
        <v>61</v>
      </c>
      <c r="EF5" s="512"/>
      <c r="EG5" s="513"/>
      <c r="EH5" s="534" t="s">
        <v>62</v>
      </c>
      <c r="EI5" s="512"/>
      <c r="EJ5" s="512"/>
      <c r="EK5" s="512"/>
      <c r="EL5" s="512"/>
      <c r="EM5" s="512"/>
      <c r="EN5" s="535"/>
      <c r="EO5" s="435" t="s">
        <v>52</v>
      </c>
      <c r="EP5" s="518" t="s">
        <v>61</v>
      </c>
      <c r="EQ5" s="512"/>
      <c r="ER5" s="513"/>
      <c r="ES5" s="534" t="s">
        <v>62</v>
      </c>
      <c r="ET5" s="512"/>
      <c r="EU5" s="512"/>
      <c r="EV5" s="512"/>
      <c r="EW5" s="512"/>
      <c r="EX5" s="512"/>
      <c r="EY5" s="535"/>
      <c r="EZ5" s="435" t="s">
        <v>52</v>
      </c>
      <c r="FA5" s="518" t="s">
        <v>61</v>
      </c>
      <c r="FB5" s="512"/>
      <c r="FC5" s="513"/>
      <c r="FD5" s="534" t="s">
        <v>62</v>
      </c>
      <c r="FE5" s="512"/>
      <c r="FF5" s="512"/>
      <c r="FG5" s="512"/>
      <c r="FH5" s="512"/>
      <c r="FI5" s="512"/>
      <c r="FJ5" s="535"/>
      <c r="FK5" s="435" t="s">
        <v>52</v>
      </c>
      <c r="FL5" s="518" t="s">
        <v>61</v>
      </c>
      <c r="FM5" s="512"/>
      <c r="FN5" s="513"/>
      <c r="FO5" s="534" t="s">
        <v>62</v>
      </c>
      <c r="FP5" s="512"/>
      <c r="FQ5" s="512"/>
      <c r="FR5" s="512"/>
      <c r="FS5" s="512"/>
      <c r="FT5" s="512"/>
      <c r="FU5" s="535"/>
      <c r="FV5" s="435" t="s">
        <v>52</v>
      </c>
      <c r="FW5" s="518" t="s">
        <v>61</v>
      </c>
      <c r="FX5" s="512"/>
      <c r="FY5" s="513"/>
      <c r="FZ5" s="534" t="s">
        <v>62</v>
      </c>
      <c r="GA5" s="512"/>
      <c r="GB5" s="512"/>
      <c r="GC5" s="512"/>
      <c r="GD5" s="512"/>
      <c r="GE5" s="512"/>
      <c r="GF5" s="535"/>
      <c r="GG5" s="435" t="s">
        <v>52</v>
      </c>
      <c r="GH5" s="518" t="s">
        <v>61</v>
      </c>
      <c r="GI5" s="512"/>
      <c r="GJ5" s="513"/>
      <c r="GK5" s="534" t="s">
        <v>62</v>
      </c>
      <c r="GL5" s="512"/>
      <c r="GM5" s="512"/>
      <c r="GN5" s="512"/>
      <c r="GO5" s="512"/>
      <c r="GP5" s="512"/>
      <c r="GQ5" s="535"/>
      <c r="GR5" s="435" t="s">
        <v>52</v>
      </c>
      <c r="GS5" s="518" t="s">
        <v>61</v>
      </c>
      <c r="GT5" s="512"/>
      <c r="GU5" s="513"/>
      <c r="GV5" s="534" t="s">
        <v>62</v>
      </c>
      <c r="GW5" s="512"/>
      <c r="GX5" s="512"/>
      <c r="GY5" s="512"/>
      <c r="GZ5" s="512"/>
      <c r="HA5" s="512"/>
      <c r="HB5" s="535"/>
      <c r="HC5" s="435" t="s">
        <v>52</v>
      </c>
      <c r="HD5" s="518" t="s">
        <v>61</v>
      </c>
      <c r="HE5" s="512"/>
      <c r="HF5" s="513"/>
      <c r="HG5" s="534" t="s">
        <v>62</v>
      </c>
      <c r="HH5" s="512"/>
      <c r="HI5" s="512"/>
      <c r="HJ5" s="512"/>
      <c r="HK5" s="512"/>
      <c r="HL5" s="512"/>
      <c r="HM5" s="535"/>
      <c r="HN5" s="435" t="s">
        <v>52</v>
      </c>
      <c r="HO5" s="518" t="s">
        <v>61</v>
      </c>
      <c r="HP5" s="512"/>
      <c r="HQ5" s="513"/>
      <c r="HR5" s="534" t="s">
        <v>62</v>
      </c>
      <c r="HS5" s="512"/>
      <c r="HT5" s="512"/>
      <c r="HU5" s="512"/>
      <c r="HV5" s="512"/>
      <c r="HW5" s="512"/>
      <c r="HX5" s="535"/>
      <c r="HY5" s="435" t="s">
        <v>52</v>
      </c>
    </row>
    <row r="6" spans="2:233" ht="30" customHeight="1" thickBot="1" x14ac:dyDescent="0.25">
      <c r="B6" s="577"/>
      <c r="C6" s="73" t="s">
        <v>118</v>
      </c>
      <c r="D6" s="74" t="s">
        <v>44</v>
      </c>
      <c r="E6" s="250" t="s">
        <v>45</v>
      </c>
      <c r="F6" s="76" t="s">
        <v>83</v>
      </c>
      <c r="G6" s="74" t="s">
        <v>47</v>
      </c>
      <c r="H6" s="74" t="s">
        <v>48</v>
      </c>
      <c r="I6" s="74" t="s">
        <v>49</v>
      </c>
      <c r="J6" s="74" t="s">
        <v>50</v>
      </c>
      <c r="K6" s="74" t="s">
        <v>51</v>
      </c>
      <c r="L6" s="75" t="s">
        <v>45</v>
      </c>
      <c r="M6" s="551"/>
      <c r="N6" s="73" t="s">
        <v>118</v>
      </c>
      <c r="O6" s="74" t="s">
        <v>44</v>
      </c>
      <c r="P6" s="250" t="s">
        <v>45</v>
      </c>
      <c r="Q6" s="76" t="s">
        <v>83</v>
      </c>
      <c r="R6" s="74" t="s">
        <v>47</v>
      </c>
      <c r="S6" s="74" t="s">
        <v>48</v>
      </c>
      <c r="T6" s="74" t="s">
        <v>49</v>
      </c>
      <c r="U6" s="74" t="s">
        <v>50</v>
      </c>
      <c r="V6" s="74" t="s">
        <v>51</v>
      </c>
      <c r="W6" s="75" t="s">
        <v>45</v>
      </c>
      <c r="X6" s="551"/>
      <c r="Y6" s="73" t="s">
        <v>118</v>
      </c>
      <c r="Z6" s="74" t="s">
        <v>44</v>
      </c>
      <c r="AA6" s="250" t="s">
        <v>45</v>
      </c>
      <c r="AB6" s="76" t="s">
        <v>83</v>
      </c>
      <c r="AC6" s="74" t="s">
        <v>47</v>
      </c>
      <c r="AD6" s="74" t="s">
        <v>48</v>
      </c>
      <c r="AE6" s="74" t="s">
        <v>49</v>
      </c>
      <c r="AF6" s="74" t="s">
        <v>50</v>
      </c>
      <c r="AG6" s="74" t="s">
        <v>51</v>
      </c>
      <c r="AH6" s="75" t="s">
        <v>45</v>
      </c>
      <c r="AI6" s="551"/>
      <c r="AJ6" s="73" t="s">
        <v>118</v>
      </c>
      <c r="AK6" s="74" t="s">
        <v>44</v>
      </c>
      <c r="AL6" s="250" t="s">
        <v>45</v>
      </c>
      <c r="AM6" s="76" t="s">
        <v>83</v>
      </c>
      <c r="AN6" s="74" t="s">
        <v>47</v>
      </c>
      <c r="AO6" s="74" t="s">
        <v>48</v>
      </c>
      <c r="AP6" s="74" t="s">
        <v>49</v>
      </c>
      <c r="AQ6" s="74" t="s">
        <v>50</v>
      </c>
      <c r="AR6" s="74" t="s">
        <v>51</v>
      </c>
      <c r="AS6" s="75" t="s">
        <v>45</v>
      </c>
      <c r="AT6" s="551"/>
      <c r="AU6" s="73" t="s">
        <v>118</v>
      </c>
      <c r="AV6" s="74" t="s">
        <v>44</v>
      </c>
      <c r="AW6" s="250" t="s">
        <v>45</v>
      </c>
      <c r="AX6" s="76" t="s">
        <v>83</v>
      </c>
      <c r="AY6" s="74" t="s">
        <v>47</v>
      </c>
      <c r="AZ6" s="74" t="s">
        <v>48</v>
      </c>
      <c r="BA6" s="74" t="s">
        <v>49</v>
      </c>
      <c r="BB6" s="74" t="s">
        <v>50</v>
      </c>
      <c r="BC6" s="74" t="s">
        <v>51</v>
      </c>
      <c r="BD6" s="75" t="s">
        <v>45</v>
      </c>
      <c r="BE6" s="551"/>
      <c r="BF6" s="73" t="s">
        <v>118</v>
      </c>
      <c r="BG6" s="74" t="s">
        <v>44</v>
      </c>
      <c r="BH6" s="250" t="s">
        <v>45</v>
      </c>
      <c r="BI6" s="76" t="s">
        <v>83</v>
      </c>
      <c r="BJ6" s="74" t="s">
        <v>47</v>
      </c>
      <c r="BK6" s="74" t="s">
        <v>48</v>
      </c>
      <c r="BL6" s="74" t="s">
        <v>49</v>
      </c>
      <c r="BM6" s="74" t="s">
        <v>50</v>
      </c>
      <c r="BN6" s="74" t="s">
        <v>51</v>
      </c>
      <c r="BO6" s="75" t="s">
        <v>45</v>
      </c>
      <c r="BP6" s="551"/>
      <c r="BQ6" s="73" t="s">
        <v>118</v>
      </c>
      <c r="BR6" s="74" t="s">
        <v>44</v>
      </c>
      <c r="BS6" s="250" t="s">
        <v>45</v>
      </c>
      <c r="BT6" s="76" t="s">
        <v>83</v>
      </c>
      <c r="BU6" s="74" t="s">
        <v>47</v>
      </c>
      <c r="BV6" s="74" t="s">
        <v>48</v>
      </c>
      <c r="BW6" s="74" t="s">
        <v>49</v>
      </c>
      <c r="BX6" s="74" t="s">
        <v>50</v>
      </c>
      <c r="BY6" s="74" t="s">
        <v>51</v>
      </c>
      <c r="BZ6" s="75" t="s">
        <v>45</v>
      </c>
      <c r="CA6" s="551"/>
      <c r="CB6" s="73" t="s">
        <v>118</v>
      </c>
      <c r="CC6" s="74" t="s">
        <v>44</v>
      </c>
      <c r="CD6" s="250" t="s">
        <v>45</v>
      </c>
      <c r="CE6" s="76" t="s">
        <v>83</v>
      </c>
      <c r="CF6" s="74" t="s">
        <v>47</v>
      </c>
      <c r="CG6" s="74" t="s">
        <v>48</v>
      </c>
      <c r="CH6" s="74" t="s">
        <v>49</v>
      </c>
      <c r="CI6" s="74" t="s">
        <v>50</v>
      </c>
      <c r="CJ6" s="74" t="s">
        <v>51</v>
      </c>
      <c r="CK6" s="75" t="s">
        <v>45</v>
      </c>
      <c r="CL6" s="551"/>
      <c r="CM6" s="73" t="s">
        <v>118</v>
      </c>
      <c r="CN6" s="74" t="s">
        <v>44</v>
      </c>
      <c r="CO6" s="250" t="s">
        <v>45</v>
      </c>
      <c r="CP6" s="76" t="s">
        <v>83</v>
      </c>
      <c r="CQ6" s="74" t="s">
        <v>47</v>
      </c>
      <c r="CR6" s="74" t="s">
        <v>48</v>
      </c>
      <c r="CS6" s="74" t="s">
        <v>49</v>
      </c>
      <c r="CT6" s="74" t="s">
        <v>50</v>
      </c>
      <c r="CU6" s="74" t="s">
        <v>51</v>
      </c>
      <c r="CV6" s="75" t="s">
        <v>45</v>
      </c>
      <c r="CW6" s="551"/>
      <c r="CX6" s="73" t="s">
        <v>118</v>
      </c>
      <c r="CY6" s="74" t="s">
        <v>44</v>
      </c>
      <c r="CZ6" s="250" t="s">
        <v>45</v>
      </c>
      <c r="DA6" s="76" t="s">
        <v>83</v>
      </c>
      <c r="DB6" s="74" t="s">
        <v>47</v>
      </c>
      <c r="DC6" s="74" t="s">
        <v>48</v>
      </c>
      <c r="DD6" s="74" t="s">
        <v>49</v>
      </c>
      <c r="DE6" s="74" t="s">
        <v>50</v>
      </c>
      <c r="DF6" s="74" t="s">
        <v>51</v>
      </c>
      <c r="DG6" s="75" t="s">
        <v>45</v>
      </c>
      <c r="DH6" s="551"/>
      <c r="DI6" s="73" t="s">
        <v>118</v>
      </c>
      <c r="DJ6" s="74" t="s">
        <v>44</v>
      </c>
      <c r="DK6" s="250" t="s">
        <v>45</v>
      </c>
      <c r="DL6" s="76" t="s">
        <v>83</v>
      </c>
      <c r="DM6" s="74" t="s">
        <v>47</v>
      </c>
      <c r="DN6" s="74" t="s">
        <v>48</v>
      </c>
      <c r="DO6" s="74" t="s">
        <v>49</v>
      </c>
      <c r="DP6" s="74" t="s">
        <v>50</v>
      </c>
      <c r="DQ6" s="74" t="s">
        <v>51</v>
      </c>
      <c r="DR6" s="75" t="s">
        <v>45</v>
      </c>
      <c r="DS6" s="549"/>
      <c r="DT6" s="73" t="s">
        <v>118</v>
      </c>
      <c r="DU6" s="74" t="s">
        <v>44</v>
      </c>
      <c r="DV6" s="250" t="s">
        <v>45</v>
      </c>
      <c r="DW6" s="76" t="s">
        <v>83</v>
      </c>
      <c r="DX6" s="74" t="s">
        <v>47</v>
      </c>
      <c r="DY6" s="74" t="s">
        <v>48</v>
      </c>
      <c r="DZ6" s="74" t="s">
        <v>49</v>
      </c>
      <c r="EA6" s="74" t="s">
        <v>50</v>
      </c>
      <c r="EB6" s="74" t="s">
        <v>51</v>
      </c>
      <c r="EC6" s="75" t="s">
        <v>45</v>
      </c>
      <c r="ED6" s="551"/>
      <c r="EE6" s="73" t="s">
        <v>118</v>
      </c>
      <c r="EF6" s="74" t="s">
        <v>44</v>
      </c>
      <c r="EG6" s="250" t="s">
        <v>45</v>
      </c>
      <c r="EH6" s="76" t="s">
        <v>83</v>
      </c>
      <c r="EI6" s="74" t="s">
        <v>47</v>
      </c>
      <c r="EJ6" s="74" t="s">
        <v>48</v>
      </c>
      <c r="EK6" s="74" t="s">
        <v>49</v>
      </c>
      <c r="EL6" s="74" t="s">
        <v>50</v>
      </c>
      <c r="EM6" s="74" t="s">
        <v>51</v>
      </c>
      <c r="EN6" s="75" t="s">
        <v>45</v>
      </c>
      <c r="EO6" s="551"/>
      <c r="EP6" s="73" t="s">
        <v>118</v>
      </c>
      <c r="EQ6" s="74" t="s">
        <v>44</v>
      </c>
      <c r="ER6" s="250" t="s">
        <v>45</v>
      </c>
      <c r="ES6" s="76" t="s">
        <v>83</v>
      </c>
      <c r="ET6" s="74" t="s">
        <v>47</v>
      </c>
      <c r="EU6" s="74" t="s">
        <v>48</v>
      </c>
      <c r="EV6" s="74" t="s">
        <v>49</v>
      </c>
      <c r="EW6" s="74" t="s">
        <v>50</v>
      </c>
      <c r="EX6" s="74" t="s">
        <v>51</v>
      </c>
      <c r="EY6" s="75" t="s">
        <v>45</v>
      </c>
      <c r="EZ6" s="551"/>
      <c r="FA6" s="73" t="s">
        <v>118</v>
      </c>
      <c r="FB6" s="74" t="s">
        <v>44</v>
      </c>
      <c r="FC6" s="250" t="s">
        <v>45</v>
      </c>
      <c r="FD6" s="76" t="s">
        <v>83</v>
      </c>
      <c r="FE6" s="74" t="s">
        <v>47</v>
      </c>
      <c r="FF6" s="74" t="s">
        <v>48</v>
      </c>
      <c r="FG6" s="74" t="s">
        <v>49</v>
      </c>
      <c r="FH6" s="74" t="s">
        <v>50</v>
      </c>
      <c r="FI6" s="74" t="s">
        <v>51</v>
      </c>
      <c r="FJ6" s="75" t="s">
        <v>45</v>
      </c>
      <c r="FK6" s="551"/>
      <c r="FL6" s="73" t="s">
        <v>118</v>
      </c>
      <c r="FM6" s="74" t="s">
        <v>44</v>
      </c>
      <c r="FN6" s="250" t="s">
        <v>45</v>
      </c>
      <c r="FO6" s="76" t="s">
        <v>83</v>
      </c>
      <c r="FP6" s="74" t="s">
        <v>47</v>
      </c>
      <c r="FQ6" s="74" t="s">
        <v>48</v>
      </c>
      <c r="FR6" s="74" t="s">
        <v>49</v>
      </c>
      <c r="FS6" s="74" t="s">
        <v>50</v>
      </c>
      <c r="FT6" s="74" t="s">
        <v>51</v>
      </c>
      <c r="FU6" s="75" t="s">
        <v>45</v>
      </c>
      <c r="FV6" s="551"/>
      <c r="FW6" s="73" t="s">
        <v>118</v>
      </c>
      <c r="FX6" s="74" t="s">
        <v>44</v>
      </c>
      <c r="FY6" s="250" t="s">
        <v>45</v>
      </c>
      <c r="FZ6" s="76" t="s">
        <v>83</v>
      </c>
      <c r="GA6" s="74" t="s">
        <v>47</v>
      </c>
      <c r="GB6" s="74" t="s">
        <v>48</v>
      </c>
      <c r="GC6" s="74" t="s">
        <v>49</v>
      </c>
      <c r="GD6" s="74" t="s">
        <v>50</v>
      </c>
      <c r="GE6" s="74" t="s">
        <v>51</v>
      </c>
      <c r="GF6" s="75" t="s">
        <v>45</v>
      </c>
      <c r="GG6" s="551"/>
      <c r="GH6" s="73" t="s">
        <v>118</v>
      </c>
      <c r="GI6" s="74" t="s">
        <v>44</v>
      </c>
      <c r="GJ6" s="250" t="s">
        <v>45</v>
      </c>
      <c r="GK6" s="76" t="s">
        <v>83</v>
      </c>
      <c r="GL6" s="74" t="s">
        <v>47</v>
      </c>
      <c r="GM6" s="74" t="s">
        <v>48</v>
      </c>
      <c r="GN6" s="74" t="s">
        <v>49</v>
      </c>
      <c r="GO6" s="74" t="s">
        <v>50</v>
      </c>
      <c r="GP6" s="74" t="s">
        <v>51</v>
      </c>
      <c r="GQ6" s="75" t="s">
        <v>45</v>
      </c>
      <c r="GR6" s="551"/>
      <c r="GS6" s="73" t="s">
        <v>118</v>
      </c>
      <c r="GT6" s="74" t="s">
        <v>44</v>
      </c>
      <c r="GU6" s="250" t="s">
        <v>45</v>
      </c>
      <c r="GV6" s="76" t="s">
        <v>83</v>
      </c>
      <c r="GW6" s="74" t="s">
        <v>47</v>
      </c>
      <c r="GX6" s="74" t="s">
        <v>48</v>
      </c>
      <c r="GY6" s="74" t="s">
        <v>49</v>
      </c>
      <c r="GZ6" s="74" t="s">
        <v>50</v>
      </c>
      <c r="HA6" s="74" t="s">
        <v>51</v>
      </c>
      <c r="HB6" s="75" t="s">
        <v>45</v>
      </c>
      <c r="HC6" s="551"/>
      <c r="HD6" s="73" t="s">
        <v>118</v>
      </c>
      <c r="HE6" s="74" t="s">
        <v>44</v>
      </c>
      <c r="HF6" s="250" t="s">
        <v>45</v>
      </c>
      <c r="HG6" s="76" t="s">
        <v>83</v>
      </c>
      <c r="HH6" s="74" t="s">
        <v>47</v>
      </c>
      <c r="HI6" s="74" t="s">
        <v>48</v>
      </c>
      <c r="HJ6" s="74" t="s">
        <v>49</v>
      </c>
      <c r="HK6" s="74" t="s">
        <v>50</v>
      </c>
      <c r="HL6" s="74" t="s">
        <v>51</v>
      </c>
      <c r="HM6" s="75" t="s">
        <v>45</v>
      </c>
      <c r="HN6" s="551"/>
      <c r="HO6" s="73" t="s">
        <v>118</v>
      </c>
      <c r="HP6" s="74" t="s">
        <v>44</v>
      </c>
      <c r="HQ6" s="250" t="s">
        <v>45</v>
      </c>
      <c r="HR6" s="76" t="s">
        <v>83</v>
      </c>
      <c r="HS6" s="74" t="s">
        <v>47</v>
      </c>
      <c r="HT6" s="74" t="s">
        <v>48</v>
      </c>
      <c r="HU6" s="74" t="s">
        <v>49</v>
      </c>
      <c r="HV6" s="74" t="s">
        <v>50</v>
      </c>
      <c r="HW6" s="74" t="s">
        <v>51</v>
      </c>
      <c r="HX6" s="75" t="s">
        <v>45</v>
      </c>
      <c r="HY6" s="551"/>
    </row>
    <row r="7" spans="2:233" s="294" customFormat="1" ht="21" customHeight="1" x14ac:dyDescent="0.2">
      <c r="B7" s="84" t="s">
        <v>4</v>
      </c>
      <c r="C7" s="49">
        <v>21085</v>
      </c>
      <c r="D7" s="50">
        <v>94825</v>
      </c>
      <c r="E7" s="51">
        <v>115910</v>
      </c>
      <c r="F7" s="52">
        <v>0</v>
      </c>
      <c r="G7" s="50">
        <v>16541401</v>
      </c>
      <c r="H7" s="50">
        <v>38560081</v>
      </c>
      <c r="I7" s="50">
        <v>111435433</v>
      </c>
      <c r="J7" s="50">
        <v>150336584</v>
      </c>
      <c r="K7" s="50">
        <v>91066443</v>
      </c>
      <c r="L7" s="53">
        <v>407939942</v>
      </c>
      <c r="M7" s="54">
        <v>408055852</v>
      </c>
      <c r="N7" s="49">
        <v>0</v>
      </c>
      <c r="O7" s="50">
        <v>0</v>
      </c>
      <c r="P7" s="51">
        <v>0</v>
      </c>
      <c r="Q7" s="402">
        <v>0</v>
      </c>
      <c r="R7" s="50">
        <v>4323187</v>
      </c>
      <c r="S7" s="50">
        <v>14540843</v>
      </c>
      <c r="T7" s="50">
        <v>77119843</v>
      </c>
      <c r="U7" s="50">
        <v>110237973</v>
      </c>
      <c r="V7" s="50">
        <v>70296295</v>
      </c>
      <c r="W7" s="53">
        <v>276518141</v>
      </c>
      <c r="X7" s="54">
        <v>276518141</v>
      </c>
      <c r="Y7" s="49">
        <v>0</v>
      </c>
      <c r="Z7" s="50">
        <v>0</v>
      </c>
      <c r="AA7" s="51">
        <v>0</v>
      </c>
      <c r="AB7" s="402">
        <v>0</v>
      </c>
      <c r="AC7" s="50">
        <v>10035709</v>
      </c>
      <c r="AD7" s="50">
        <v>19491722</v>
      </c>
      <c r="AE7" s="50">
        <v>24780386</v>
      </c>
      <c r="AF7" s="50">
        <v>29573339</v>
      </c>
      <c r="AG7" s="50">
        <v>13290800</v>
      </c>
      <c r="AH7" s="53">
        <v>97171956</v>
      </c>
      <c r="AI7" s="54">
        <v>97171956</v>
      </c>
      <c r="AJ7" s="49">
        <v>0</v>
      </c>
      <c r="AK7" s="50">
        <v>0</v>
      </c>
      <c r="AL7" s="51">
        <v>0</v>
      </c>
      <c r="AM7" s="402">
        <v>0</v>
      </c>
      <c r="AN7" s="50">
        <v>0</v>
      </c>
      <c r="AO7" s="50">
        <v>0</v>
      </c>
      <c r="AP7" s="50">
        <v>0</v>
      </c>
      <c r="AQ7" s="50">
        <v>0</v>
      </c>
      <c r="AR7" s="50">
        <v>43755</v>
      </c>
      <c r="AS7" s="53">
        <v>43755</v>
      </c>
      <c r="AT7" s="54">
        <v>43755</v>
      </c>
      <c r="AU7" s="49">
        <v>0</v>
      </c>
      <c r="AV7" s="50">
        <v>0</v>
      </c>
      <c r="AW7" s="51">
        <v>0</v>
      </c>
      <c r="AX7" s="402">
        <v>0</v>
      </c>
      <c r="AY7" s="50">
        <v>170020</v>
      </c>
      <c r="AZ7" s="50">
        <v>264945</v>
      </c>
      <c r="BA7" s="50">
        <v>386340</v>
      </c>
      <c r="BB7" s="50">
        <v>2218805</v>
      </c>
      <c r="BC7" s="50">
        <v>2939975</v>
      </c>
      <c r="BD7" s="53">
        <v>5980085</v>
      </c>
      <c r="BE7" s="54">
        <v>5980085</v>
      </c>
      <c r="BF7" s="49">
        <v>0</v>
      </c>
      <c r="BG7" s="50">
        <v>0</v>
      </c>
      <c r="BH7" s="51">
        <v>0</v>
      </c>
      <c r="BI7" s="402">
        <v>0</v>
      </c>
      <c r="BJ7" s="50">
        <v>60600</v>
      </c>
      <c r="BK7" s="50">
        <v>295725</v>
      </c>
      <c r="BL7" s="50">
        <v>1321800</v>
      </c>
      <c r="BM7" s="50">
        <v>1586405</v>
      </c>
      <c r="BN7" s="50">
        <v>1031885</v>
      </c>
      <c r="BO7" s="53">
        <v>4296415</v>
      </c>
      <c r="BP7" s="54">
        <v>4296415</v>
      </c>
      <c r="BQ7" s="49">
        <v>20795</v>
      </c>
      <c r="BR7" s="50">
        <v>94825</v>
      </c>
      <c r="BS7" s="51">
        <v>115620</v>
      </c>
      <c r="BT7" s="52">
        <v>0</v>
      </c>
      <c r="BU7" s="50">
        <v>1851152</v>
      </c>
      <c r="BV7" s="50">
        <v>3683318</v>
      </c>
      <c r="BW7" s="50">
        <v>7572148</v>
      </c>
      <c r="BX7" s="50">
        <v>6472029</v>
      </c>
      <c r="BY7" s="50">
        <v>3242181</v>
      </c>
      <c r="BZ7" s="53">
        <v>22820828</v>
      </c>
      <c r="CA7" s="54">
        <v>22936448</v>
      </c>
      <c r="CB7" s="49">
        <v>290</v>
      </c>
      <c r="CC7" s="50">
        <v>0</v>
      </c>
      <c r="CD7" s="51">
        <v>290</v>
      </c>
      <c r="CE7" s="52">
        <v>0</v>
      </c>
      <c r="CF7" s="50">
        <v>100733</v>
      </c>
      <c r="CG7" s="50">
        <v>283528</v>
      </c>
      <c r="CH7" s="50">
        <v>254916</v>
      </c>
      <c r="CI7" s="50">
        <v>248033</v>
      </c>
      <c r="CJ7" s="50">
        <v>221552</v>
      </c>
      <c r="CK7" s="53">
        <v>1108762</v>
      </c>
      <c r="CL7" s="54">
        <v>1109052</v>
      </c>
      <c r="CM7" s="49">
        <v>0</v>
      </c>
      <c r="CN7" s="50">
        <v>0</v>
      </c>
      <c r="CO7" s="51">
        <v>0</v>
      </c>
      <c r="CP7" s="52">
        <v>0</v>
      </c>
      <c r="CQ7" s="50">
        <v>0</v>
      </c>
      <c r="CR7" s="50">
        <v>0</v>
      </c>
      <c r="CS7" s="50">
        <v>0</v>
      </c>
      <c r="CT7" s="50">
        <v>0</v>
      </c>
      <c r="CU7" s="50">
        <v>0</v>
      </c>
      <c r="CV7" s="53">
        <v>0</v>
      </c>
      <c r="CW7" s="54">
        <v>0</v>
      </c>
      <c r="CX7" s="49">
        <v>0</v>
      </c>
      <c r="CY7" s="50">
        <v>0</v>
      </c>
      <c r="CZ7" s="51">
        <v>0</v>
      </c>
      <c r="DA7" s="402">
        <v>0</v>
      </c>
      <c r="DB7" s="50">
        <v>0</v>
      </c>
      <c r="DC7" s="50">
        <v>0</v>
      </c>
      <c r="DD7" s="50">
        <v>0</v>
      </c>
      <c r="DE7" s="50">
        <v>0</v>
      </c>
      <c r="DF7" s="50">
        <v>0</v>
      </c>
      <c r="DG7" s="53">
        <v>0</v>
      </c>
      <c r="DH7" s="54">
        <v>0</v>
      </c>
      <c r="DI7" s="49">
        <v>24755</v>
      </c>
      <c r="DJ7" s="50">
        <v>163881</v>
      </c>
      <c r="DK7" s="51">
        <v>188636</v>
      </c>
      <c r="DL7" s="52">
        <v>0</v>
      </c>
      <c r="DM7" s="50">
        <v>10750115</v>
      </c>
      <c r="DN7" s="50">
        <v>31850446</v>
      </c>
      <c r="DO7" s="50">
        <v>123131861</v>
      </c>
      <c r="DP7" s="50">
        <v>157308711</v>
      </c>
      <c r="DQ7" s="50">
        <v>97251572</v>
      </c>
      <c r="DR7" s="53">
        <v>420292705</v>
      </c>
      <c r="DS7" s="55">
        <v>420481341</v>
      </c>
      <c r="DT7" s="49">
        <v>0</v>
      </c>
      <c r="DU7" s="50">
        <v>0</v>
      </c>
      <c r="DV7" s="51">
        <v>0</v>
      </c>
      <c r="DW7" s="402">
        <v>0</v>
      </c>
      <c r="DX7" s="50">
        <v>5532921</v>
      </c>
      <c r="DY7" s="50">
        <v>20521116</v>
      </c>
      <c r="DZ7" s="50">
        <v>102794472</v>
      </c>
      <c r="EA7" s="50">
        <v>137929162</v>
      </c>
      <c r="EB7" s="50">
        <v>85815371</v>
      </c>
      <c r="EC7" s="53">
        <v>352593042</v>
      </c>
      <c r="ED7" s="54">
        <v>352593042</v>
      </c>
      <c r="EE7" s="49">
        <v>0</v>
      </c>
      <c r="EF7" s="50">
        <v>0</v>
      </c>
      <c r="EG7" s="51">
        <v>0</v>
      </c>
      <c r="EH7" s="402">
        <v>0</v>
      </c>
      <c r="EI7" s="50">
        <v>2282780</v>
      </c>
      <c r="EJ7" s="50">
        <v>4729921</v>
      </c>
      <c r="EK7" s="50">
        <v>6245176</v>
      </c>
      <c r="EL7" s="50">
        <v>6533664</v>
      </c>
      <c r="EM7" s="50">
        <v>3693185</v>
      </c>
      <c r="EN7" s="53">
        <v>23484726</v>
      </c>
      <c r="EO7" s="54">
        <v>23484726</v>
      </c>
      <c r="EP7" s="49">
        <v>0</v>
      </c>
      <c r="EQ7" s="50">
        <v>0</v>
      </c>
      <c r="ER7" s="51">
        <v>0</v>
      </c>
      <c r="ES7" s="402">
        <v>0</v>
      </c>
      <c r="ET7" s="50">
        <v>0</v>
      </c>
      <c r="EU7" s="50">
        <v>0</v>
      </c>
      <c r="EV7" s="50">
        <v>0</v>
      </c>
      <c r="EW7" s="50">
        <v>0</v>
      </c>
      <c r="EX7" s="50">
        <v>10730</v>
      </c>
      <c r="EY7" s="53">
        <v>10730</v>
      </c>
      <c r="EZ7" s="54">
        <v>10730</v>
      </c>
      <c r="FA7" s="49">
        <v>0</v>
      </c>
      <c r="FB7" s="50">
        <v>0</v>
      </c>
      <c r="FC7" s="51">
        <v>0</v>
      </c>
      <c r="FD7" s="402">
        <v>0</v>
      </c>
      <c r="FE7" s="50">
        <v>22469</v>
      </c>
      <c r="FF7" s="50">
        <v>35047</v>
      </c>
      <c r="FG7" s="50">
        <v>76243</v>
      </c>
      <c r="FH7" s="50">
        <v>312265</v>
      </c>
      <c r="FI7" s="50">
        <v>565376</v>
      </c>
      <c r="FJ7" s="53">
        <v>1011400</v>
      </c>
      <c r="FK7" s="54">
        <v>1011400</v>
      </c>
      <c r="FL7" s="49">
        <v>0</v>
      </c>
      <c r="FM7" s="50">
        <v>0</v>
      </c>
      <c r="FN7" s="51">
        <v>0</v>
      </c>
      <c r="FO7" s="402">
        <v>0</v>
      </c>
      <c r="FP7" s="50">
        <v>98220</v>
      </c>
      <c r="FQ7" s="50">
        <v>386040</v>
      </c>
      <c r="FR7" s="50">
        <v>2208047</v>
      </c>
      <c r="FS7" s="50">
        <v>2688552</v>
      </c>
      <c r="FT7" s="50">
        <v>1779252</v>
      </c>
      <c r="FU7" s="53">
        <v>7160111</v>
      </c>
      <c r="FV7" s="54">
        <v>7160111</v>
      </c>
      <c r="FW7" s="49">
        <v>23323</v>
      </c>
      <c r="FX7" s="50">
        <v>163881</v>
      </c>
      <c r="FY7" s="51">
        <v>187204</v>
      </c>
      <c r="FZ7" s="52">
        <v>0</v>
      </c>
      <c r="GA7" s="50">
        <v>2764079</v>
      </c>
      <c r="GB7" s="50">
        <v>5998889</v>
      </c>
      <c r="GC7" s="50">
        <v>11639743</v>
      </c>
      <c r="GD7" s="50">
        <v>9703798</v>
      </c>
      <c r="GE7" s="50">
        <v>5207342</v>
      </c>
      <c r="GF7" s="53">
        <v>35313851</v>
      </c>
      <c r="GG7" s="54">
        <v>35501055</v>
      </c>
      <c r="GH7" s="49">
        <v>1432</v>
      </c>
      <c r="GI7" s="50">
        <v>0</v>
      </c>
      <c r="GJ7" s="51">
        <v>1432</v>
      </c>
      <c r="GK7" s="52">
        <v>0</v>
      </c>
      <c r="GL7" s="50">
        <v>49646</v>
      </c>
      <c r="GM7" s="50">
        <v>179433</v>
      </c>
      <c r="GN7" s="50">
        <v>168180</v>
      </c>
      <c r="GO7" s="50">
        <v>141270</v>
      </c>
      <c r="GP7" s="50">
        <v>180316</v>
      </c>
      <c r="GQ7" s="53">
        <v>718845</v>
      </c>
      <c r="GR7" s="54">
        <v>720277</v>
      </c>
      <c r="GS7" s="49">
        <v>0</v>
      </c>
      <c r="GT7" s="50">
        <v>0</v>
      </c>
      <c r="GU7" s="51">
        <v>0</v>
      </c>
      <c r="GV7" s="52">
        <v>0</v>
      </c>
      <c r="GW7" s="50">
        <v>0</v>
      </c>
      <c r="GX7" s="50">
        <v>0</v>
      </c>
      <c r="GY7" s="50">
        <v>0</v>
      </c>
      <c r="GZ7" s="50">
        <v>0</v>
      </c>
      <c r="HA7" s="50">
        <v>0</v>
      </c>
      <c r="HB7" s="53">
        <v>0</v>
      </c>
      <c r="HC7" s="54">
        <v>0</v>
      </c>
      <c r="HD7" s="49">
        <v>0</v>
      </c>
      <c r="HE7" s="50">
        <v>0</v>
      </c>
      <c r="HF7" s="51">
        <v>0</v>
      </c>
      <c r="HG7" s="402">
        <v>0</v>
      </c>
      <c r="HH7" s="50">
        <v>0</v>
      </c>
      <c r="HI7" s="50">
        <v>0</v>
      </c>
      <c r="HJ7" s="50">
        <v>0</v>
      </c>
      <c r="HK7" s="50">
        <v>0</v>
      </c>
      <c r="HL7" s="50">
        <v>0</v>
      </c>
      <c r="HM7" s="53">
        <v>0</v>
      </c>
      <c r="HN7" s="54">
        <v>0</v>
      </c>
      <c r="HO7" s="49">
        <v>45840</v>
      </c>
      <c r="HP7" s="50">
        <v>258706</v>
      </c>
      <c r="HQ7" s="51">
        <v>304546</v>
      </c>
      <c r="HR7" s="52">
        <v>0</v>
      </c>
      <c r="HS7" s="50">
        <v>27291516</v>
      </c>
      <c r="HT7" s="50">
        <v>70410527</v>
      </c>
      <c r="HU7" s="50">
        <v>234567294</v>
      </c>
      <c r="HV7" s="50">
        <v>307645295</v>
      </c>
      <c r="HW7" s="50">
        <v>188318015</v>
      </c>
      <c r="HX7" s="53">
        <v>828232647</v>
      </c>
      <c r="HY7" s="54">
        <v>828537193</v>
      </c>
    </row>
    <row r="8" spans="2:233" s="294" customFormat="1" ht="21" customHeight="1" x14ac:dyDescent="0.2">
      <c r="B8" s="95" t="s">
        <v>5</v>
      </c>
      <c r="C8" s="56">
        <v>580</v>
      </c>
      <c r="D8" s="57">
        <v>34055</v>
      </c>
      <c r="E8" s="58">
        <v>34635</v>
      </c>
      <c r="F8" s="59">
        <v>0</v>
      </c>
      <c r="G8" s="57">
        <v>6725971</v>
      </c>
      <c r="H8" s="57">
        <v>19989992</v>
      </c>
      <c r="I8" s="57">
        <v>48498088</v>
      </c>
      <c r="J8" s="57">
        <v>64480350</v>
      </c>
      <c r="K8" s="57">
        <v>39746731</v>
      </c>
      <c r="L8" s="60">
        <v>179441132</v>
      </c>
      <c r="M8" s="61">
        <v>179475767</v>
      </c>
      <c r="N8" s="56">
        <v>0</v>
      </c>
      <c r="O8" s="57">
        <v>0</v>
      </c>
      <c r="P8" s="58">
        <v>0</v>
      </c>
      <c r="Q8" s="403">
        <v>0</v>
      </c>
      <c r="R8" s="57">
        <v>2351807</v>
      </c>
      <c r="S8" s="57">
        <v>9837128</v>
      </c>
      <c r="T8" s="57">
        <v>34218389</v>
      </c>
      <c r="U8" s="57">
        <v>48634161</v>
      </c>
      <c r="V8" s="57">
        <v>31218944</v>
      </c>
      <c r="W8" s="60">
        <v>126260429</v>
      </c>
      <c r="X8" s="61">
        <v>126260429</v>
      </c>
      <c r="Y8" s="56">
        <v>0</v>
      </c>
      <c r="Z8" s="57">
        <v>0</v>
      </c>
      <c r="AA8" s="58">
        <v>0</v>
      </c>
      <c r="AB8" s="403">
        <v>0</v>
      </c>
      <c r="AC8" s="57">
        <v>3750305</v>
      </c>
      <c r="AD8" s="57">
        <v>8369630</v>
      </c>
      <c r="AE8" s="57">
        <v>10680805</v>
      </c>
      <c r="AF8" s="57">
        <v>12750017</v>
      </c>
      <c r="AG8" s="57">
        <v>6212221</v>
      </c>
      <c r="AH8" s="60">
        <v>41762978</v>
      </c>
      <c r="AI8" s="61">
        <v>41762978</v>
      </c>
      <c r="AJ8" s="56">
        <v>0</v>
      </c>
      <c r="AK8" s="57">
        <v>0</v>
      </c>
      <c r="AL8" s="58">
        <v>0</v>
      </c>
      <c r="AM8" s="403">
        <v>0</v>
      </c>
      <c r="AN8" s="57">
        <v>0</v>
      </c>
      <c r="AO8" s="57">
        <v>0</v>
      </c>
      <c r="AP8" s="57">
        <v>0</v>
      </c>
      <c r="AQ8" s="57">
        <v>0</v>
      </c>
      <c r="AR8" s="57">
        <v>0</v>
      </c>
      <c r="AS8" s="60">
        <v>0</v>
      </c>
      <c r="AT8" s="61">
        <v>0</v>
      </c>
      <c r="AU8" s="56">
        <v>0</v>
      </c>
      <c r="AV8" s="57">
        <v>0</v>
      </c>
      <c r="AW8" s="58">
        <v>0</v>
      </c>
      <c r="AX8" s="403">
        <v>0</v>
      </c>
      <c r="AY8" s="57">
        <v>23850</v>
      </c>
      <c r="AZ8" s="57">
        <v>31650</v>
      </c>
      <c r="BA8" s="57">
        <v>34050</v>
      </c>
      <c r="BB8" s="57">
        <v>572080</v>
      </c>
      <c r="BC8" s="57">
        <v>522390</v>
      </c>
      <c r="BD8" s="60">
        <v>1184020</v>
      </c>
      <c r="BE8" s="61">
        <v>1184020</v>
      </c>
      <c r="BF8" s="56">
        <v>0</v>
      </c>
      <c r="BG8" s="57">
        <v>0</v>
      </c>
      <c r="BH8" s="58">
        <v>0</v>
      </c>
      <c r="BI8" s="403">
        <v>0</v>
      </c>
      <c r="BJ8" s="57">
        <v>34200</v>
      </c>
      <c r="BK8" s="57">
        <v>119025</v>
      </c>
      <c r="BL8" s="57">
        <v>225355</v>
      </c>
      <c r="BM8" s="57">
        <v>159245</v>
      </c>
      <c r="BN8" s="57">
        <v>226840</v>
      </c>
      <c r="BO8" s="60">
        <v>764665</v>
      </c>
      <c r="BP8" s="61">
        <v>764665</v>
      </c>
      <c r="BQ8" s="56">
        <v>290</v>
      </c>
      <c r="BR8" s="57">
        <v>34055</v>
      </c>
      <c r="BS8" s="58">
        <v>34345</v>
      </c>
      <c r="BT8" s="59">
        <v>0</v>
      </c>
      <c r="BU8" s="57">
        <v>524101</v>
      </c>
      <c r="BV8" s="57">
        <v>1469772</v>
      </c>
      <c r="BW8" s="57">
        <v>3194036</v>
      </c>
      <c r="BX8" s="57">
        <v>2221588</v>
      </c>
      <c r="BY8" s="57">
        <v>1432777</v>
      </c>
      <c r="BZ8" s="60">
        <v>8842274</v>
      </c>
      <c r="CA8" s="61">
        <v>8876619</v>
      </c>
      <c r="CB8" s="56">
        <v>290</v>
      </c>
      <c r="CC8" s="57">
        <v>0</v>
      </c>
      <c r="CD8" s="58">
        <v>290</v>
      </c>
      <c r="CE8" s="59">
        <v>0</v>
      </c>
      <c r="CF8" s="57">
        <v>41708</v>
      </c>
      <c r="CG8" s="57">
        <v>162787</v>
      </c>
      <c r="CH8" s="57">
        <v>145453</v>
      </c>
      <c r="CI8" s="57">
        <v>143259</v>
      </c>
      <c r="CJ8" s="57">
        <v>133559</v>
      </c>
      <c r="CK8" s="60">
        <v>626766</v>
      </c>
      <c r="CL8" s="61">
        <v>627056</v>
      </c>
      <c r="CM8" s="56">
        <v>0</v>
      </c>
      <c r="CN8" s="57">
        <v>0</v>
      </c>
      <c r="CO8" s="58">
        <v>0</v>
      </c>
      <c r="CP8" s="59">
        <v>0</v>
      </c>
      <c r="CQ8" s="57">
        <v>0</v>
      </c>
      <c r="CR8" s="57">
        <v>0</v>
      </c>
      <c r="CS8" s="57">
        <v>0</v>
      </c>
      <c r="CT8" s="57">
        <v>0</v>
      </c>
      <c r="CU8" s="57">
        <v>0</v>
      </c>
      <c r="CV8" s="60">
        <v>0</v>
      </c>
      <c r="CW8" s="61">
        <v>0</v>
      </c>
      <c r="CX8" s="56">
        <v>0</v>
      </c>
      <c r="CY8" s="57">
        <v>0</v>
      </c>
      <c r="CZ8" s="58">
        <v>0</v>
      </c>
      <c r="DA8" s="403">
        <v>0</v>
      </c>
      <c r="DB8" s="57">
        <v>0</v>
      </c>
      <c r="DC8" s="57">
        <v>0</v>
      </c>
      <c r="DD8" s="57">
        <v>0</v>
      </c>
      <c r="DE8" s="57">
        <v>0</v>
      </c>
      <c r="DF8" s="57">
        <v>0</v>
      </c>
      <c r="DG8" s="60">
        <v>0</v>
      </c>
      <c r="DH8" s="61">
        <v>0</v>
      </c>
      <c r="DI8" s="56">
        <v>5590</v>
      </c>
      <c r="DJ8" s="57">
        <v>73038</v>
      </c>
      <c r="DK8" s="58">
        <v>78628</v>
      </c>
      <c r="DL8" s="59">
        <v>0</v>
      </c>
      <c r="DM8" s="57">
        <v>5547536</v>
      </c>
      <c r="DN8" s="57">
        <v>19729212</v>
      </c>
      <c r="DO8" s="57">
        <v>56784884</v>
      </c>
      <c r="DP8" s="57">
        <v>69839386</v>
      </c>
      <c r="DQ8" s="57">
        <v>44090904</v>
      </c>
      <c r="DR8" s="60">
        <v>195991922</v>
      </c>
      <c r="DS8" s="62">
        <v>196070550</v>
      </c>
      <c r="DT8" s="56">
        <v>0</v>
      </c>
      <c r="DU8" s="57">
        <v>0</v>
      </c>
      <c r="DV8" s="58">
        <v>0</v>
      </c>
      <c r="DW8" s="403">
        <v>0</v>
      </c>
      <c r="DX8" s="57">
        <v>3404604</v>
      </c>
      <c r="DY8" s="57">
        <v>14064571</v>
      </c>
      <c r="DZ8" s="57">
        <v>47606127</v>
      </c>
      <c r="EA8" s="57">
        <v>61899644</v>
      </c>
      <c r="EB8" s="57">
        <v>38849358</v>
      </c>
      <c r="EC8" s="60">
        <v>165824304</v>
      </c>
      <c r="ED8" s="61">
        <v>165824304</v>
      </c>
      <c r="EE8" s="56">
        <v>0</v>
      </c>
      <c r="EF8" s="57">
        <v>0</v>
      </c>
      <c r="EG8" s="58">
        <v>0</v>
      </c>
      <c r="EH8" s="403">
        <v>0</v>
      </c>
      <c r="EI8" s="57">
        <v>1173944</v>
      </c>
      <c r="EJ8" s="57">
        <v>2982775</v>
      </c>
      <c r="EK8" s="57">
        <v>3578527</v>
      </c>
      <c r="EL8" s="57">
        <v>3889681</v>
      </c>
      <c r="EM8" s="57">
        <v>2245126</v>
      </c>
      <c r="EN8" s="60">
        <v>13870053</v>
      </c>
      <c r="EO8" s="61">
        <v>13870053</v>
      </c>
      <c r="EP8" s="56">
        <v>0</v>
      </c>
      <c r="EQ8" s="57">
        <v>0</v>
      </c>
      <c r="ER8" s="58">
        <v>0</v>
      </c>
      <c r="ES8" s="403">
        <v>0</v>
      </c>
      <c r="ET8" s="57">
        <v>0</v>
      </c>
      <c r="EU8" s="57">
        <v>0</v>
      </c>
      <c r="EV8" s="57">
        <v>0</v>
      </c>
      <c r="EW8" s="57">
        <v>0</v>
      </c>
      <c r="EX8" s="57">
        <v>0</v>
      </c>
      <c r="EY8" s="60">
        <v>0</v>
      </c>
      <c r="EZ8" s="61">
        <v>0</v>
      </c>
      <c r="FA8" s="56">
        <v>0</v>
      </c>
      <c r="FB8" s="57">
        <v>0</v>
      </c>
      <c r="FC8" s="58">
        <v>0</v>
      </c>
      <c r="FD8" s="403">
        <v>0</v>
      </c>
      <c r="FE8" s="57">
        <v>210</v>
      </c>
      <c r="FF8" s="57">
        <v>210</v>
      </c>
      <c r="FG8" s="57">
        <v>11692</v>
      </c>
      <c r="FH8" s="57">
        <v>85890</v>
      </c>
      <c r="FI8" s="57">
        <v>199276</v>
      </c>
      <c r="FJ8" s="60">
        <v>297278</v>
      </c>
      <c r="FK8" s="61">
        <v>297278</v>
      </c>
      <c r="FL8" s="56">
        <v>0</v>
      </c>
      <c r="FM8" s="57">
        <v>0</v>
      </c>
      <c r="FN8" s="58">
        <v>0</v>
      </c>
      <c r="FO8" s="403">
        <v>0</v>
      </c>
      <c r="FP8" s="57">
        <v>56460</v>
      </c>
      <c r="FQ8" s="57">
        <v>116010</v>
      </c>
      <c r="FR8" s="57">
        <v>364634</v>
      </c>
      <c r="FS8" s="57">
        <v>349934</v>
      </c>
      <c r="FT8" s="57">
        <v>401928</v>
      </c>
      <c r="FU8" s="60">
        <v>1288966</v>
      </c>
      <c r="FV8" s="61">
        <v>1288966</v>
      </c>
      <c r="FW8" s="56">
        <v>4158</v>
      </c>
      <c r="FX8" s="57">
        <v>73038</v>
      </c>
      <c r="FY8" s="58">
        <v>77196</v>
      </c>
      <c r="FZ8" s="59">
        <v>0</v>
      </c>
      <c r="GA8" s="57">
        <v>876858</v>
      </c>
      <c r="GB8" s="57">
        <v>2479328</v>
      </c>
      <c r="GC8" s="57">
        <v>5132438</v>
      </c>
      <c r="GD8" s="57">
        <v>3528430</v>
      </c>
      <c r="GE8" s="57">
        <v>2311928</v>
      </c>
      <c r="GF8" s="60">
        <v>14328982</v>
      </c>
      <c r="GG8" s="61">
        <v>14406178</v>
      </c>
      <c r="GH8" s="56">
        <v>1432</v>
      </c>
      <c r="GI8" s="57">
        <v>0</v>
      </c>
      <c r="GJ8" s="58">
        <v>1432</v>
      </c>
      <c r="GK8" s="59">
        <v>0</v>
      </c>
      <c r="GL8" s="57">
        <v>35460</v>
      </c>
      <c r="GM8" s="57">
        <v>86318</v>
      </c>
      <c r="GN8" s="57">
        <v>91466</v>
      </c>
      <c r="GO8" s="57">
        <v>85807</v>
      </c>
      <c r="GP8" s="57">
        <v>83288</v>
      </c>
      <c r="GQ8" s="60">
        <v>382339</v>
      </c>
      <c r="GR8" s="61">
        <v>383771</v>
      </c>
      <c r="GS8" s="56">
        <v>0</v>
      </c>
      <c r="GT8" s="57">
        <v>0</v>
      </c>
      <c r="GU8" s="58">
        <v>0</v>
      </c>
      <c r="GV8" s="59">
        <v>0</v>
      </c>
      <c r="GW8" s="57">
        <v>0</v>
      </c>
      <c r="GX8" s="57">
        <v>0</v>
      </c>
      <c r="GY8" s="57">
        <v>0</v>
      </c>
      <c r="GZ8" s="57">
        <v>0</v>
      </c>
      <c r="HA8" s="57">
        <v>0</v>
      </c>
      <c r="HB8" s="60">
        <v>0</v>
      </c>
      <c r="HC8" s="61">
        <v>0</v>
      </c>
      <c r="HD8" s="56">
        <v>0</v>
      </c>
      <c r="HE8" s="57">
        <v>0</v>
      </c>
      <c r="HF8" s="58">
        <v>0</v>
      </c>
      <c r="HG8" s="403">
        <v>0</v>
      </c>
      <c r="HH8" s="57">
        <v>0</v>
      </c>
      <c r="HI8" s="57">
        <v>0</v>
      </c>
      <c r="HJ8" s="57">
        <v>0</v>
      </c>
      <c r="HK8" s="57">
        <v>0</v>
      </c>
      <c r="HL8" s="57">
        <v>0</v>
      </c>
      <c r="HM8" s="60">
        <v>0</v>
      </c>
      <c r="HN8" s="61">
        <v>0</v>
      </c>
      <c r="HO8" s="56">
        <v>6170</v>
      </c>
      <c r="HP8" s="57">
        <v>107093</v>
      </c>
      <c r="HQ8" s="58">
        <v>113263</v>
      </c>
      <c r="HR8" s="59">
        <v>0</v>
      </c>
      <c r="HS8" s="57">
        <v>12273507</v>
      </c>
      <c r="HT8" s="57">
        <v>39719204</v>
      </c>
      <c r="HU8" s="57">
        <v>105282972</v>
      </c>
      <c r="HV8" s="57">
        <v>134319736</v>
      </c>
      <c r="HW8" s="57">
        <v>83837635</v>
      </c>
      <c r="HX8" s="60">
        <v>375433054</v>
      </c>
      <c r="HY8" s="61">
        <v>375546317</v>
      </c>
    </row>
    <row r="9" spans="2:233" ht="21" customHeight="1" x14ac:dyDescent="0.2">
      <c r="B9" s="106" t="s">
        <v>6</v>
      </c>
      <c r="C9" s="24">
        <v>6890</v>
      </c>
      <c r="D9" s="25">
        <v>13616</v>
      </c>
      <c r="E9" s="26">
        <v>20506</v>
      </c>
      <c r="F9" s="27">
        <v>0</v>
      </c>
      <c r="G9" s="25">
        <v>2451538</v>
      </c>
      <c r="H9" s="25">
        <v>4622539</v>
      </c>
      <c r="I9" s="25">
        <v>15001265</v>
      </c>
      <c r="J9" s="25">
        <v>21151356</v>
      </c>
      <c r="K9" s="25">
        <v>12670600</v>
      </c>
      <c r="L9" s="28">
        <v>55897298</v>
      </c>
      <c r="M9" s="29">
        <v>55917804</v>
      </c>
      <c r="N9" s="24">
        <v>0</v>
      </c>
      <c r="O9" s="25">
        <v>0</v>
      </c>
      <c r="P9" s="26">
        <v>0</v>
      </c>
      <c r="Q9" s="404">
        <v>0</v>
      </c>
      <c r="R9" s="25">
        <v>989175</v>
      </c>
      <c r="S9" s="25">
        <v>1704235</v>
      </c>
      <c r="T9" s="25">
        <v>10550910</v>
      </c>
      <c r="U9" s="25">
        <v>15550280</v>
      </c>
      <c r="V9" s="25">
        <v>9551825</v>
      </c>
      <c r="W9" s="28">
        <v>38346425</v>
      </c>
      <c r="X9" s="29">
        <v>38346425</v>
      </c>
      <c r="Y9" s="24">
        <v>0</v>
      </c>
      <c r="Z9" s="25">
        <v>0</v>
      </c>
      <c r="AA9" s="26">
        <v>0</v>
      </c>
      <c r="AB9" s="404">
        <v>0</v>
      </c>
      <c r="AC9" s="25">
        <v>1195980</v>
      </c>
      <c r="AD9" s="25">
        <v>2400515</v>
      </c>
      <c r="AE9" s="25">
        <v>3104390</v>
      </c>
      <c r="AF9" s="25">
        <v>4121045</v>
      </c>
      <c r="AG9" s="25">
        <v>1892315</v>
      </c>
      <c r="AH9" s="28">
        <v>12714245</v>
      </c>
      <c r="AI9" s="29">
        <v>12714245</v>
      </c>
      <c r="AJ9" s="24">
        <v>0</v>
      </c>
      <c r="AK9" s="25">
        <v>0</v>
      </c>
      <c r="AL9" s="26">
        <v>0</v>
      </c>
      <c r="AM9" s="404">
        <v>0</v>
      </c>
      <c r="AN9" s="25">
        <v>0</v>
      </c>
      <c r="AO9" s="25">
        <v>0</v>
      </c>
      <c r="AP9" s="25">
        <v>0</v>
      </c>
      <c r="AQ9" s="25">
        <v>0</v>
      </c>
      <c r="AR9" s="25">
        <v>0</v>
      </c>
      <c r="AS9" s="28">
        <v>0</v>
      </c>
      <c r="AT9" s="29">
        <v>0</v>
      </c>
      <c r="AU9" s="24">
        <v>0</v>
      </c>
      <c r="AV9" s="25">
        <v>0</v>
      </c>
      <c r="AW9" s="26">
        <v>0</v>
      </c>
      <c r="AX9" s="404">
        <v>0</v>
      </c>
      <c r="AY9" s="25">
        <v>0</v>
      </c>
      <c r="AZ9" s="25">
        <v>0</v>
      </c>
      <c r="BA9" s="25">
        <v>680</v>
      </c>
      <c r="BB9" s="25">
        <v>233875</v>
      </c>
      <c r="BC9" s="25">
        <v>341155</v>
      </c>
      <c r="BD9" s="28">
        <v>575710</v>
      </c>
      <c r="BE9" s="29">
        <v>575710</v>
      </c>
      <c r="BF9" s="24">
        <v>0</v>
      </c>
      <c r="BG9" s="25">
        <v>0</v>
      </c>
      <c r="BH9" s="26">
        <v>0</v>
      </c>
      <c r="BI9" s="404">
        <v>0</v>
      </c>
      <c r="BJ9" s="25">
        <v>26400</v>
      </c>
      <c r="BK9" s="25">
        <v>123900</v>
      </c>
      <c r="BL9" s="25">
        <v>432250</v>
      </c>
      <c r="BM9" s="25">
        <v>412215</v>
      </c>
      <c r="BN9" s="25">
        <v>320210</v>
      </c>
      <c r="BO9" s="28">
        <v>1314975</v>
      </c>
      <c r="BP9" s="29">
        <v>1314975</v>
      </c>
      <c r="BQ9" s="24">
        <v>6890</v>
      </c>
      <c r="BR9" s="25">
        <v>13616</v>
      </c>
      <c r="BS9" s="26">
        <v>20506</v>
      </c>
      <c r="BT9" s="27">
        <v>0</v>
      </c>
      <c r="BU9" s="25">
        <v>224776</v>
      </c>
      <c r="BV9" s="25">
        <v>331078</v>
      </c>
      <c r="BW9" s="25">
        <v>838433</v>
      </c>
      <c r="BX9" s="25">
        <v>800238</v>
      </c>
      <c r="BY9" s="25">
        <v>513780</v>
      </c>
      <c r="BZ9" s="28">
        <v>2708305</v>
      </c>
      <c r="CA9" s="29">
        <v>2728811</v>
      </c>
      <c r="CB9" s="24">
        <v>0</v>
      </c>
      <c r="CC9" s="25">
        <v>0</v>
      </c>
      <c r="CD9" s="26">
        <v>0</v>
      </c>
      <c r="CE9" s="27">
        <v>0</v>
      </c>
      <c r="CF9" s="25">
        <v>15207</v>
      </c>
      <c r="CG9" s="25">
        <v>62811</v>
      </c>
      <c r="CH9" s="25">
        <v>74602</v>
      </c>
      <c r="CI9" s="25">
        <v>33703</v>
      </c>
      <c r="CJ9" s="25">
        <v>51315</v>
      </c>
      <c r="CK9" s="28">
        <v>237638</v>
      </c>
      <c r="CL9" s="29">
        <v>237638</v>
      </c>
      <c r="CM9" s="24">
        <v>0</v>
      </c>
      <c r="CN9" s="25">
        <v>0</v>
      </c>
      <c r="CO9" s="26">
        <v>0</v>
      </c>
      <c r="CP9" s="27">
        <v>0</v>
      </c>
      <c r="CQ9" s="25">
        <v>0</v>
      </c>
      <c r="CR9" s="25">
        <v>0</v>
      </c>
      <c r="CS9" s="25">
        <v>0</v>
      </c>
      <c r="CT9" s="25">
        <v>0</v>
      </c>
      <c r="CU9" s="25">
        <v>0</v>
      </c>
      <c r="CV9" s="28">
        <v>0</v>
      </c>
      <c r="CW9" s="29">
        <v>0</v>
      </c>
      <c r="CX9" s="24">
        <v>0</v>
      </c>
      <c r="CY9" s="25">
        <v>0</v>
      </c>
      <c r="CZ9" s="26">
        <v>0</v>
      </c>
      <c r="DA9" s="404">
        <v>0</v>
      </c>
      <c r="DB9" s="25">
        <v>0</v>
      </c>
      <c r="DC9" s="25">
        <v>0</v>
      </c>
      <c r="DD9" s="25">
        <v>0</v>
      </c>
      <c r="DE9" s="25">
        <v>0</v>
      </c>
      <c r="DF9" s="25">
        <v>0</v>
      </c>
      <c r="DG9" s="28">
        <v>0</v>
      </c>
      <c r="DH9" s="29">
        <v>0</v>
      </c>
      <c r="DI9" s="24">
        <v>7510</v>
      </c>
      <c r="DJ9" s="25">
        <v>17142</v>
      </c>
      <c r="DK9" s="26">
        <v>24652</v>
      </c>
      <c r="DL9" s="27">
        <v>0</v>
      </c>
      <c r="DM9" s="25">
        <v>1470625</v>
      </c>
      <c r="DN9" s="25">
        <v>3036061</v>
      </c>
      <c r="DO9" s="25">
        <v>13660639</v>
      </c>
      <c r="DP9" s="25">
        <v>19355696</v>
      </c>
      <c r="DQ9" s="25">
        <v>12540940</v>
      </c>
      <c r="DR9" s="28">
        <v>50063961</v>
      </c>
      <c r="DS9" s="30">
        <v>50088613</v>
      </c>
      <c r="DT9" s="24">
        <v>0</v>
      </c>
      <c r="DU9" s="25">
        <v>0</v>
      </c>
      <c r="DV9" s="26">
        <v>0</v>
      </c>
      <c r="DW9" s="404">
        <v>0</v>
      </c>
      <c r="DX9" s="25">
        <v>918558</v>
      </c>
      <c r="DY9" s="25">
        <v>1922852</v>
      </c>
      <c r="DZ9" s="25">
        <v>11144281</v>
      </c>
      <c r="EA9" s="25">
        <v>16563121</v>
      </c>
      <c r="EB9" s="25">
        <v>10540860</v>
      </c>
      <c r="EC9" s="28">
        <v>41089672</v>
      </c>
      <c r="ED9" s="29">
        <v>41089672</v>
      </c>
      <c r="EE9" s="24">
        <v>0</v>
      </c>
      <c r="EF9" s="25">
        <v>0</v>
      </c>
      <c r="EG9" s="26">
        <v>0</v>
      </c>
      <c r="EH9" s="404">
        <v>0</v>
      </c>
      <c r="EI9" s="25">
        <v>217814</v>
      </c>
      <c r="EJ9" s="25">
        <v>368996</v>
      </c>
      <c r="EK9" s="25">
        <v>711455</v>
      </c>
      <c r="EL9" s="25">
        <v>774427</v>
      </c>
      <c r="EM9" s="25">
        <v>576391</v>
      </c>
      <c r="EN9" s="28">
        <v>2649083</v>
      </c>
      <c r="EO9" s="29">
        <v>2649083</v>
      </c>
      <c r="EP9" s="24">
        <v>0</v>
      </c>
      <c r="EQ9" s="25">
        <v>0</v>
      </c>
      <c r="ER9" s="26">
        <v>0</v>
      </c>
      <c r="ES9" s="404">
        <v>0</v>
      </c>
      <c r="ET9" s="25">
        <v>0</v>
      </c>
      <c r="EU9" s="25">
        <v>0</v>
      </c>
      <c r="EV9" s="25">
        <v>0</v>
      </c>
      <c r="EW9" s="25">
        <v>0</v>
      </c>
      <c r="EX9" s="25">
        <v>0</v>
      </c>
      <c r="EY9" s="28">
        <v>0</v>
      </c>
      <c r="EZ9" s="29">
        <v>0</v>
      </c>
      <c r="FA9" s="24">
        <v>0</v>
      </c>
      <c r="FB9" s="25">
        <v>0</v>
      </c>
      <c r="FC9" s="26">
        <v>0</v>
      </c>
      <c r="FD9" s="404">
        <v>0</v>
      </c>
      <c r="FE9" s="25">
        <v>0</v>
      </c>
      <c r="FF9" s="25">
        <v>0</v>
      </c>
      <c r="FG9" s="25">
        <v>63</v>
      </c>
      <c r="FH9" s="25">
        <v>47970</v>
      </c>
      <c r="FI9" s="25">
        <v>48548</v>
      </c>
      <c r="FJ9" s="28">
        <v>96581</v>
      </c>
      <c r="FK9" s="29">
        <v>96581</v>
      </c>
      <c r="FL9" s="24">
        <v>0</v>
      </c>
      <c r="FM9" s="25">
        <v>0</v>
      </c>
      <c r="FN9" s="26">
        <v>0</v>
      </c>
      <c r="FO9" s="404">
        <v>0</v>
      </c>
      <c r="FP9" s="25">
        <v>41760</v>
      </c>
      <c r="FQ9" s="25">
        <v>186510</v>
      </c>
      <c r="FR9" s="25">
        <v>675492</v>
      </c>
      <c r="FS9" s="25">
        <v>775638</v>
      </c>
      <c r="FT9" s="25">
        <v>617826</v>
      </c>
      <c r="FU9" s="28">
        <v>2297226</v>
      </c>
      <c r="FV9" s="29">
        <v>2297226</v>
      </c>
      <c r="FW9" s="24">
        <v>7510</v>
      </c>
      <c r="FX9" s="25">
        <v>17142</v>
      </c>
      <c r="FY9" s="26">
        <v>24652</v>
      </c>
      <c r="FZ9" s="27">
        <v>0</v>
      </c>
      <c r="GA9" s="25">
        <v>287108</v>
      </c>
      <c r="GB9" s="25">
        <v>505145</v>
      </c>
      <c r="GC9" s="25">
        <v>1083786</v>
      </c>
      <c r="GD9" s="25">
        <v>1159768</v>
      </c>
      <c r="GE9" s="25">
        <v>683520</v>
      </c>
      <c r="GF9" s="28">
        <v>3719327</v>
      </c>
      <c r="GG9" s="29">
        <v>3743979</v>
      </c>
      <c r="GH9" s="24">
        <v>0</v>
      </c>
      <c r="GI9" s="25">
        <v>0</v>
      </c>
      <c r="GJ9" s="26">
        <v>0</v>
      </c>
      <c r="GK9" s="27">
        <v>0</v>
      </c>
      <c r="GL9" s="25">
        <v>5385</v>
      </c>
      <c r="GM9" s="25">
        <v>52558</v>
      </c>
      <c r="GN9" s="25">
        <v>45562</v>
      </c>
      <c r="GO9" s="25">
        <v>34772</v>
      </c>
      <c r="GP9" s="25">
        <v>73795</v>
      </c>
      <c r="GQ9" s="28">
        <v>212072</v>
      </c>
      <c r="GR9" s="29">
        <v>212072</v>
      </c>
      <c r="GS9" s="24">
        <v>0</v>
      </c>
      <c r="GT9" s="25">
        <v>0</v>
      </c>
      <c r="GU9" s="26">
        <v>0</v>
      </c>
      <c r="GV9" s="27">
        <v>0</v>
      </c>
      <c r="GW9" s="25">
        <v>0</v>
      </c>
      <c r="GX9" s="25">
        <v>0</v>
      </c>
      <c r="GY9" s="25">
        <v>0</v>
      </c>
      <c r="GZ9" s="25">
        <v>0</v>
      </c>
      <c r="HA9" s="25">
        <v>0</v>
      </c>
      <c r="HB9" s="28">
        <v>0</v>
      </c>
      <c r="HC9" s="29">
        <v>0</v>
      </c>
      <c r="HD9" s="24">
        <v>0</v>
      </c>
      <c r="HE9" s="25">
        <v>0</v>
      </c>
      <c r="HF9" s="26">
        <v>0</v>
      </c>
      <c r="HG9" s="404">
        <v>0</v>
      </c>
      <c r="HH9" s="25">
        <v>0</v>
      </c>
      <c r="HI9" s="25">
        <v>0</v>
      </c>
      <c r="HJ9" s="25">
        <v>0</v>
      </c>
      <c r="HK9" s="25">
        <v>0</v>
      </c>
      <c r="HL9" s="25">
        <v>0</v>
      </c>
      <c r="HM9" s="28">
        <v>0</v>
      </c>
      <c r="HN9" s="29">
        <v>0</v>
      </c>
      <c r="HO9" s="24">
        <v>14400</v>
      </c>
      <c r="HP9" s="25">
        <v>30758</v>
      </c>
      <c r="HQ9" s="26">
        <v>45158</v>
      </c>
      <c r="HR9" s="27">
        <v>0</v>
      </c>
      <c r="HS9" s="25">
        <v>3922163</v>
      </c>
      <c r="HT9" s="25">
        <v>7658600</v>
      </c>
      <c r="HU9" s="25">
        <v>28661904</v>
      </c>
      <c r="HV9" s="25">
        <v>40507052</v>
      </c>
      <c r="HW9" s="25">
        <v>25211540</v>
      </c>
      <c r="HX9" s="28">
        <v>105961259</v>
      </c>
      <c r="HY9" s="29">
        <v>106006417</v>
      </c>
    </row>
    <row r="10" spans="2:233" ht="21" customHeight="1" x14ac:dyDescent="0.2">
      <c r="B10" s="106" t="s">
        <v>14</v>
      </c>
      <c r="C10" s="24">
        <v>0</v>
      </c>
      <c r="D10" s="25">
        <v>10004</v>
      </c>
      <c r="E10" s="26">
        <v>10004</v>
      </c>
      <c r="F10" s="27">
        <v>0</v>
      </c>
      <c r="G10" s="25">
        <v>542474</v>
      </c>
      <c r="H10" s="25">
        <v>1656613</v>
      </c>
      <c r="I10" s="25">
        <v>7350794</v>
      </c>
      <c r="J10" s="25">
        <v>11120829</v>
      </c>
      <c r="K10" s="25">
        <v>7332225</v>
      </c>
      <c r="L10" s="28">
        <v>28002935</v>
      </c>
      <c r="M10" s="29">
        <v>28012939</v>
      </c>
      <c r="N10" s="24">
        <v>0</v>
      </c>
      <c r="O10" s="25">
        <v>0</v>
      </c>
      <c r="P10" s="26">
        <v>0</v>
      </c>
      <c r="Q10" s="404">
        <v>0</v>
      </c>
      <c r="R10" s="25">
        <v>97015</v>
      </c>
      <c r="S10" s="25">
        <v>239290</v>
      </c>
      <c r="T10" s="25">
        <v>5109841</v>
      </c>
      <c r="U10" s="25">
        <v>7842897</v>
      </c>
      <c r="V10" s="25">
        <v>5667965</v>
      </c>
      <c r="W10" s="28">
        <v>18957008</v>
      </c>
      <c r="X10" s="29">
        <v>18957008</v>
      </c>
      <c r="Y10" s="24">
        <v>0</v>
      </c>
      <c r="Z10" s="25">
        <v>0</v>
      </c>
      <c r="AA10" s="26">
        <v>0</v>
      </c>
      <c r="AB10" s="404">
        <v>0</v>
      </c>
      <c r="AC10" s="25">
        <v>369705</v>
      </c>
      <c r="AD10" s="25">
        <v>1189333</v>
      </c>
      <c r="AE10" s="25">
        <v>1518275</v>
      </c>
      <c r="AF10" s="25">
        <v>1899734</v>
      </c>
      <c r="AG10" s="25">
        <v>701710</v>
      </c>
      <c r="AH10" s="28">
        <v>5678757</v>
      </c>
      <c r="AI10" s="29">
        <v>5678757</v>
      </c>
      <c r="AJ10" s="24">
        <v>0</v>
      </c>
      <c r="AK10" s="25">
        <v>0</v>
      </c>
      <c r="AL10" s="26">
        <v>0</v>
      </c>
      <c r="AM10" s="404">
        <v>0</v>
      </c>
      <c r="AN10" s="25">
        <v>0</v>
      </c>
      <c r="AO10" s="25">
        <v>0</v>
      </c>
      <c r="AP10" s="25">
        <v>0</v>
      </c>
      <c r="AQ10" s="25">
        <v>0</v>
      </c>
      <c r="AR10" s="25">
        <v>43755</v>
      </c>
      <c r="AS10" s="28">
        <v>43755</v>
      </c>
      <c r="AT10" s="29">
        <v>43755</v>
      </c>
      <c r="AU10" s="24">
        <v>0</v>
      </c>
      <c r="AV10" s="25">
        <v>0</v>
      </c>
      <c r="AW10" s="26">
        <v>0</v>
      </c>
      <c r="AX10" s="404">
        <v>0</v>
      </c>
      <c r="AY10" s="25">
        <v>0</v>
      </c>
      <c r="AZ10" s="25">
        <v>0</v>
      </c>
      <c r="BA10" s="25">
        <v>7140</v>
      </c>
      <c r="BB10" s="25">
        <v>726340</v>
      </c>
      <c r="BC10" s="25">
        <v>652770</v>
      </c>
      <c r="BD10" s="28">
        <v>1386250</v>
      </c>
      <c r="BE10" s="29">
        <v>1386250</v>
      </c>
      <c r="BF10" s="24">
        <v>0</v>
      </c>
      <c r="BG10" s="25">
        <v>0</v>
      </c>
      <c r="BH10" s="26">
        <v>0</v>
      </c>
      <c r="BI10" s="404">
        <v>0</v>
      </c>
      <c r="BJ10" s="25">
        <v>0</v>
      </c>
      <c r="BK10" s="25">
        <v>0</v>
      </c>
      <c r="BL10" s="25">
        <v>63150</v>
      </c>
      <c r="BM10" s="25">
        <v>75900</v>
      </c>
      <c r="BN10" s="25">
        <v>34200</v>
      </c>
      <c r="BO10" s="28">
        <v>173250</v>
      </c>
      <c r="BP10" s="29">
        <v>173250</v>
      </c>
      <c r="BQ10" s="24">
        <v>0</v>
      </c>
      <c r="BR10" s="25">
        <v>10004</v>
      </c>
      <c r="BS10" s="26">
        <v>10004</v>
      </c>
      <c r="BT10" s="27">
        <v>0</v>
      </c>
      <c r="BU10" s="25">
        <v>75754</v>
      </c>
      <c r="BV10" s="25">
        <v>227990</v>
      </c>
      <c r="BW10" s="25">
        <v>650068</v>
      </c>
      <c r="BX10" s="25">
        <v>575958</v>
      </c>
      <c r="BY10" s="25">
        <v>230415</v>
      </c>
      <c r="BZ10" s="28">
        <v>1760185</v>
      </c>
      <c r="CA10" s="29">
        <v>1770189</v>
      </c>
      <c r="CB10" s="24">
        <v>0</v>
      </c>
      <c r="CC10" s="25">
        <v>0</v>
      </c>
      <c r="CD10" s="26">
        <v>0</v>
      </c>
      <c r="CE10" s="27">
        <v>0</v>
      </c>
      <c r="CF10" s="25">
        <v>0</v>
      </c>
      <c r="CG10" s="25">
        <v>0</v>
      </c>
      <c r="CH10" s="25">
        <v>2320</v>
      </c>
      <c r="CI10" s="25">
        <v>0</v>
      </c>
      <c r="CJ10" s="25">
        <v>1410</v>
      </c>
      <c r="CK10" s="28">
        <v>3730</v>
      </c>
      <c r="CL10" s="29">
        <v>3730</v>
      </c>
      <c r="CM10" s="24">
        <v>0</v>
      </c>
      <c r="CN10" s="25">
        <v>0</v>
      </c>
      <c r="CO10" s="26">
        <v>0</v>
      </c>
      <c r="CP10" s="27">
        <v>0</v>
      </c>
      <c r="CQ10" s="25">
        <v>0</v>
      </c>
      <c r="CR10" s="25">
        <v>0</v>
      </c>
      <c r="CS10" s="25">
        <v>0</v>
      </c>
      <c r="CT10" s="25">
        <v>0</v>
      </c>
      <c r="CU10" s="25">
        <v>0</v>
      </c>
      <c r="CV10" s="28">
        <v>0</v>
      </c>
      <c r="CW10" s="29">
        <v>0</v>
      </c>
      <c r="CX10" s="24">
        <v>0</v>
      </c>
      <c r="CY10" s="25">
        <v>0</v>
      </c>
      <c r="CZ10" s="26">
        <v>0</v>
      </c>
      <c r="DA10" s="404">
        <v>0</v>
      </c>
      <c r="DB10" s="25">
        <v>0</v>
      </c>
      <c r="DC10" s="25">
        <v>0</v>
      </c>
      <c r="DD10" s="25">
        <v>0</v>
      </c>
      <c r="DE10" s="25">
        <v>0</v>
      </c>
      <c r="DF10" s="25">
        <v>0</v>
      </c>
      <c r="DG10" s="28">
        <v>0</v>
      </c>
      <c r="DH10" s="29">
        <v>0</v>
      </c>
      <c r="DI10" s="24">
        <v>0</v>
      </c>
      <c r="DJ10" s="25">
        <v>11685</v>
      </c>
      <c r="DK10" s="26">
        <v>11685</v>
      </c>
      <c r="DL10" s="27">
        <v>0</v>
      </c>
      <c r="DM10" s="25">
        <v>306050</v>
      </c>
      <c r="DN10" s="25">
        <v>1122838</v>
      </c>
      <c r="DO10" s="25">
        <v>8726023</v>
      </c>
      <c r="DP10" s="25">
        <v>11552535</v>
      </c>
      <c r="DQ10" s="25">
        <v>7290309</v>
      </c>
      <c r="DR10" s="28">
        <v>28997755</v>
      </c>
      <c r="DS10" s="30">
        <v>29009440</v>
      </c>
      <c r="DT10" s="24">
        <v>0</v>
      </c>
      <c r="DU10" s="25">
        <v>0</v>
      </c>
      <c r="DV10" s="26">
        <v>0</v>
      </c>
      <c r="DW10" s="404">
        <v>0</v>
      </c>
      <c r="DX10" s="25">
        <v>84780</v>
      </c>
      <c r="DY10" s="25">
        <v>511430</v>
      </c>
      <c r="DZ10" s="25">
        <v>7583915</v>
      </c>
      <c r="EA10" s="25">
        <v>10158440</v>
      </c>
      <c r="EB10" s="25">
        <v>6501337</v>
      </c>
      <c r="EC10" s="28">
        <v>24839902</v>
      </c>
      <c r="ED10" s="29">
        <v>24839902</v>
      </c>
      <c r="EE10" s="24">
        <v>0</v>
      </c>
      <c r="EF10" s="25">
        <v>0</v>
      </c>
      <c r="EG10" s="26">
        <v>0</v>
      </c>
      <c r="EH10" s="404">
        <v>0</v>
      </c>
      <c r="EI10" s="25">
        <v>51766</v>
      </c>
      <c r="EJ10" s="25">
        <v>229697</v>
      </c>
      <c r="EK10" s="25">
        <v>88058</v>
      </c>
      <c r="EL10" s="25">
        <v>306630</v>
      </c>
      <c r="EM10" s="25">
        <v>130514</v>
      </c>
      <c r="EN10" s="28">
        <v>806665</v>
      </c>
      <c r="EO10" s="29">
        <v>806665</v>
      </c>
      <c r="EP10" s="24">
        <v>0</v>
      </c>
      <c r="EQ10" s="25">
        <v>0</v>
      </c>
      <c r="ER10" s="26">
        <v>0</v>
      </c>
      <c r="ES10" s="404">
        <v>0</v>
      </c>
      <c r="ET10" s="25">
        <v>0</v>
      </c>
      <c r="EU10" s="25">
        <v>0</v>
      </c>
      <c r="EV10" s="25">
        <v>0</v>
      </c>
      <c r="EW10" s="25">
        <v>0</v>
      </c>
      <c r="EX10" s="25">
        <v>10730</v>
      </c>
      <c r="EY10" s="28">
        <v>10730</v>
      </c>
      <c r="EZ10" s="29">
        <v>10730</v>
      </c>
      <c r="FA10" s="24">
        <v>0</v>
      </c>
      <c r="FB10" s="25">
        <v>0</v>
      </c>
      <c r="FC10" s="26">
        <v>0</v>
      </c>
      <c r="FD10" s="404">
        <v>0</v>
      </c>
      <c r="FE10" s="25">
        <v>0</v>
      </c>
      <c r="FF10" s="25">
        <v>0</v>
      </c>
      <c r="FG10" s="25">
        <v>420</v>
      </c>
      <c r="FH10" s="25">
        <v>103443</v>
      </c>
      <c r="FI10" s="25">
        <v>140133</v>
      </c>
      <c r="FJ10" s="28">
        <v>243996</v>
      </c>
      <c r="FK10" s="29">
        <v>243996</v>
      </c>
      <c r="FL10" s="24">
        <v>0</v>
      </c>
      <c r="FM10" s="25">
        <v>0</v>
      </c>
      <c r="FN10" s="26">
        <v>0</v>
      </c>
      <c r="FO10" s="404">
        <v>0</v>
      </c>
      <c r="FP10" s="25">
        <v>0</v>
      </c>
      <c r="FQ10" s="25">
        <v>0</v>
      </c>
      <c r="FR10" s="25">
        <v>119100</v>
      </c>
      <c r="FS10" s="25">
        <v>189810</v>
      </c>
      <c r="FT10" s="25">
        <v>56460</v>
      </c>
      <c r="FU10" s="28">
        <v>365370</v>
      </c>
      <c r="FV10" s="29">
        <v>365370</v>
      </c>
      <c r="FW10" s="24">
        <v>0</v>
      </c>
      <c r="FX10" s="25">
        <v>11685</v>
      </c>
      <c r="FY10" s="26">
        <v>11685</v>
      </c>
      <c r="FZ10" s="27">
        <v>0</v>
      </c>
      <c r="GA10" s="25">
        <v>169504</v>
      </c>
      <c r="GB10" s="25">
        <v>381711</v>
      </c>
      <c r="GC10" s="25">
        <v>928086</v>
      </c>
      <c r="GD10" s="25">
        <v>794212</v>
      </c>
      <c r="GE10" s="25">
        <v>451121</v>
      </c>
      <c r="GF10" s="28">
        <v>2724634</v>
      </c>
      <c r="GG10" s="29">
        <v>2736319</v>
      </c>
      <c r="GH10" s="24">
        <v>0</v>
      </c>
      <c r="GI10" s="25">
        <v>0</v>
      </c>
      <c r="GJ10" s="26">
        <v>0</v>
      </c>
      <c r="GK10" s="27">
        <v>0</v>
      </c>
      <c r="GL10" s="25">
        <v>0</v>
      </c>
      <c r="GM10" s="25">
        <v>0</v>
      </c>
      <c r="GN10" s="25">
        <v>6444</v>
      </c>
      <c r="GO10" s="25">
        <v>0</v>
      </c>
      <c r="GP10" s="25">
        <v>14</v>
      </c>
      <c r="GQ10" s="28">
        <v>6458</v>
      </c>
      <c r="GR10" s="29">
        <v>6458</v>
      </c>
      <c r="GS10" s="24">
        <v>0</v>
      </c>
      <c r="GT10" s="25">
        <v>0</v>
      </c>
      <c r="GU10" s="26">
        <v>0</v>
      </c>
      <c r="GV10" s="27">
        <v>0</v>
      </c>
      <c r="GW10" s="25">
        <v>0</v>
      </c>
      <c r="GX10" s="25">
        <v>0</v>
      </c>
      <c r="GY10" s="25">
        <v>0</v>
      </c>
      <c r="GZ10" s="25">
        <v>0</v>
      </c>
      <c r="HA10" s="25">
        <v>0</v>
      </c>
      <c r="HB10" s="28">
        <v>0</v>
      </c>
      <c r="HC10" s="29">
        <v>0</v>
      </c>
      <c r="HD10" s="24">
        <v>0</v>
      </c>
      <c r="HE10" s="25">
        <v>0</v>
      </c>
      <c r="HF10" s="26">
        <v>0</v>
      </c>
      <c r="HG10" s="404">
        <v>0</v>
      </c>
      <c r="HH10" s="25">
        <v>0</v>
      </c>
      <c r="HI10" s="25">
        <v>0</v>
      </c>
      <c r="HJ10" s="25">
        <v>0</v>
      </c>
      <c r="HK10" s="25">
        <v>0</v>
      </c>
      <c r="HL10" s="25">
        <v>0</v>
      </c>
      <c r="HM10" s="28">
        <v>0</v>
      </c>
      <c r="HN10" s="29">
        <v>0</v>
      </c>
      <c r="HO10" s="24">
        <v>0</v>
      </c>
      <c r="HP10" s="25">
        <v>21689</v>
      </c>
      <c r="HQ10" s="26">
        <v>21689</v>
      </c>
      <c r="HR10" s="27">
        <v>0</v>
      </c>
      <c r="HS10" s="25">
        <v>848524</v>
      </c>
      <c r="HT10" s="25">
        <v>2779451</v>
      </c>
      <c r="HU10" s="25">
        <v>16076817</v>
      </c>
      <c r="HV10" s="25">
        <v>22673364</v>
      </c>
      <c r="HW10" s="25">
        <v>14622534</v>
      </c>
      <c r="HX10" s="28">
        <v>57000690</v>
      </c>
      <c r="HY10" s="29">
        <v>57022379</v>
      </c>
    </row>
    <row r="11" spans="2:233" ht="21" customHeight="1" x14ac:dyDescent="0.2">
      <c r="B11" s="106" t="s">
        <v>7</v>
      </c>
      <c r="C11" s="24">
        <v>0</v>
      </c>
      <c r="D11" s="25">
        <v>4050</v>
      </c>
      <c r="E11" s="26">
        <v>4050</v>
      </c>
      <c r="F11" s="27">
        <v>0</v>
      </c>
      <c r="G11" s="25">
        <v>1745694</v>
      </c>
      <c r="H11" s="25">
        <v>2171103</v>
      </c>
      <c r="I11" s="25">
        <v>7203636</v>
      </c>
      <c r="J11" s="25">
        <v>7931789</v>
      </c>
      <c r="K11" s="25">
        <v>3679371</v>
      </c>
      <c r="L11" s="28">
        <v>22731593</v>
      </c>
      <c r="M11" s="29">
        <v>22735643</v>
      </c>
      <c r="N11" s="24">
        <v>0</v>
      </c>
      <c r="O11" s="25">
        <v>0</v>
      </c>
      <c r="P11" s="26">
        <v>0</v>
      </c>
      <c r="Q11" s="404">
        <v>0</v>
      </c>
      <c r="R11" s="25">
        <v>229650</v>
      </c>
      <c r="S11" s="25">
        <v>427940</v>
      </c>
      <c r="T11" s="25">
        <v>5303305</v>
      </c>
      <c r="U11" s="25">
        <v>5851055</v>
      </c>
      <c r="V11" s="25">
        <v>3075980</v>
      </c>
      <c r="W11" s="28">
        <v>14887930</v>
      </c>
      <c r="X11" s="29">
        <v>14887930</v>
      </c>
      <c r="Y11" s="24">
        <v>0</v>
      </c>
      <c r="Z11" s="25">
        <v>0</v>
      </c>
      <c r="AA11" s="26">
        <v>0</v>
      </c>
      <c r="AB11" s="404">
        <v>0</v>
      </c>
      <c r="AC11" s="25">
        <v>1361646</v>
      </c>
      <c r="AD11" s="25">
        <v>1467670</v>
      </c>
      <c r="AE11" s="25">
        <v>1491439</v>
      </c>
      <c r="AF11" s="25">
        <v>1790635</v>
      </c>
      <c r="AG11" s="25">
        <v>483986</v>
      </c>
      <c r="AH11" s="28">
        <v>6595376</v>
      </c>
      <c r="AI11" s="29">
        <v>6595376</v>
      </c>
      <c r="AJ11" s="24">
        <v>0</v>
      </c>
      <c r="AK11" s="25">
        <v>0</v>
      </c>
      <c r="AL11" s="26">
        <v>0</v>
      </c>
      <c r="AM11" s="404">
        <v>0</v>
      </c>
      <c r="AN11" s="25">
        <v>0</v>
      </c>
      <c r="AO11" s="25">
        <v>0</v>
      </c>
      <c r="AP11" s="25">
        <v>0</v>
      </c>
      <c r="AQ11" s="25">
        <v>0</v>
      </c>
      <c r="AR11" s="25">
        <v>0</v>
      </c>
      <c r="AS11" s="28">
        <v>0</v>
      </c>
      <c r="AT11" s="29">
        <v>0</v>
      </c>
      <c r="AU11" s="24">
        <v>0</v>
      </c>
      <c r="AV11" s="25">
        <v>0</v>
      </c>
      <c r="AW11" s="26">
        <v>0</v>
      </c>
      <c r="AX11" s="404">
        <v>0</v>
      </c>
      <c r="AY11" s="25">
        <v>0</v>
      </c>
      <c r="AZ11" s="25">
        <v>0</v>
      </c>
      <c r="BA11" s="25">
        <v>0</v>
      </c>
      <c r="BB11" s="25">
        <v>31650</v>
      </c>
      <c r="BC11" s="25">
        <v>34610</v>
      </c>
      <c r="BD11" s="28">
        <v>66260</v>
      </c>
      <c r="BE11" s="29">
        <v>66260</v>
      </c>
      <c r="BF11" s="24">
        <v>0</v>
      </c>
      <c r="BG11" s="25">
        <v>0</v>
      </c>
      <c r="BH11" s="26">
        <v>0</v>
      </c>
      <c r="BI11" s="404">
        <v>0</v>
      </c>
      <c r="BJ11" s="25">
        <v>0</v>
      </c>
      <c r="BK11" s="25">
        <v>0</v>
      </c>
      <c r="BL11" s="25">
        <v>0</v>
      </c>
      <c r="BM11" s="25">
        <v>0</v>
      </c>
      <c r="BN11" s="25">
        <v>0</v>
      </c>
      <c r="BO11" s="28">
        <v>0</v>
      </c>
      <c r="BP11" s="29">
        <v>0</v>
      </c>
      <c r="BQ11" s="24">
        <v>0</v>
      </c>
      <c r="BR11" s="25">
        <v>4050</v>
      </c>
      <c r="BS11" s="26">
        <v>4050</v>
      </c>
      <c r="BT11" s="27">
        <v>0</v>
      </c>
      <c r="BU11" s="25">
        <v>140998</v>
      </c>
      <c r="BV11" s="25">
        <v>257382</v>
      </c>
      <c r="BW11" s="25">
        <v>399422</v>
      </c>
      <c r="BX11" s="25">
        <v>256339</v>
      </c>
      <c r="BY11" s="25">
        <v>71770</v>
      </c>
      <c r="BZ11" s="28">
        <v>1125911</v>
      </c>
      <c r="CA11" s="29">
        <v>1129961</v>
      </c>
      <c r="CB11" s="24">
        <v>0</v>
      </c>
      <c r="CC11" s="25">
        <v>0</v>
      </c>
      <c r="CD11" s="26">
        <v>0</v>
      </c>
      <c r="CE11" s="27">
        <v>0</v>
      </c>
      <c r="CF11" s="25">
        <v>13400</v>
      </c>
      <c r="CG11" s="25">
        <v>18111</v>
      </c>
      <c r="CH11" s="25">
        <v>9470</v>
      </c>
      <c r="CI11" s="25">
        <v>2110</v>
      </c>
      <c r="CJ11" s="25">
        <v>13025</v>
      </c>
      <c r="CK11" s="28">
        <v>56116</v>
      </c>
      <c r="CL11" s="29">
        <v>56116</v>
      </c>
      <c r="CM11" s="24">
        <v>0</v>
      </c>
      <c r="CN11" s="25">
        <v>0</v>
      </c>
      <c r="CO11" s="26">
        <v>0</v>
      </c>
      <c r="CP11" s="27">
        <v>0</v>
      </c>
      <c r="CQ11" s="25">
        <v>0</v>
      </c>
      <c r="CR11" s="25">
        <v>0</v>
      </c>
      <c r="CS11" s="25">
        <v>0</v>
      </c>
      <c r="CT11" s="25">
        <v>0</v>
      </c>
      <c r="CU11" s="25">
        <v>0</v>
      </c>
      <c r="CV11" s="28">
        <v>0</v>
      </c>
      <c r="CW11" s="29">
        <v>0</v>
      </c>
      <c r="CX11" s="24">
        <v>0</v>
      </c>
      <c r="CY11" s="25">
        <v>0</v>
      </c>
      <c r="CZ11" s="26">
        <v>0</v>
      </c>
      <c r="DA11" s="404">
        <v>0</v>
      </c>
      <c r="DB11" s="25">
        <v>0</v>
      </c>
      <c r="DC11" s="25">
        <v>0</v>
      </c>
      <c r="DD11" s="25">
        <v>0</v>
      </c>
      <c r="DE11" s="25">
        <v>0</v>
      </c>
      <c r="DF11" s="25">
        <v>0</v>
      </c>
      <c r="DG11" s="28">
        <v>0</v>
      </c>
      <c r="DH11" s="29">
        <v>0</v>
      </c>
      <c r="DI11" s="24">
        <v>0</v>
      </c>
      <c r="DJ11" s="25">
        <v>4451</v>
      </c>
      <c r="DK11" s="26">
        <v>4451</v>
      </c>
      <c r="DL11" s="27">
        <v>0</v>
      </c>
      <c r="DM11" s="25">
        <v>656343</v>
      </c>
      <c r="DN11" s="25">
        <v>1069765</v>
      </c>
      <c r="DO11" s="25">
        <v>7495877</v>
      </c>
      <c r="DP11" s="25">
        <v>7624950</v>
      </c>
      <c r="DQ11" s="25">
        <v>4081482</v>
      </c>
      <c r="DR11" s="28">
        <v>20928417</v>
      </c>
      <c r="DS11" s="30">
        <v>20932868</v>
      </c>
      <c r="DT11" s="24">
        <v>0</v>
      </c>
      <c r="DU11" s="25">
        <v>0</v>
      </c>
      <c r="DV11" s="26">
        <v>0</v>
      </c>
      <c r="DW11" s="404">
        <v>0</v>
      </c>
      <c r="DX11" s="25">
        <v>241740</v>
      </c>
      <c r="DY11" s="25">
        <v>468974</v>
      </c>
      <c r="DZ11" s="25">
        <v>6485311</v>
      </c>
      <c r="EA11" s="25">
        <v>6963301</v>
      </c>
      <c r="EB11" s="25">
        <v>3850522</v>
      </c>
      <c r="EC11" s="28">
        <v>18009848</v>
      </c>
      <c r="ED11" s="29">
        <v>18009848</v>
      </c>
      <c r="EE11" s="24">
        <v>0</v>
      </c>
      <c r="EF11" s="25">
        <v>0</v>
      </c>
      <c r="EG11" s="26">
        <v>0</v>
      </c>
      <c r="EH11" s="404">
        <v>0</v>
      </c>
      <c r="EI11" s="25">
        <v>149169</v>
      </c>
      <c r="EJ11" s="25">
        <v>181923</v>
      </c>
      <c r="EK11" s="25">
        <v>354130</v>
      </c>
      <c r="EL11" s="25">
        <v>274617</v>
      </c>
      <c r="EM11" s="25">
        <v>106261</v>
      </c>
      <c r="EN11" s="28">
        <v>1066100</v>
      </c>
      <c r="EO11" s="29">
        <v>1066100</v>
      </c>
      <c r="EP11" s="24">
        <v>0</v>
      </c>
      <c r="EQ11" s="25">
        <v>0</v>
      </c>
      <c r="ER11" s="26">
        <v>0</v>
      </c>
      <c r="ES11" s="404">
        <v>0</v>
      </c>
      <c r="ET11" s="25">
        <v>0</v>
      </c>
      <c r="EU11" s="25">
        <v>0</v>
      </c>
      <c r="EV11" s="25">
        <v>0</v>
      </c>
      <c r="EW11" s="25">
        <v>0</v>
      </c>
      <c r="EX11" s="25">
        <v>0</v>
      </c>
      <c r="EY11" s="28">
        <v>0</v>
      </c>
      <c r="EZ11" s="29">
        <v>0</v>
      </c>
      <c r="FA11" s="24">
        <v>0</v>
      </c>
      <c r="FB11" s="25">
        <v>0</v>
      </c>
      <c r="FC11" s="26">
        <v>0</v>
      </c>
      <c r="FD11" s="404">
        <v>0</v>
      </c>
      <c r="FE11" s="25">
        <v>0</v>
      </c>
      <c r="FF11" s="25">
        <v>0</v>
      </c>
      <c r="FG11" s="25">
        <v>0</v>
      </c>
      <c r="FH11" s="25">
        <v>301</v>
      </c>
      <c r="FI11" s="25">
        <v>10766</v>
      </c>
      <c r="FJ11" s="28">
        <v>11067</v>
      </c>
      <c r="FK11" s="29">
        <v>11067</v>
      </c>
      <c r="FL11" s="24">
        <v>0</v>
      </c>
      <c r="FM11" s="25">
        <v>0</v>
      </c>
      <c r="FN11" s="26">
        <v>0</v>
      </c>
      <c r="FO11" s="404">
        <v>0</v>
      </c>
      <c r="FP11" s="25">
        <v>0</v>
      </c>
      <c r="FQ11" s="25">
        <v>0</v>
      </c>
      <c r="FR11" s="25">
        <v>0</v>
      </c>
      <c r="FS11" s="25">
        <v>0</v>
      </c>
      <c r="FT11" s="25">
        <v>0</v>
      </c>
      <c r="FU11" s="28">
        <v>0</v>
      </c>
      <c r="FV11" s="29">
        <v>0</v>
      </c>
      <c r="FW11" s="24">
        <v>0</v>
      </c>
      <c r="FX11" s="25">
        <v>4451</v>
      </c>
      <c r="FY11" s="26">
        <v>4451</v>
      </c>
      <c r="FZ11" s="27">
        <v>0</v>
      </c>
      <c r="GA11" s="25">
        <v>263346</v>
      </c>
      <c r="GB11" s="25">
        <v>392508</v>
      </c>
      <c r="GC11" s="25">
        <v>651295</v>
      </c>
      <c r="GD11" s="25">
        <v>386612</v>
      </c>
      <c r="GE11" s="25">
        <v>113786</v>
      </c>
      <c r="GF11" s="28">
        <v>1807547</v>
      </c>
      <c r="GG11" s="29">
        <v>1811998</v>
      </c>
      <c r="GH11" s="24">
        <v>0</v>
      </c>
      <c r="GI11" s="25">
        <v>0</v>
      </c>
      <c r="GJ11" s="26">
        <v>0</v>
      </c>
      <c r="GK11" s="27">
        <v>0</v>
      </c>
      <c r="GL11" s="25">
        <v>2088</v>
      </c>
      <c r="GM11" s="25">
        <v>26360</v>
      </c>
      <c r="GN11" s="25">
        <v>5141</v>
      </c>
      <c r="GO11" s="25">
        <v>119</v>
      </c>
      <c r="GP11" s="25">
        <v>147</v>
      </c>
      <c r="GQ11" s="28">
        <v>33855</v>
      </c>
      <c r="GR11" s="29">
        <v>33855</v>
      </c>
      <c r="GS11" s="24">
        <v>0</v>
      </c>
      <c r="GT11" s="25">
        <v>0</v>
      </c>
      <c r="GU11" s="26">
        <v>0</v>
      </c>
      <c r="GV11" s="27">
        <v>0</v>
      </c>
      <c r="GW11" s="25">
        <v>0</v>
      </c>
      <c r="GX11" s="25">
        <v>0</v>
      </c>
      <c r="GY11" s="25">
        <v>0</v>
      </c>
      <c r="GZ11" s="25">
        <v>0</v>
      </c>
      <c r="HA11" s="25">
        <v>0</v>
      </c>
      <c r="HB11" s="28">
        <v>0</v>
      </c>
      <c r="HC11" s="29">
        <v>0</v>
      </c>
      <c r="HD11" s="24">
        <v>0</v>
      </c>
      <c r="HE11" s="25">
        <v>0</v>
      </c>
      <c r="HF11" s="26">
        <v>0</v>
      </c>
      <c r="HG11" s="404">
        <v>0</v>
      </c>
      <c r="HH11" s="25">
        <v>0</v>
      </c>
      <c r="HI11" s="25">
        <v>0</v>
      </c>
      <c r="HJ11" s="25">
        <v>0</v>
      </c>
      <c r="HK11" s="25">
        <v>0</v>
      </c>
      <c r="HL11" s="25">
        <v>0</v>
      </c>
      <c r="HM11" s="28">
        <v>0</v>
      </c>
      <c r="HN11" s="29">
        <v>0</v>
      </c>
      <c r="HO11" s="24">
        <v>0</v>
      </c>
      <c r="HP11" s="25">
        <v>8501</v>
      </c>
      <c r="HQ11" s="26">
        <v>8501</v>
      </c>
      <c r="HR11" s="27">
        <v>0</v>
      </c>
      <c r="HS11" s="25">
        <v>2402037</v>
      </c>
      <c r="HT11" s="25">
        <v>3240868</v>
      </c>
      <c r="HU11" s="25">
        <v>14699513</v>
      </c>
      <c r="HV11" s="25">
        <v>15556739</v>
      </c>
      <c r="HW11" s="25">
        <v>7760853</v>
      </c>
      <c r="HX11" s="28">
        <v>43660010</v>
      </c>
      <c r="HY11" s="29">
        <v>43668511</v>
      </c>
    </row>
    <row r="12" spans="2:233" ht="21" customHeight="1" x14ac:dyDescent="0.2">
      <c r="B12" s="106" t="s">
        <v>8</v>
      </c>
      <c r="C12" s="24">
        <v>0</v>
      </c>
      <c r="D12" s="25">
        <v>7570</v>
      </c>
      <c r="E12" s="26">
        <v>7570</v>
      </c>
      <c r="F12" s="27">
        <v>0</v>
      </c>
      <c r="G12" s="25">
        <v>548104</v>
      </c>
      <c r="H12" s="25">
        <v>1295406</v>
      </c>
      <c r="I12" s="25">
        <v>4469421</v>
      </c>
      <c r="J12" s="25">
        <v>4527181</v>
      </c>
      <c r="K12" s="25">
        <v>2668843</v>
      </c>
      <c r="L12" s="28">
        <v>13508955</v>
      </c>
      <c r="M12" s="29">
        <v>13516525</v>
      </c>
      <c r="N12" s="24">
        <v>0</v>
      </c>
      <c r="O12" s="25">
        <v>0</v>
      </c>
      <c r="P12" s="26">
        <v>0</v>
      </c>
      <c r="Q12" s="404">
        <v>0</v>
      </c>
      <c r="R12" s="25">
        <v>172800</v>
      </c>
      <c r="S12" s="25">
        <v>424960</v>
      </c>
      <c r="T12" s="25">
        <v>3130703</v>
      </c>
      <c r="U12" s="25">
        <v>3294965</v>
      </c>
      <c r="V12" s="25">
        <v>2067935</v>
      </c>
      <c r="W12" s="28">
        <v>9091363</v>
      </c>
      <c r="X12" s="29">
        <v>9091363</v>
      </c>
      <c r="Y12" s="24">
        <v>0</v>
      </c>
      <c r="Z12" s="25">
        <v>0</v>
      </c>
      <c r="AA12" s="26">
        <v>0</v>
      </c>
      <c r="AB12" s="404">
        <v>0</v>
      </c>
      <c r="AC12" s="25">
        <v>260805</v>
      </c>
      <c r="AD12" s="25">
        <v>621745</v>
      </c>
      <c r="AE12" s="25">
        <v>807005</v>
      </c>
      <c r="AF12" s="25">
        <v>816155</v>
      </c>
      <c r="AG12" s="25">
        <v>392505</v>
      </c>
      <c r="AH12" s="28">
        <v>2898215</v>
      </c>
      <c r="AI12" s="29">
        <v>2898215</v>
      </c>
      <c r="AJ12" s="24">
        <v>0</v>
      </c>
      <c r="AK12" s="25">
        <v>0</v>
      </c>
      <c r="AL12" s="26">
        <v>0</v>
      </c>
      <c r="AM12" s="404">
        <v>0</v>
      </c>
      <c r="AN12" s="25">
        <v>0</v>
      </c>
      <c r="AO12" s="25">
        <v>0</v>
      </c>
      <c r="AP12" s="25">
        <v>0</v>
      </c>
      <c r="AQ12" s="25">
        <v>0</v>
      </c>
      <c r="AR12" s="25">
        <v>0</v>
      </c>
      <c r="AS12" s="28">
        <v>0</v>
      </c>
      <c r="AT12" s="29">
        <v>0</v>
      </c>
      <c r="AU12" s="24">
        <v>0</v>
      </c>
      <c r="AV12" s="25">
        <v>0</v>
      </c>
      <c r="AW12" s="26">
        <v>0</v>
      </c>
      <c r="AX12" s="404">
        <v>0</v>
      </c>
      <c r="AY12" s="25">
        <v>0</v>
      </c>
      <c r="AZ12" s="25">
        <v>0</v>
      </c>
      <c r="BA12" s="25">
        <v>31650</v>
      </c>
      <c r="BB12" s="25">
        <v>2975</v>
      </c>
      <c r="BC12" s="25">
        <v>39450</v>
      </c>
      <c r="BD12" s="28">
        <v>74075</v>
      </c>
      <c r="BE12" s="29">
        <v>74075</v>
      </c>
      <c r="BF12" s="24">
        <v>0</v>
      </c>
      <c r="BG12" s="25">
        <v>0</v>
      </c>
      <c r="BH12" s="26">
        <v>0</v>
      </c>
      <c r="BI12" s="404">
        <v>0</v>
      </c>
      <c r="BJ12" s="25">
        <v>0</v>
      </c>
      <c r="BK12" s="25">
        <v>0</v>
      </c>
      <c r="BL12" s="25">
        <v>30565</v>
      </c>
      <c r="BM12" s="25">
        <v>90295</v>
      </c>
      <c r="BN12" s="25">
        <v>23850</v>
      </c>
      <c r="BO12" s="28">
        <v>144710</v>
      </c>
      <c r="BP12" s="29">
        <v>144710</v>
      </c>
      <c r="BQ12" s="24">
        <v>0</v>
      </c>
      <c r="BR12" s="25">
        <v>7570</v>
      </c>
      <c r="BS12" s="26">
        <v>7570</v>
      </c>
      <c r="BT12" s="27">
        <v>0</v>
      </c>
      <c r="BU12" s="25">
        <v>114499</v>
      </c>
      <c r="BV12" s="25">
        <v>247572</v>
      </c>
      <c r="BW12" s="25">
        <v>468528</v>
      </c>
      <c r="BX12" s="25">
        <v>322791</v>
      </c>
      <c r="BY12" s="25">
        <v>144122</v>
      </c>
      <c r="BZ12" s="28">
        <v>1297512</v>
      </c>
      <c r="CA12" s="29">
        <v>1305082</v>
      </c>
      <c r="CB12" s="24">
        <v>0</v>
      </c>
      <c r="CC12" s="25">
        <v>0</v>
      </c>
      <c r="CD12" s="26">
        <v>0</v>
      </c>
      <c r="CE12" s="27">
        <v>0</v>
      </c>
      <c r="CF12" s="25">
        <v>0</v>
      </c>
      <c r="CG12" s="25">
        <v>1129</v>
      </c>
      <c r="CH12" s="25">
        <v>970</v>
      </c>
      <c r="CI12" s="25">
        <v>0</v>
      </c>
      <c r="CJ12" s="25">
        <v>981</v>
      </c>
      <c r="CK12" s="28">
        <v>3080</v>
      </c>
      <c r="CL12" s="29">
        <v>3080</v>
      </c>
      <c r="CM12" s="24">
        <v>0</v>
      </c>
      <c r="CN12" s="25">
        <v>0</v>
      </c>
      <c r="CO12" s="26">
        <v>0</v>
      </c>
      <c r="CP12" s="27">
        <v>0</v>
      </c>
      <c r="CQ12" s="25">
        <v>0</v>
      </c>
      <c r="CR12" s="25">
        <v>0</v>
      </c>
      <c r="CS12" s="25">
        <v>0</v>
      </c>
      <c r="CT12" s="25">
        <v>0</v>
      </c>
      <c r="CU12" s="25">
        <v>0</v>
      </c>
      <c r="CV12" s="28">
        <v>0</v>
      </c>
      <c r="CW12" s="29">
        <v>0</v>
      </c>
      <c r="CX12" s="24">
        <v>0</v>
      </c>
      <c r="CY12" s="25">
        <v>0</v>
      </c>
      <c r="CZ12" s="26">
        <v>0</v>
      </c>
      <c r="DA12" s="404">
        <v>0</v>
      </c>
      <c r="DB12" s="25">
        <v>0</v>
      </c>
      <c r="DC12" s="25">
        <v>0</v>
      </c>
      <c r="DD12" s="25">
        <v>0</v>
      </c>
      <c r="DE12" s="25">
        <v>0</v>
      </c>
      <c r="DF12" s="25">
        <v>0</v>
      </c>
      <c r="DG12" s="28">
        <v>0</v>
      </c>
      <c r="DH12" s="29">
        <v>0</v>
      </c>
      <c r="DI12" s="24">
        <v>0</v>
      </c>
      <c r="DJ12" s="25">
        <v>16160</v>
      </c>
      <c r="DK12" s="26">
        <v>16160</v>
      </c>
      <c r="DL12" s="27">
        <v>0</v>
      </c>
      <c r="DM12" s="25">
        <v>455608</v>
      </c>
      <c r="DN12" s="25">
        <v>1196793</v>
      </c>
      <c r="DO12" s="25">
        <v>5604467</v>
      </c>
      <c r="DP12" s="25">
        <v>5345335</v>
      </c>
      <c r="DQ12" s="25">
        <v>3007933</v>
      </c>
      <c r="DR12" s="28">
        <v>15610136</v>
      </c>
      <c r="DS12" s="30">
        <v>15626296</v>
      </c>
      <c r="DT12" s="24">
        <v>0</v>
      </c>
      <c r="DU12" s="25">
        <v>0</v>
      </c>
      <c r="DV12" s="26">
        <v>0</v>
      </c>
      <c r="DW12" s="404">
        <v>0</v>
      </c>
      <c r="DX12" s="25">
        <v>250740</v>
      </c>
      <c r="DY12" s="25">
        <v>774870</v>
      </c>
      <c r="DZ12" s="25">
        <v>4724116</v>
      </c>
      <c r="EA12" s="25">
        <v>4537908</v>
      </c>
      <c r="EB12" s="25">
        <v>2727118</v>
      </c>
      <c r="EC12" s="28">
        <v>13014752</v>
      </c>
      <c r="ED12" s="29">
        <v>13014752</v>
      </c>
      <c r="EE12" s="24">
        <v>0</v>
      </c>
      <c r="EF12" s="25">
        <v>0</v>
      </c>
      <c r="EG12" s="26">
        <v>0</v>
      </c>
      <c r="EH12" s="404">
        <v>0</v>
      </c>
      <c r="EI12" s="25">
        <v>44820</v>
      </c>
      <c r="EJ12" s="25">
        <v>45016</v>
      </c>
      <c r="EK12" s="25">
        <v>119943</v>
      </c>
      <c r="EL12" s="25">
        <v>84937</v>
      </c>
      <c r="EM12" s="25">
        <v>26992</v>
      </c>
      <c r="EN12" s="28">
        <v>321708</v>
      </c>
      <c r="EO12" s="29">
        <v>321708</v>
      </c>
      <c r="EP12" s="24">
        <v>0</v>
      </c>
      <c r="EQ12" s="25">
        <v>0</v>
      </c>
      <c r="ER12" s="26">
        <v>0</v>
      </c>
      <c r="ES12" s="404">
        <v>0</v>
      </c>
      <c r="ET12" s="25">
        <v>0</v>
      </c>
      <c r="EU12" s="25">
        <v>0</v>
      </c>
      <c r="EV12" s="25">
        <v>0</v>
      </c>
      <c r="EW12" s="25">
        <v>0</v>
      </c>
      <c r="EX12" s="25">
        <v>0</v>
      </c>
      <c r="EY12" s="28">
        <v>0</v>
      </c>
      <c r="EZ12" s="29">
        <v>0</v>
      </c>
      <c r="FA12" s="24">
        <v>0</v>
      </c>
      <c r="FB12" s="25">
        <v>0</v>
      </c>
      <c r="FC12" s="26">
        <v>0</v>
      </c>
      <c r="FD12" s="404">
        <v>0</v>
      </c>
      <c r="FE12" s="25">
        <v>0</v>
      </c>
      <c r="FF12" s="25">
        <v>0</v>
      </c>
      <c r="FG12" s="25">
        <v>210</v>
      </c>
      <c r="FH12" s="25">
        <v>455</v>
      </c>
      <c r="FI12" s="25">
        <v>11730</v>
      </c>
      <c r="FJ12" s="28">
        <v>12395</v>
      </c>
      <c r="FK12" s="29">
        <v>12395</v>
      </c>
      <c r="FL12" s="24">
        <v>0</v>
      </c>
      <c r="FM12" s="25">
        <v>0</v>
      </c>
      <c r="FN12" s="26">
        <v>0</v>
      </c>
      <c r="FO12" s="404">
        <v>0</v>
      </c>
      <c r="FP12" s="25">
        <v>0</v>
      </c>
      <c r="FQ12" s="25">
        <v>0</v>
      </c>
      <c r="FR12" s="25">
        <v>80736</v>
      </c>
      <c r="FS12" s="25">
        <v>123360</v>
      </c>
      <c r="FT12" s="25">
        <v>20880</v>
      </c>
      <c r="FU12" s="28">
        <v>224976</v>
      </c>
      <c r="FV12" s="29">
        <v>224976</v>
      </c>
      <c r="FW12" s="24">
        <v>0</v>
      </c>
      <c r="FX12" s="25">
        <v>16160</v>
      </c>
      <c r="FY12" s="26">
        <v>16160</v>
      </c>
      <c r="FZ12" s="27">
        <v>0</v>
      </c>
      <c r="GA12" s="25">
        <v>160048</v>
      </c>
      <c r="GB12" s="25">
        <v>376854</v>
      </c>
      <c r="GC12" s="25">
        <v>678009</v>
      </c>
      <c r="GD12" s="25">
        <v>598675</v>
      </c>
      <c r="GE12" s="25">
        <v>221198</v>
      </c>
      <c r="GF12" s="28">
        <v>2034784</v>
      </c>
      <c r="GG12" s="29">
        <v>2050944</v>
      </c>
      <c r="GH12" s="24">
        <v>0</v>
      </c>
      <c r="GI12" s="25">
        <v>0</v>
      </c>
      <c r="GJ12" s="26">
        <v>0</v>
      </c>
      <c r="GK12" s="27">
        <v>0</v>
      </c>
      <c r="GL12" s="25">
        <v>0</v>
      </c>
      <c r="GM12" s="25">
        <v>53</v>
      </c>
      <c r="GN12" s="25">
        <v>1453</v>
      </c>
      <c r="GO12" s="25">
        <v>0</v>
      </c>
      <c r="GP12" s="25">
        <v>15</v>
      </c>
      <c r="GQ12" s="28">
        <v>1521</v>
      </c>
      <c r="GR12" s="29">
        <v>1521</v>
      </c>
      <c r="GS12" s="24">
        <v>0</v>
      </c>
      <c r="GT12" s="25">
        <v>0</v>
      </c>
      <c r="GU12" s="26">
        <v>0</v>
      </c>
      <c r="GV12" s="27">
        <v>0</v>
      </c>
      <c r="GW12" s="25">
        <v>0</v>
      </c>
      <c r="GX12" s="25">
        <v>0</v>
      </c>
      <c r="GY12" s="25">
        <v>0</v>
      </c>
      <c r="GZ12" s="25">
        <v>0</v>
      </c>
      <c r="HA12" s="25">
        <v>0</v>
      </c>
      <c r="HB12" s="28">
        <v>0</v>
      </c>
      <c r="HC12" s="29">
        <v>0</v>
      </c>
      <c r="HD12" s="24">
        <v>0</v>
      </c>
      <c r="HE12" s="25">
        <v>0</v>
      </c>
      <c r="HF12" s="26">
        <v>0</v>
      </c>
      <c r="HG12" s="404">
        <v>0</v>
      </c>
      <c r="HH12" s="25">
        <v>0</v>
      </c>
      <c r="HI12" s="25">
        <v>0</v>
      </c>
      <c r="HJ12" s="25">
        <v>0</v>
      </c>
      <c r="HK12" s="25">
        <v>0</v>
      </c>
      <c r="HL12" s="25">
        <v>0</v>
      </c>
      <c r="HM12" s="28">
        <v>0</v>
      </c>
      <c r="HN12" s="29">
        <v>0</v>
      </c>
      <c r="HO12" s="24">
        <v>0</v>
      </c>
      <c r="HP12" s="25">
        <v>23730</v>
      </c>
      <c r="HQ12" s="26">
        <v>23730</v>
      </c>
      <c r="HR12" s="27">
        <v>0</v>
      </c>
      <c r="HS12" s="25">
        <v>1003712</v>
      </c>
      <c r="HT12" s="25">
        <v>2492199</v>
      </c>
      <c r="HU12" s="25">
        <v>10073888</v>
      </c>
      <c r="HV12" s="25">
        <v>9872516</v>
      </c>
      <c r="HW12" s="25">
        <v>5676776</v>
      </c>
      <c r="HX12" s="28">
        <v>29119091</v>
      </c>
      <c r="HY12" s="29">
        <v>29142821</v>
      </c>
    </row>
    <row r="13" spans="2:233" ht="21" customHeight="1" x14ac:dyDescent="0.2">
      <c r="B13" s="106" t="s">
        <v>9</v>
      </c>
      <c r="C13" s="24">
        <v>0</v>
      </c>
      <c r="D13" s="25">
        <v>0</v>
      </c>
      <c r="E13" s="26">
        <v>0</v>
      </c>
      <c r="F13" s="27">
        <v>0</v>
      </c>
      <c r="G13" s="25">
        <v>205815</v>
      </c>
      <c r="H13" s="25">
        <v>236657</v>
      </c>
      <c r="I13" s="25">
        <v>1866109</v>
      </c>
      <c r="J13" s="25">
        <v>2001348</v>
      </c>
      <c r="K13" s="25">
        <v>1615515</v>
      </c>
      <c r="L13" s="28">
        <v>5925444</v>
      </c>
      <c r="M13" s="29">
        <v>5925444</v>
      </c>
      <c r="N13" s="24">
        <v>0</v>
      </c>
      <c r="O13" s="25">
        <v>0</v>
      </c>
      <c r="P13" s="26">
        <v>0</v>
      </c>
      <c r="Q13" s="404">
        <v>0</v>
      </c>
      <c r="R13" s="25">
        <v>31650</v>
      </c>
      <c r="S13" s="25">
        <v>36665</v>
      </c>
      <c r="T13" s="25">
        <v>1307490</v>
      </c>
      <c r="U13" s="25">
        <v>1636431</v>
      </c>
      <c r="V13" s="25">
        <v>1215485</v>
      </c>
      <c r="W13" s="28">
        <v>4227721</v>
      </c>
      <c r="X13" s="29">
        <v>4227721</v>
      </c>
      <c r="Y13" s="24">
        <v>0</v>
      </c>
      <c r="Z13" s="25">
        <v>0</v>
      </c>
      <c r="AA13" s="26">
        <v>0</v>
      </c>
      <c r="AB13" s="404">
        <v>0</v>
      </c>
      <c r="AC13" s="25">
        <v>123375</v>
      </c>
      <c r="AD13" s="25">
        <v>108485</v>
      </c>
      <c r="AE13" s="25">
        <v>425455</v>
      </c>
      <c r="AF13" s="25">
        <v>269730</v>
      </c>
      <c r="AG13" s="25">
        <v>315115</v>
      </c>
      <c r="AH13" s="28">
        <v>1242160</v>
      </c>
      <c r="AI13" s="29">
        <v>1242160</v>
      </c>
      <c r="AJ13" s="24">
        <v>0</v>
      </c>
      <c r="AK13" s="25">
        <v>0</v>
      </c>
      <c r="AL13" s="26">
        <v>0</v>
      </c>
      <c r="AM13" s="404">
        <v>0</v>
      </c>
      <c r="AN13" s="25">
        <v>0</v>
      </c>
      <c r="AO13" s="25">
        <v>0</v>
      </c>
      <c r="AP13" s="25">
        <v>0</v>
      </c>
      <c r="AQ13" s="25">
        <v>0</v>
      </c>
      <c r="AR13" s="25">
        <v>0</v>
      </c>
      <c r="AS13" s="28">
        <v>0</v>
      </c>
      <c r="AT13" s="29">
        <v>0</v>
      </c>
      <c r="AU13" s="24">
        <v>0</v>
      </c>
      <c r="AV13" s="25">
        <v>0</v>
      </c>
      <c r="AW13" s="26">
        <v>0</v>
      </c>
      <c r="AX13" s="404">
        <v>0</v>
      </c>
      <c r="AY13" s="25">
        <v>0</v>
      </c>
      <c r="AZ13" s="25">
        <v>0</v>
      </c>
      <c r="BA13" s="25">
        <v>0</v>
      </c>
      <c r="BB13" s="25">
        <v>0</v>
      </c>
      <c r="BC13" s="25">
        <v>7650</v>
      </c>
      <c r="BD13" s="28">
        <v>7650</v>
      </c>
      <c r="BE13" s="29">
        <v>7650</v>
      </c>
      <c r="BF13" s="24">
        <v>0</v>
      </c>
      <c r="BG13" s="25">
        <v>0</v>
      </c>
      <c r="BH13" s="26">
        <v>0</v>
      </c>
      <c r="BI13" s="404">
        <v>0</v>
      </c>
      <c r="BJ13" s="25">
        <v>0</v>
      </c>
      <c r="BK13" s="25">
        <v>0</v>
      </c>
      <c r="BL13" s="25">
        <v>0</v>
      </c>
      <c r="BM13" s="25">
        <v>23850</v>
      </c>
      <c r="BN13" s="25">
        <v>0</v>
      </c>
      <c r="BO13" s="28">
        <v>23850</v>
      </c>
      <c r="BP13" s="29">
        <v>23850</v>
      </c>
      <c r="BQ13" s="24">
        <v>0</v>
      </c>
      <c r="BR13" s="25">
        <v>0</v>
      </c>
      <c r="BS13" s="26">
        <v>0</v>
      </c>
      <c r="BT13" s="27">
        <v>0</v>
      </c>
      <c r="BU13" s="25">
        <v>38715</v>
      </c>
      <c r="BV13" s="25">
        <v>89777</v>
      </c>
      <c r="BW13" s="25">
        <v>128616</v>
      </c>
      <c r="BX13" s="25">
        <v>68247</v>
      </c>
      <c r="BY13" s="25">
        <v>74688</v>
      </c>
      <c r="BZ13" s="28">
        <v>400043</v>
      </c>
      <c r="CA13" s="29">
        <v>400043</v>
      </c>
      <c r="CB13" s="24">
        <v>0</v>
      </c>
      <c r="CC13" s="25">
        <v>0</v>
      </c>
      <c r="CD13" s="26">
        <v>0</v>
      </c>
      <c r="CE13" s="27">
        <v>0</v>
      </c>
      <c r="CF13" s="25">
        <v>12075</v>
      </c>
      <c r="CG13" s="25">
        <v>1730</v>
      </c>
      <c r="CH13" s="25">
        <v>4548</v>
      </c>
      <c r="CI13" s="25">
        <v>3090</v>
      </c>
      <c r="CJ13" s="25">
        <v>2577</v>
      </c>
      <c r="CK13" s="28">
        <v>24020</v>
      </c>
      <c r="CL13" s="29">
        <v>24020</v>
      </c>
      <c r="CM13" s="24">
        <v>0</v>
      </c>
      <c r="CN13" s="25">
        <v>0</v>
      </c>
      <c r="CO13" s="26">
        <v>0</v>
      </c>
      <c r="CP13" s="27">
        <v>0</v>
      </c>
      <c r="CQ13" s="25">
        <v>0</v>
      </c>
      <c r="CR13" s="25">
        <v>0</v>
      </c>
      <c r="CS13" s="25">
        <v>0</v>
      </c>
      <c r="CT13" s="25">
        <v>0</v>
      </c>
      <c r="CU13" s="25">
        <v>0</v>
      </c>
      <c r="CV13" s="28">
        <v>0</v>
      </c>
      <c r="CW13" s="29">
        <v>0</v>
      </c>
      <c r="CX13" s="24">
        <v>0</v>
      </c>
      <c r="CY13" s="25">
        <v>0</v>
      </c>
      <c r="CZ13" s="26">
        <v>0</v>
      </c>
      <c r="DA13" s="404">
        <v>0</v>
      </c>
      <c r="DB13" s="25">
        <v>0</v>
      </c>
      <c r="DC13" s="25">
        <v>0</v>
      </c>
      <c r="DD13" s="25">
        <v>0</v>
      </c>
      <c r="DE13" s="25">
        <v>0</v>
      </c>
      <c r="DF13" s="25">
        <v>0</v>
      </c>
      <c r="DG13" s="28">
        <v>0</v>
      </c>
      <c r="DH13" s="29">
        <v>0</v>
      </c>
      <c r="DI13" s="24">
        <v>0</v>
      </c>
      <c r="DJ13" s="25">
        <v>0</v>
      </c>
      <c r="DK13" s="26">
        <v>0</v>
      </c>
      <c r="DL13" s="27">
        <v>0</v>
      </c>
      <c r="DM13" s="25">
        <v>110481</v>
      </c>
      <c r="DN13" s="25">
        <v>251567</v>
      </c>
      <c r="DO13" s="25">
        <v>2161624</v>
      </c>
      <c r="DP13" s="25">
        <v>2510504</v>
      </c>
      <c r="DQ13" s="25">
        <v>1938829</v>
      </c>
      <c r="DR13" s="28">
        <v>6973005</v>
      </c>
      <c r="DS13" s="30">
        <v>6973005</v>
      </c>
      <c r="DT13" s="24">
        <v>0</v>
      </c>
      <c r="DU13" s="25">
        <v>0</v>
      </c>
      <c r="DV13" s="26">
        <v>0</v>
      </c>
      <c r="DW13" s="404">
        <v>0</v>
      </c>
      <c r="DX13" s="25">
        <v>35580</v>
      </c>
      <c r="DY13" s="25">
        <v>71010</v>
      </c>
      <c r="DZ13" s="25">
        <v>1865918</v>
      </c>
      <c r="EA13" s="25">
        <v>2274638</v>
      </c>
      <c r="EB13" s="25">
        <v>1703097</v>
      </c>
      <c r="EC13" s="28">
        <v>5950243</v>
      </c>
      <c r="ED13" s="29">
        <v>5950243</v>
      </c>
      <c r="EE13" s="24">
        <v>0</v>
      </c>
      <c r="EF13" s="25">
        <v>0</v>
      </c>
      <c r="EG13" s="26">
        <v>0</v>
      </c>
      <c r="EH13" s="404">
        <v>0</v>
      </c>
      <c r="EI13" s="25">
        <v>5301</v>
      </c>
      <c r="EJ13" s="25">
        <v>34591</v>
      </c>
      <c r="EK13" s="25">
        <v>47133</v>
      </c>
      <c r="EL13" s="25">
        <v>14030</v>
      </c>
      <c r="EM13" s="25">
        <v>88527</v>
      </c>
      <c r="EN13" s="28">
        <v>189582</v>
      </c>
      <c r="EO13" s="29">
        <v>189582</v>
      </c>
      <c r="EP13" s="24">
        <v>0</v>
      </c>
      <c r="EQ13" s="25">
        <v>0</v>
      </c>
      <c r="ER13" s="26">
        <v>0</v>
      </c>
      <c r="ES13" s="404">
        <v>0</v>
      </c>
      <c r="ET13" s="25">
        <v>0</v>
      </c>
      <c r="EU13" s="25">
        <v>0</v>
      </c>
      <c r="EV13" s="25">
        <v>0</v>
      </c>
      <c r="EW13" s="25">
        <v>0</v>
      </c>
      <c r="EX13" s="25">
        <v>0</v>
      </c>
      <c r="EY13" s="28">
        <v>0</v>
      </c>
      <c r="EZ13" s="29">
        <v>0</v>
      </c>
      <c r="FA13" s="24">
        <v>0</v>
      </c>
      <c r="FB13" s="25">
        <v>0</v>
      </c>
      <c r="FC13" s="26">
        <v>0</v>
      </c>
      <c r="FD13" s="404">
        <v>0</v>
      </c>
      <c r="FE13" s="25">
        <v>0</v>
      </c>
      <c r="FF13" s="25">
        <v>0</v>
      </c>
      <c r="FG13" s="25">
        <v>0</v>
      </c>
      <c r="FH13" s="25">
        <v>0</v>
      </c>
      <c r="FI13" s="25">
        <v>630</v>
      </c>
      <c r="FJ13" s="28">
        <v>630</v>
      </c>
      <c r="FK13" s="29">
        <v>630</v>
      </c>
      <c r="FL13" s="24">
        <v>0</v>
      </c>
      <c r="FM13" s="25">
        <v>0</v>
      </c>
      <c r="FN13" s="26">
        <v>0</v>
      </c>
      <c r="FO13" s="404">
        <v>0</v>
      </c>
      <c r="FP13" s="25">
        <v>0</v>
      </c>
      <c r="FQ13" s="25">
        <v>0</v>
      </c>
      <c r="FR13" s="25">
        <v>0</v>
      </c>
      <c r="FS13" s="25">
        <v>20880</v>
      </c>
      <c r="FT13" s="25">
        <v>0</v>
      </c>
      <c r="FU13" s="28">
        <v>20880</v>
      </c>
      <c r="FV13" s="29">
        <v>20880</v>
      </c>
      <c r="FW13" s="24">
        <v>0</v>
      </c>
      <c r="FX13" s="25">
        <v>0</v>
      </c>
      <c r="FY13" s="26">
        <v>0</v>
      </c>
      <c r="FZ13" s="27">
        <v>0</v>
      </c>
      <c r="GA13" s="25">
        <v>65530</v>
      </c>
      <c r="GB13" s="25">
        <v>145910</v>
      </c>
      <c r="GC13" s="25">
        <v>239202</v>
      </c>
      <c r="GD13" s="25">
        <v>200914</v>
      </c>
      <c r="GE13" s="25">
        <v>146484</v>
      </c>
      <c r="GF13" s="28">
        <v>798040</v>
      </c>
      <c r="GG13" s="29">
        <v>798040</v>
      </c>
      <c r="GH13" s="24">
        <v>0</v>
      </c>
      <c r="GI13" s="25">
        <v>0</v>
      </c>
      <c r="GJ13" s="26">
        <v>0</v>
      </c>
      <c r="GK13" s="27">
        <v>0</v>
      </c>
      <c r="GL13" s="25">
        <v>4070</v>
      </c>
      <c r="GM13" s="25">
        <v>56</v>
      </c>
      <c r="GN13" s="25">
        <v>9371</v>
      </c>
      <c r="GO13" s="25">
        <v>42</v>
      </c>
      <c r="GP13" s="25">
        <v>91</v>
      </c>
      <c r="GQ13" s="28">
        <v>13630</v>
      </c>
      <c r="GR13" s="29">
        <v>13630</v>
      </c>
      <c r="GS13" s="24">
        <v>0</v>
      </c>
      <c r="GT13" s="25">
        <v>0</v>
      </c>
      <c r="GU13" s="26">
        <v>0</v>
      </c>
      <c r="GV13" s="27">
        <v>0</v>
      </c>
      <c r="GW13" s="25">
        <v>0</v>
      </c>
      <c r="GX13" s="25">
        <v>0</v>
      </c>
      <c r="GY13" s="25">
        <v>0</v>
      </c>
      <c r="GZ13" s="25">
        <v>0</v>
      </c>
      <c r="HA13" s="25">
        <v>0</v>
      </c>
      <c r="HB13" s="28">
        <v>0</v>
      </c>
      <c r="HC13" s="29">
        <v>0</v>
      </c>
      <c r="HD13" s="24">
        <v>0</v>
      </c>
      <c r="HE13" s="25">
        <v>0</v>
      </c>
      <c r="HF13" s="26">
        <v>0</v>
      </c>
      <c r="HG13" s="404">
        <v>0</v>
      </c>
      <c r="HH13" s="25">
        <v>0</v>
      </c>
      <c r="HI13" s="25">
        <v>0</v>
      </c>
      <c r="HJ13" s="25">
        <v>0</v>
      </c>
      <c r="HK13" s="25">
        <v>0</v>
      </c>
      <c r="HL13" s="25">
        <v>0</v>
      </c>
      <c r="HM13" s="28">
        <v>0</v>
      </c>
      <c r="HN13" s="29">
        <v>0</v>
      </c>
      <c r="HO13" s="24">
        <v>0</v>
      </c>
      <c r="HP13" s="25">
        <v>0</v>
      </c>
      <c r="HQ13" s="26">
        <v>0</v>
      </c>
      <c r="HR13" s="27">
        <v>0</v>
      </c>
      <c r="HS13" s="25">
        <v>316296</v>
      </c>
      <c r="HT13" s="25">
        <v>488224</v>
      </c>
      <c r="HU13" s="25">
        <v>4027733</v>
      </c>
      <c r="HV13" s="25">
        <v>4511852</v>
      </c>
      <c r="HW13" s="25">
        <v>3554344</v>
      </c>
      <c r="HX13" s="28">
        <v>12898449</v>
      </c>
      <c r="HY13" s="29">
        <v>12898449</v>
      </c>
    </row>
    <row r="14" spans="2:233" ht="21" customHeight="1" x14ac:dyDescent="0.2">
      <c r="B14" s="106" t="s">
        <v>10</v>
      </c>
      <c r="C14" s="24">
        <v>0</v>
      </c>
      <c r="D14" s="25">
        <v>17380</v>
      </c>
      <c r="E14" s="26">
        <v>17380</v>
      </c>
      <c r="F14" s="27">
        <v>0</v>
      </c>
      <c r="G14" s="25">
        <v>877592</v>
      </c>
      <c r="H14" s="25">
        <v>1015434</v>
      </c>
      <c r="I14" s="25">
        <v>2733577</v>
      </c>
      <c r="J14" s="25">
        <v>4861171</v>
      </c>
      <c r="K14" s="25">
        <v>3694926</v>
      </c>
      <c r="L14" s="28">
        <v>13182700</v>
      </c>
      <c r="M14" s="29">
        <v>13200080</v>
      </c>
      <c r="N14" s="24">
        <v>0</v>
      </c>
      <c r="O14" s="25">
        <v>0</v>
      </c>
      <c r="P14" s="26">
        <v>0</v>
      </c>
      <c r="Q14" s="404">
        <v>0</v>
      </c>
      <c r="R14" s="25">
        <v>78750</v>
      </c>
      <c r="S14" s="25">
        <v>305675</v>
      </c>
      <c r="T14" s="25">
        <v>1715460</v>
      </c>
      <c r="U14" s="25">
        <v>3503135</v>
      </c>
      <c r="V14" s="25">
        <v>2826325</v>
      </c>
      <c r="W14" s="28">
        <v>8429345</v>
      </c>
      <c r="X14" s="29">
        <v>8429345</v>
      </c>
      <c r="Y14" s="24">
        <v>0</v>
      </c>
      <c r="Z14" s="25">
        <v>0</v>
      </c>
      <c r="AA14" s="26">
        <v>0</v>
      </c>
      <c r="AB14" s="404">
        <v>0</v>
      </c>
      <c r="AC14" s="25">
        <v>545090</v>
      </c>
      <c r="AD14" s="25">
        <v>495019</v>
      </c>
      <c r="AE14" s="25">
        <v>822395</v>
      </c>
      <c r="AF14" s="25">
        <v>913835</v>
      </c>
      <c r="AG14" s="25">
        <v>535450</v>
      </c>
      <c r="AH14" s="28">
        <v>3311789</v>
      </c>
      <c r="AI14" s="29">
        <v>3311789</v>
      </c>
      <c r="AJ14" s="24">
        <v>0</v>
      </c>
      <c r="AK14" s="25">
        <v>0</v>
      </c>
      <c r="AL14" s="26">
        <v>0</v>
      </c>
      <c r="AM14" s="404">
        <v>0</v>
      </c>
      <c r="AN14" s="25">
        <v>0</v>
      </c>
      <c r="AO14" s="25">
        <v>0</v>
      </c>
      <c r="AP14" s="25">
        <v>0</v>
      </c>
      <c r="AQ14" s="25">
        <v>0</v>
      </c>
      <c r="AR14" s="25">
        <v>0</v>
      </c>
      <c r="AS14" s="28">
        <v>0</v>
      </c>
      <c r="AT14" s="29">
        <v>0</v>
      </c>
      <c r="AU14" s="24">
        <v>0</v>
      </c>
      <c r="AV14" s="25">
        <v>0</v>
      </c>
      <c r="AW14" s="26">
        <v>0</v>
      </c>
      <c r="AX14" s="404">
        <v>0</v>
      </c>
      <c r="AY14" s="25">
        <v>0</v>
      </c>
      <c r="AZ14" s="25">
        <v>0</v>
      </c>
      <c r="BA14" s="25">
        <v>0</v>
      </c>
      <c r="BB14" s="25">
        <v>55500</v>
      </c>
      <c r="BC14" s="25">
        <v>199525</v>
      </c>
      <c r="BD14" s="28">
        <v>255025</v>
      </c>
      <c r="BE14" s="29">
        <v>255025</v>
      </c>
      <c r="BF14" s="24">
        <v>0</v>
      </c>
      <c r="BG14" s="25">
        <v>0</v>
      </c>
      <c r="BH14" s="26">
        <v>0</v>
      </c>
      <c r="BI14" s="404">
        <v>0</v>
      </c>
      <c r="BJ14" s="25">
        <v>0</v>
      </c>
      <c r="BK14" s="25">
        <v>0</v>
      </c>
      <c r="BL14" s="25">
        <v>0</v>
      </c>
      <c r="BM14" s="25">
        <v>31650</v>
      </c>
      <c r="BN14" s="25">
        <v>39300</v>
      </c>
      <c r="BO14" s="28">
        <v>70950</v>
      </c>
      <c r="BP14" s="29">
        <v>70950</v>
      </c>
      <c r="BQ14" s="24">
        <v>0</v>
      </c>
      <c r="BR14" s="25">
        <v>17380</v>
      </c>
      <c r="BS14" s="26">
        <v>17380</v>
      </c>
      <c r="BT14" s="27">
        <v>0</v>
      </c>
      <c r="BU14" s="25">
        <v>252269</v>
      </c>
      <c r="BV14" s="25">
        <v>212902</v>
      </c>
      <c r="BW14" s="25">
        <v>195722</v>
      </c>
      <c r="BX14" s="25">
        <v>347053</v>
      </c>
      <c r="BY14" s="25">
        <v>94326</v>
      </c>
      <c r="BZ14" s="28">
        <v>1102272</v>
      </c>
      <c r="CA14" s="29">
        <v>1119652</v>
      </c>
      <c r="CB14" s="24">
        <v>0</v>
      </c>
      <c r="CC14" s="25">
        <v>0</v>
      </c>
      <c r="CD14" s="26">
        <v>0</v>
      </c>
      <c r="CE14" s="27">
        <v>0</v>
      </c>
      <c r="CF14" s="25">
        <v>1483</v>
      </c>
      <c r="CG14" s="25">
        <v>1838</v>
      </c>
      <c r="CH14" s="25">
        <v>0</v>
      </c>
      <c r="CI14" s="25">
        <v>9998</v>
      </c>
      <c r="CJ14" s="25">
        <v>0</v>
      </c>
      <c r="CK14" s="28">
        <v>13319</v>
      </c>
      <c r="CL14" s="29">
        <v>13319</v>
      </c>
      <c r="CM14" s="24">
        <v>0</v>
      </c>
      <c r="CN14" s="25">
        <v>0</v>
      </c>
      <c r="CO14" s="26">
        <v>0</v>
      </c>
      <c r="CP14" s="27">
        <v>0</v>
      </c>
      <c r="CQ14" s="25">
        <v>0</v>
      </c>
      <c r="CR14" s="25">
        <v>0</v>
      </c>
      <c r="CS14" s="25">
        <v>0</v>
      </c>
      <c r="CT14" s="25">
        <v>0</v>
      </c>
      <c r="CU14" s="25">
        <v>0</v>
      </c>
      <c r="CV14" s="28">
        <v>0</v>
      </c>
      <c r="CW14" s="29">
        <v>0</v>
      </c>
      <c r="CX14" s="24">
        <v>0</v>
      </c>
      <c r="CY14" s="25">
        <v>0</v>
      </c>
      <c r="CZ14" s="26">
        <v>0</v>
      </c>
      <c r="DA14" s="404">
        <v>0</v>
      </c>
      <c r="DB14" s="25">
        <v>0</v>
      </c>
      <c r="DC14" s="25">
        <v>0</v>
      </c>
      <c r="DD14" s="25">
        <v>0</v>
      </c>
      <c r="DE14" s="25">
        <v>0</v>
      </c>
      <c r="DF14" s="25">
        <v>0</v>
      </c>
      <c r="DG14" s="28">
        <v>0</v>
      </c>
      <c r="DH14" s="29">
        <v>0</v>
      </c>
      <c r="DI14" s="24">
        <v>0</v>
      </c>
      <c r="DJ14" s="25">
        <v>20152</v>
      </c>
      <c r="DK14" s="26">
        <v>20152</v>
      </c>
      <c r="DL14" s="27">
        <v>0</v>
      </c>
      <c r="DM14" s="25">
        <v>525245</v>
      </c>
      <c r="DN14" s="25">
        <v>1026703</v>
      </c>
      <c r="DO14" s="25">
        <v>3091276</v>
      </c>
      <c r="DP14" s="25">
        <v>5548695</v>
      </c>
      <c r="DQ14" s="25">
        <v>3938897</v>
      </c>
      <c r="DR14" s="28">
        <v>14130816</v>
      </c>
      <c r="DS14" s="30">
        <v>14150968</v>
      </c>
      <c r="DT14" s="24">
        <v>0</v>
      </c>
      <c r="DU14" s="25">
        <v>0</v>
      </c>
      <c r="DV14" s="26">
        <v>0</v>
      </c>
      <c r="DW14" s="404">
        <v>0</v>
      </c>
      <c r="DX14" s="25">
        <v>174480</v>
      </c>
      <c r="DY14" s="25">
        <v>531910</v>
      </c>
      <c r="DZ14" s="25">
        <v>2479711</v>
      </c>
      <c r="EA14" s="25">
        <v>4940968</v>
      </c>
      <c r="EB14" s="25">
        <v>3577325</v>
      </c>
      <c r="EC14" s="28">
        <v>11704394</v>
      </c>
      <c r="ED14" s="29">
        <v>11704394</v>
      </c>
      <c r="EE14" s="24">
        <v>0</v>
      </c>
      <c r="EF14" s="25">
        <v>0</v>
      </c>
      <c r="EG14" s="26">
        <v>0</v>
      </c>
      <c r="EH14" s="404">
        <v>0</v>
      </c>
      <c r="EI14" s="25">
        <v>38511</v>
      </c>
      <c r="EJ14" s="25">
        <v>151349</v>
      </c>
      <c r="EK14" s="25">
        <v>196942</v>
      </c>
      <c r="EL14" s="25">
        <v>139878</v>
      </c>
      <c r="EM14" s="25">
        <v>88324</v>
      </c>
      <c r="EN14" s="28">
        <v>615004</v>
      </c>
      <c r="EO14" s="29">
        <v>615004</v>
      </c>
      <c r="EP14" s="24">
        <v>0</v>
      </c>
      <c r="EQ14" s="25">
        <v>0</v>
      </c>
      <c r="ER14" s="26">
        <v>0</v>
      </c>
      <c r="ES14" s="404">
        <v>0</v>
      </c>
      <c r="ET14" s="25">
        <v>0</v>
      </c>
      <c r="EU14" s="25">
        <v>0</v>
      </c>
      <c r="EV14" s="25">
        <v>0</v>
      </c>
      <c r="EW14" s="25">
        <v>0</v>
      </c>
      <c r="EX14" s="25">
        <v>0</v>
      </c>
      <c r="EY14" s="28">
        <v>0</v>
      </c>
      <c r="EZ14" s="29">
        <v>0</v>
      </c>
      <c r="FA14" s="24">
        <v>0</v>
      </c>
      <c r="FB14" s="25">
        <v>0</v>
      </c>
      <c r="FC14" s="26">
        <v>0</v>
      </c>
      <c r="FD14" s="404">
        <v>0</v>
      </c>
      <c r="FE14" s="25">
        <v>0</v>
      </c>
      <c r="FF14" s="25">
        <v>0</v>
      </c>
      <c r="FG14" s="25">
        <v>0</v>
      </c>
      <c r="FH14" s="25">
        <v>420</v>
      </c>
      <c r="FI14" s="25">
        <v>2695</v>
      </c>
      <c r="FJ14" s="28">
        <v>3115</v>
      </c>
      <c r="FK14" s="29">
        <v>3115</v>
      </c>
      <c r="FL14" s="24">
        <v>0</v>
      </c>
      <c r="FM14" s="25">
        <v>0</v>
      </c>
      <c r="FN14" s="26">
        <v>0</v>
      </c>
      <c r="FO14" s="404">
        <v>0</v>
      </c>
      <c r="FP14" s="25">
        <v>0</v>
      </c>
      <c r="FQ14" s="25">
        <v>0</v>
      </c>
      <c r="FR14" s="25">
        <v>0</v>
      </c>
      <c r="FS14" s="25">
        <v>35580</v>
      </c>
      <c r="FT14" s="25">
        <v>98220</v>
      </c>
      <c r="FU14" s="28">
        <v>133800</v>
      </c>
      <c r="FV14" s="29">
        <v>133800</v>
      </c>
      <c r="FW14" s="24">
        <v>0</v>
      </c>
      <c r="FX14" s="25">
        <v>20152</v>
      </c>
      <c r="FY14" s="26">
        <v>20152</v>
      </c>
      <c r="FZ14" s="27">
        <v>0</v>
      </c>
      <c r="GA14" s="25">
        <v>312240</v>
      </c>
      <c r="GB14" s="25">
        <v>343353</v>
      </c>
      <c r="GC14" s="25">
        <v>414623</v>
      </c>
      <c r="GD14" s="25">
        <v>428456</v>
      </c>
      <c r="GE14" s="25">
        <v>172256</v>
      </c>
      <c r="GF14" s="28">
        <v>1670928</v>
      </c>
      <c r="GG14" s="29">
        <v>1691080</v>
      </c>
      <c r="GH14" s="24">
        <v>0</v>
      </c>
      <c r="GI14" s="25">
        <v>0</v>
      </c>
      <c r="GJ14" s="26">
        <v>0</v>
      </c>
      <c r="GK14" s="27">
        <v>0</v>
      </c>
      <c r="GL14" s="25">
        <v>14</v>
      </c>
      <c r="GM14" s="25">
        <v>91</v>
      </c>
      <c r="GN14" s="25">
        <v>0</v>
      </c>
      <c r="GO14" s="25">
        <v>3393</v>
      </c>
      <c r="GP14" s="25">
        <v>77</v>
      </c>
      <c r="GQ14" s="28">
        <v>3575</v>
      </c>
      <c r="GR14" s="29">
        <v>3575</v>
      </c>
      <c r="GS14" s="24">
        <v>0</v>
      </c>
      <c r="GT14" s="25">
        <v>0</v>
      </c>
      <c r="GU14" s="26">
        <v>0</v>
      </c>
      <c r="GV14" s="27">
        <v>0</v>
      </c>
      <c r="GW14" s="25">
        <v>0</v>
      </c>
      <c r="GX14" s="25">
        <v>0</v>
      </c>
      <c r="GY14" s="25">
        <v>0</v>
      </c>
      <c r="GZ14" s="25">
        <v>0</v>
      </c>
      <c r="HA14" s="25">
        <v>0</v>
      </c>
      <c r="HB14" s="28">
        <v>0</v>
      </c>
      <c r="HC14" s="29">
        <v>0</v>
      </c>
      <c r="HD14" s="24">
        <v>0</v>
      </c>
      <c r="HE14" s="25">
        <v>0</v>
      </c>
      <c r="HF14" s="26">
        <v>0</v>
      </c>
      <c r="HG14" s="404">
        <v>0</v>
      </c>
      <c r="HH14" s="25">
        <v>0</v>
      </c>
      <c r="HI14" s="25">
        <v>0</v>
      </c>
      <c r="HJ14" s="25">
        <v>0</v>
      </c>
      <c r="HK14" s="25">
        <v>0</v>
      </c>
      <c r="HL14" s="25">
        <v>0</v>
      </c>
      <c r="HM14" s="28">
        <v>0</v>
      </c>
      <c r="HN14" s="29">
        <v>0</v>
      </c>
      <c r="HO14" s="24">
        <v>0</v>
      </c>
      <c r="HP14" s="25">
        <v>37532</v>
      </c>
      <c r="HQ14" s="26">
        <v>37532</v>
      </c>
      <c r="HR14" s="27">
        <v>0</v>
      </c>
      <c r="HS14" s="25">
        <v>1402837</v>
      </c>
      <c r="HT14" s="25">
        <v>2042137</v>
      </c>
      <c r="HU14" s="25">
        <v>5824853</v>
      </c>
      <c r="HV14" s="25">
        <v>10409866</v>
      </c>
      <c r="HW14" s="25">
        <v>7633823</v>
      </c>
      <c r="HX14" s="28">
        <v>27313516</v>
      </c>
      <c r="HY14" s="29">
        <v>27351048</v>
      </c>
    </row>
    <row r="15" spans="2:233" ht="21" customHeight="1" x14ac:dyDescent="0.2">
      <c r="B15" s="106" t="s">
        <v>11</v>
      </c>
      <c r="C15" s="24">
        <v>0</v>
      </c>
      <c r="D15" s="25">
        <v>3760</v>
      </c>
      <c r="E15" s="26">
        <v>3760</v>
      </c>
      <c r="F15" s="27">
        <v>0</v>
      </c>
      <c r="G15" s="25">
        <v>674939</v>
      </c>
      <c r="H15" s="25">
        <v>943000</v>
      </c>
      <c r="I15" s="25">
        <v>2560369</v>
      </c>
      <c r="J15" s="25">
        <v>3917675</v>
      </c>
      <c r="K15" s="25">
        <v>2225713</v>
      </c>
      <c r="L15" s="28">
        <v>10321696</v>
      </c>
      <c r="M15" s="29">
        <v>10325456</v>
      </c>
      <c r="N15" s="24">
        <v>0</v>
      </c>
      <c r="O15" s="25">
        <v>0</v>
      </c>
      <c r="P15" s="26">
        <v>0</v>
      </c>
      <c r="Q15" s="404">
        <v>0</v>
      </c>
      <c r="R15" s="25">
        <v>0</v>
      </c>
      <c r="S15" s="25">
        <v>100500</v>
      </c>
      <c r="T15" s="25">
        <v>1625190</v>
      </c>
      <c r="U15" s="25">
        <v>2609510</v>
      </c>
      <c r="V15" s="25">
        <v>1392050</v>
      </c>
      <c r="W15" s="28">
        <v>5727250</v>
      </c>
      <c r="X15" s="29">
        <v>5727250</v>
      </c>
      <c r="Y15" s="24">
        <v>0</v>
      </c>
      <c r="Z15" s="25">
        <v>0</v>
      </c>
      <c r="AA15" s="26">
        <v>0</v>
      </c>
      <c r="AB15" s="404">
        <v>0</v>
      </c>
      <c r="AC15" s="25">
        <v>535650</v>
      </c>
      <c r="AD15" s="25">
        <v>625115</v>
      </c>
      <c r="AE15" s="25">
        <v>639750</v>
      </c>
      <c r="AF15" s="25">
        <v>1054575</v>
      </c>
      <c r="AG15" s="25">
        <v>355865</v>
      </c>
      <c r="AH15" s="28">
        <v>3210955</v>
      </c>
      <c r="AI15" s="29">
        <v>3210955</v>
      </c>
      <c r="AJ15" s="24">
        <v>0</v>
      </c>
      <c r="AK15" s="25">
        <v>0</v>
      </c>
      <c r="AL15" s="26">
        <v>0</v>
      </c>
      <c r="AM15" s="404">
        <v>0</v>
      </c>
      <c r="AN15" s="25">
        <v>0</v>
      </c>
      <c r="AO15" s="25">
        <v>0</v>
      </c>
      <c r="AP15" s="25">
        <v>0</v>
      </c>
      <c r="AQ15" s="25">
        <v>0</v>
      </c>
      <c r="AR15" s="25">
        <v>0</v>
      </c>
      <c r="AS15" s="28">
        <v>0</v>
      </c>
      <c r="AT15" s="29">
        <v>0</v>
      </c>
      <c r="AU15" s="24">
        <v>0</v>
      </c>
      <c r="AV15" s="25">
        <v>0</v>
      </c>
      <c r="AW15" s="26">
        <v>0</v>
      </c>
      <c r="AX15" s="404">
        <v>0</v>
      </c>
      <c r="AY15" s="25">
        <v>83605</v>
      </c>
      <c r="AZ15" s="25">
        <v>89850</v>
      </c>
      <c r="BA15" s="25">
        <v>58050</v>
      </c>
      <c r="BB15" s="25">
        <v>116100</v>
      </c>
      <c r="BC15" s="25">
        <v>393535</v>
      </c>
      <c r="BD15" s="28">
        <v>741140</v>
      </c>
      <c r="BE15" s="29">
        <v>741140</v>
      </c>
      <c r="BF15" s="24">
        <v>0</v>
      </c>
      <c r="BG15" s="25">
        <v>0</v>
      </c>
      <c r="BH15" s="26">
        <v>0</v>
      </c>
      <c r="BI15" s="404">
        <v>0</v>
      </c>
      <c r="BJ15" s="25">
        <v>0</v>
      </c>
      <c r="BK15" s="25">
        <v>23850</v>
      </c>
      <c r="BL15" s="25">
        <v>31650</v>
      </c>
      <c r="BM15" s="25">
        <v>0</v>
      </c>
      <c r="BN15" s="25">
        <v>0</v>
      </c>
      <c r="BO15" s="28">
        <v>55500</v>
      </c>
      <c r="BP15" s="29">
        <v>55500</v>
      </c>
      <c r="BQ15" s="24">
        <v>0</v>
      </c>
      <c r="BR15" s="25">
        <v>3760</v>
      </c>
      <c r="BS15" s="26">
        <v>3760</v>
      </c>
      <c r="BT15" s="27">
        <v>0</v>
      </c>
      <c r="BU15" s="25">
        <v>55684</v>
      </c>
      <c r="BV15" s="25">
        <v>99630</v>
      </c>
      <c r="BW15" s="25">
        <v>203989</v>
      </c>
      <c r="BX15" s="25">
        <v>137490</v>
      </c>
      <c r="BY15" s="25">
        <v>81983</v>
      </c>
      <c r="BZ15" s="28">
        <v>578776</v>
      </c>
      <c r="CA15" s="29">
        <v>582536</v>
      </c>
      <c r="CB15" s="24">
        <v>0</v>
      </c>
      <c r="CC15" s="25">
        <v>0</v>
      </c>
      <c r="CD15" s="26">
        <v>0</v>
      </c>
      <c r="CE15" s="27">
        <v>0</v>
      </c>
      <c r="CF15" s="25">
        <v>0</v>
      </c>
      <c r="CG15" s="25">
        <v>4055</v>
      </c>
      <c r="CH15" s="25">
        <v>1740</v>
      </c>
      <c r="CI15" s="25">
        <v>0</v>
      </c>
      <c r="CJ15" s="25">
        <v>2280</v>
      </c>
      <c r="CK15" s="28">
        <v>8075</v>
      </c>
      <c r="CL15" s="29">
        <v>8075</v>
      </c>
      <c r="CM15" s="24">
        <v>0</v>
      </c>
      <c r="CN15" s="25">
        <v>0</v>
      </c>
      <c r="CO15" s="26">
        <v>0</v>
      </c>
      <c r="CP15" s="27">
        <v>0</v>
      </c>
      <c r="CQ15" s="25">
        <v>0</v>
      </c>
      <c r="CR15" s="25">
        <v>0</v>
      </c>
      <c r="CS15" s="25">
        <v>0</v>
      </c>
      <c r="CT15" s="25">
        <v>0</v>
      </c>
      <c r="CU15" s="25">
        <v>0</v>
      </c>
      <c r="CV15" s="28">
        <v>0</v>
      </c>
      <c r="CW15" s="29">
        <v>0</v>
      </c>
      <c r="CX15" s="24">
        <v>0</v>
      </c>
      <c r="CY15" s="25">
        <v>0</v>
      </c>
      <c r="CZ15" s="26">
        <v>0</v>
      </c>
      <c r="DA15" s="404">
        <v>0</v>
      </c>
      <c r="DB15" s="25">
        <v>0</v>
      </c>
      <c r="DC15" s="25">
        <v>0</v>
      </c>
      <c r="DD15" s="25">
        <v>0</v>
      </c>
      <c r="DE15" s="25">
        <v>0</v>
      </c>
      <c r="DF15" s="25">
        <v>0</v>
      </c>
      <c r="DG15" s="28">
        <v>0</v>
      </c>
      <c r="DH15" s="29">
        <v>0</v>
      </c>
      <c r="DI15" s="24">
        <v>0</v>
      </c>
      <c r="DJ15" s="25">
        <v>4480</v>
      </c>
      <c r="DK15" s="26">
        <v>4480</v>
      </c>
      <c r="DL15" s="27">
        <v>0</v>
      </c>
      <c r="DM15" s="25">
        <v>225965</v>
      </c>
      <c r="DN15" s="25">
        <v>387618</v>
      </c>
      <c r="DO15" s="25">
        <v>2385351</v>
      </c>
      <c r="DP15" s="25">
        <v>3615932</v>
      </c>
      <c r="DQ15" s="25">
        <v>1944504</v>
      </c>
      <c r="DR15" s="28">
        <v>8559370</v>
      </c>
      <c r="DS15" s="30">
        <v>8563850</v>
      </c>
      <c r="DT15" s="24">
        <v>0</v>
      </c>
      <c r="DU15" s="25">
        <v>0</v>
      </c>
      <c r="DV15" s="26">
        <v>0</v>
      </c>
      <c r="DW15" s="404">
        <v>0</v>
      </c>
      <c r="DX15" s="25">
        <v>0</v>
      </c>
      <c r="DY15" s="25">
        <v>99960</v>
      </c>
      <c r="DZ15" s="25">
        <v>1958296</v>
      </c>
      <c r="EA15" s="25">
        <v>3276466</v>
      </c>
      <c r="EB15" s="25">
        <v>1702495</v>
      </c>
      <c r="EC15" s="28">
        <v>7037217</v>
      </c>
      <c r="ED15" s="29">
        <v>7037217</v>
      </c>
      <c r="EE15" s="24">
        <v>0</v>
      </c>
      <c r="EF15" s="25">
        <v>0</v>
      </c>
      <c r="EG15" s="26">
        <v>0</v>
      </c>
      <c r="EH15" s="404">
        <v>0</v>
      </c>
      <c r="EI15" s="25">
        <v>142241</v>
      </c>
      <c r="EJ15" s="25">
        <v>107257</v>
      </c>
      <c r="EK15" s="25">
        <v>161365</v>
      </c>
      <c r="EL15" s="25">
        <v>169039</v>
      </c>
      <c r="EM15" s="25">
        <v>87319</v>
      </c>
      <c r="EN15" s="28">
        <v>667221</v>
      </c>
      <c r="EO15" s="29">
        <v>667221</v>
      </c>
      <c r="EP15" s="24">
        <v>0</v>
      </c>
      <c r="EQ15" s="25">
        <v>0</v>
      </c>
      <c r="ER15" s="26">
        <v>0</v>
      </c>
      <c r="ES15" s="404">
        <v>0</v>
      </c>
      <c r="ET15" s="25">
        <v>0</v>
      </c>
      <c r="EU15" s="25">
        <v>0</v>
      </c>
      <c r="EV15" s="25">
        <v>0</v>
      </c>
      <c r="EW15" s="25">
        <v>0</v>
      </c>
      <c r="EX15" s="25">
        <v>0</v>
      </c>
      <c r="EY15" s="28">
        <v>0</v>
      </c>
      <c r="EZ15" s="29">
        <v>0</v>
      </c>
      <c r="FA15" s="24">
        <v>0</v>
      </c>
      <c r="FB15" s="25">
        <v>0</v>
      </c>
      <c r="FC15" s="26">
        <v>0</v>
      </c>
      <c r="FD15" s="404">
        <v>0</v>
      </c>
      <c r="FE15" s="25">
        <v>11870</v>
      </c>
      <c r="FF15" s="25">
        <v>22260</v>
      </c>
      <c r="FG15" s="25">
        <v>630</v>
      </c>
      <c r="FH15" s="25">
        <v>1260</v>
      </c>
      <c r="FI15" s="25">
        <v>77641</v>
      </c>
      <c r="FJ15" s="28">
        <v>113661</v>
      </c>
      <c r="FK15" s="29">
        <v>113661</v>
      </c>
      <c r="FL15" s="24">
        <v>0</v>
      </c>
      <c r="FM15" s="25">
        <v>0</v>
      </c>
      <c r="FN15" s="26">
        <v>0</v>
      </c>
      <c r="FO15" s="404">
        <v>0</v>
      </c>
      <c r="FP15" s="25">
        <v>0</v>
      </c>
      <c r="FQ15" s="25">
        <v>20880</v>
      </c>
      <c r="FR15" s="25">
        <v>35580</v>
      </c>
      <c r="FS15" s="25">
        <v>0</v>
      </c>
      <c r="FT15" s="25">
        <v>0</v>
      </c>
      <c r="FU15" s="28">
        <v>56460</v>
      </c>
      <c r="FV15" s="29">
        <v>56460</v>
      </c>
      <c r="FW15" s="24">
        <v>0</v>
      </c>
      <c r="FX15" s="25">
        <v>4480</v>
      </c>
      <c r="FY15" s="26">
        <v>4480</v>
      </c>
      <c r="FZ15" s="27">
        <v>0</v>
      </c>
      <c r="GA15" s="25">
        <v>71854</v>
      </c>
      <c r="GB15" s="25">
        <v>137226</v>
      </c>
      <c r="GC15" s="25">
        <v>229389</v>
      </c>
      <c r="GD15" s="25">
        <v>169167</v>
      </c>
      <c r="GE15" s="25">
        <v>77007</v>
      </c>
      <c r="GF15" s="28">
        <v>684643</v>
      </c>
      <c r="GG15" s="29">
        <v>689123</v>
      </c>
      <c r="GH15" s="24">
        <v>0</v>
      </c>
      <c r="GI15" s="25">
        <v>0</v>
      </c>
      <c r="GJ15" s="26">
        <v>0</v>
      </c>
      <c r="GK15" s="27">
        <v>0</v>
      </c>
      <c r="GL15" s="25">
        <v>0</v>
      </c>
      <c r="GM15" s="25">
        <v>35</v>
      </c>
      <c r="GN15" s="25">
        <v>91</v>
      </c>
      <c r="GO15" s="25">
        <v>0</v>
      </c>
      <c r="GP15" s="25">
        <v>42</v>
      </c>
      <c r="GQ15" s="28">
        <v>168</v>
      </c>
      <c r="GR15" s="29">
        <v>168</v>
      </c>
      <c r="GS15" s="24">
        <v>0</v>
      </c>
      <c r="GT15" s="25">
        <v>0</v>
      </c>
      <c r="GU15" s="26">
        <v>0</v>
      </c>
      <c r="GV15" s="27">
        <v>0</v>
      </c>
      <c r="GW15" s="25">
        <v>0</v>
      </c>
      <c r="GX15" s="25">
        <v>0</v>
      </c>
      <c r="GY15" s="25">
        <v>0</v>
      </c>
      <c r="GZ15" s="25">
        <v>0</v>
      </c>
      <c r="HA15" s="25">
        <v>0</v>
      </c>
      <c r="HB15" s="28">
        <v>0</v>
      </c>
      <c r="HC15" s="29">
        <v>0</v>
      </c>
      <c r="HD15" s="24">
        <v>0</v>
      </c>
      <c r="HE15" s="25">
        <v>0</v>
      </c>
      <c r="HF15" s="26">
        <v>0</v>
      </c>
      <c r="HG15" s="404">
        <v>0</v>
      </c>
      <c r="HH15" s="25">
        <v>0</v>
      </c>
      <c r="HI15" s="25">
        <v>0</v>
      </c>
      <c r="HJ15" s="25">
        <v>0</v>
      </c>
      <c r="HK15" s="25">
        <v>0</v>
      </c>
      <c r="HL15" s="25">
        <v>0</v>
      </c>
      <c r="HM15" s="28">
        <v>0</v>
      </c>
      <c r="HN15" s="29">
        <v>0</v>
      </c>
      <c r="HO15" s="24">
        <v>0</v>
      </c>
      <c r="HP15" s="25">
        <v>8240</v>
      </c>
      <c r="HQ15" s="26">
        <v>8240</v>
      </c>
      <c r="HR15" s="27">
        <v>0</v>
      </c>
      <c r="HS15" s="25">
        <v>900904</v>
      </c>
      <c r="HT15" s="25">
        <v>1330618</v>
      </c>
      <c r="HU15" s="25">
        <v>4945720</v>
      </c>
      <c r="HV15" s="25">
        <v>7533607</v>
      </c>
      <c r="HW15" s="25">
        <v>4170217</v>
      </c>
      <c r="HX15" s="28">
        <v>18881066</v>
      </c>
      <c r="HY15" s="29">
        <v>18889306</v>
      </c>
    </row>
    <row r="16" spans="2:233" ht="21" customHeight="1" x14ac:dyDescent="0.2">
      <c r="B16" s="106" t="s">
        <v>12</v>
      </c>
      <c r="C16" s="24">
        <v>8440</v>
      </c>
      <c r="D16" s="25">
        <v>1915</v>
      </c>
      <c r="E16" s="26">
        <v>10355</v>
      </c>
      <c r="F16" s="27">
        <v>0</v>
      </c>
      <c r="G16" s="25">
        <v>142477</v>
      </c>
      <c r="H16" s="25">
        <v>695947</v>
      </c>
      <c r="I16" s="25">
        <v>2455996</v>
      </c>
      <c r="J16" s="25">
        <v>3832603</v>
      </c>
      <c r="K16" s="25">
        <v>1628922</v>
      </c>
      <c r="L16" s="28">
        <v>8755945</v>
      </c>
      <c r="M16" s="29">
        <v>8766300</v>
      </c>
      <c r="N16" s="24">
        <v>0</v>
      </c>
      <c r="O16" s="25">
        <v>0</v>
      </c>
      <c r="P16" s="26">
        <v>0</v>
      </c>
      <c r="Q16" s="404">
        <v>0</v>
      </c>
      <c r="R16" s="25">
        <v>2550</v>
      </c>
      <c r="S16" s="25">
        <v>75155</v>
      </c>
      <c r="T16" s="25">
        <v>1468180</v>
      </c>
      <c r="U16" s="25">
        <v>2726149</v>
      </c>
      <c r="V16" s="25">
        <v>1043850</v>
      </c>
      <c r="W16" s="28">
        <v>5315884</v>
      </c>
      <c r="X16" s="29">
        <v>5315884</v>
      </c>
      <c r="Y16" s="24">
        <v>0</v>
      </c>
      <c r="Z16" s="25">
        <v>0</v>
      </c>
      <c r="AA16" s="26">
        <v>0</v>
      </c>
      <c r="AB16" s="404">
        <v>0</v>
      </c>
      <c r="AC16" s="25">
        <v>71295</v>
      </c>
      <c r="AD16" s="25">
        <v>558050</v>
      </c>
      <c r="AE16" s="25">
        <v>744275</v>
      </c>
      <c r="AF16" s="25">
        <v>691128</v>
      </c>
      <c r="AG16" s="25">
        <v>413460</v>
      </c>
      <c r="AH16" s="28">
        <v>2478208</v>
      </c>
      <c r="AI16" s="29">
        <v>2478208</v>
      </c>
      <c r="AJ16" s="24">
        <v>0</v>
      </c>
      <c r="AK16" s="25">
        <v>0</v>
      </c>
      <c r="AL16" s="26">
        <v>0</v>
      </c>
      <c r="AM16" s="404">
        <v>0</v>
      </c>
      <c r="AN16" s="25">
        <v>0</v>
      </c>
      <c r="AO16" s="25">
        <v>0</v>
      </c>
      <c r="AP16" s="25">
        <v>0</v>
      </c>
      <c r="AQ16" s="25">
        <v>0</v>
      </c>
      <c r="AR16" s="25">
        <v>0</v>
      </c>
      <c r="AS16" s="28">
        <v>0</v>
      </c>
      <c r="AT16" s="29">
        <v>0</v>
      </c>
      <c r="AU16" s="24">
        <v>0</v>
      </c>
      <c r="AV16" s="25">
        <v>0</v>
      </c>
      <c r="AW16" s="26">
        <v>0</v>
      </c>
      <c r="AX16" s="404">
        <v>0</v>
      </c>
      <c r="AY16" s="25">
        <v>0</v>
      </c>
      <c r="AZ16" s="25">
        <v>0</v>
      </c>
      <c r="BA16" s="25">
        <v>23850</v>
      </c>
      <c r="BB16" s="25">
        <v>73500</v>
      </c>
      <c r="BC16" s="25">
        <v>64425</v>
      </c>
      <c r="BD16" s="28">
        <v>161775</v>
      </c>
      <c r="BE16" s="29">
        <v>161775</v>
      </c>
      <c r="BF16" s="24">
        <v>0</v>
      </c>
      <c r="BG16" s="25">
        <v>0</v>
      </c>
      <c r="BH16" s="26">
        <v>0</v>
      </c>
      <c r="BI16" s="404">
        <v>0</v>
      </c>
      <c r="BJ16" s="25">
        <v>0</v>
      </c>
      <c r="BK16" s="25">
        <v>0</v>
      </c>
      <c r="BL16" s="25">
        <v>62150</v>
      </c>
      <c r="BM16" s="25">
        <v>129000</v>
      </c>
      <c r="BN16" s="25">
        <v>31650</v>
      </c>
      <c r="BO16" s="28">
        <v>222800</v>
      </c>
      <c r="BP16" s="29">
        <v>222800</v>
      </c>
      <c r="BQ16" s="24">
        <v>8440</v>
      </c>
      <c r="BR16" s="25">
        <v>1915</v>
      </c>
      <c r="BS16" s="26">
        <v>10355</v>
      </c>
      <c r="BT16" s="27">
        <v>0</v>
      </c>
      <c r="BU16" s="25">
        <v>68632</v>
      </c>
      <c r="BV16" s="25">
        <v>62742</v>
      </c>
      <c r="BW16" s="25">
        <v>153626</v>
      </c>
      <c r="BX16" s="25">
        <v>212826</v>
      </c>
      <c r="BY16" s="25">
        <v>75537</v>
      </c>
      <c r="BZ16" s="28">
        <v>573363</v>
      </c>
      <c r="CA16" s="29">
        <v>583718</v>
      </c>
      <c r="CB16" s="24">
        <v>0</v>
      </c>
      <c r="CC16" s="25">
        <v>0</v>
      </c>
      <c r="CD16" s="26">
        <v>0</v>
      </c>
      <c r="CE16" s="27">
        <v>0</v>
      </c>
      <c r="CF16" s="25">
        <v>0</v>
      </c>
      <c r="CG16" s="25">
        <v>0</v>
      </c>
      <c r="CH16" s="25">
        <v>3915</v>
      </c>
      <c r="CI16" s="25">
        <v>0</v>
      </c>
      <c r="CJ16" s="25">
        <v>0</v>
      </c>
      <c r="CK16" s="28">
        <v>3915</v>
      </c>
      <c r="CL16" s="29">
        <v>3915</v>
      </c>
      <c r="CM16" s="24">
        <v>0</v>
      </c>
      <c r="CN16" s="25">
        <v>0</v>
      </c>
      <c r="CO16" s="26">
        <v>0</v>
      </c>
      <c r="CP16" s="27">
        <v>0</v>
      </c>
      <c r="CQ16" s="25">
        <v>0</v>
      </c>
      <c r="CR16" s="25">
        <v>0</v>
      </c>
      <c r="CS16" s="25">
        <v>0</v>
      </c>
      <c r="CT16" s="25">
        <v>0</v>
      </c>
      <c r="CU16" s="25">
        <v>0</v>
      </c>
      <c r="CV16" s="28">
        <v>0</v>
      </c>
      <c r="CW16" s="29">
        <v>0</v>
      </c>
      <c r="CX16" s="24">
        <v>0</v>
      </c>
      <c r="CY16" s="25">
        <v>0</v>
      </c>
      <c r="CZ16" s="26">
        <v>0</v>
      </c>
      <c r="DA16" s="404">
        <v>0</v>
      </c>
      <c r="DB16" s="25">
        <v>0</v>
      </c>
      <c r="DC16" s="25">
        <v>0</v>
      </c>
      <c r="DD16" s="25">
        <v>0</v>
      </c>
      <c r="DE16" s="25">
        <v>0</v>
      </c>
      <c r="DF16" s="25">
        <v>0</v>
      </c>
      <c r="DG16" s="28">
        <v>0</v>
      </c>
      <c r="DH16" s="29">
        <v>0</v>
      </c>
      <c r="DI16" s="24">
        <v>6687</v>
      </c>
      <c r="DJ16" s="25">
        <v>7656</v>
      </c>
      <c r="DK16" s="26">
        <v>14343</v>
      </c>
      <c r="DL16" s="27">
        <v>0</v>
      </c>
      <c r="DM16" s="25">
        <v>170635</v>
      </c>
      <c r="DN16" s="25">
        <v>448085</v>
      </c>
      <c r="DO16" s="25">
        <v>2790622</v>
      </c>
      <c r="DP16" s="25">
        <v>4049669</v>
      </c>
      <c r="DQ16" s="25">
        <v>1900572</v>
      </c>
      <c r="DR16" s="28">
        <v>9359583</v>
      </c>
      <c r="DS16" s="30">
        <v>9373926</v>
      </c>
      <c r="DT16" s="24">
        <v>0</v>
      </c>
      <c r="DU16" s="25">
        <v>0</v>
      </c>
      <c r="DV16" s="26">
        <v>0</v>
      </c>
      <c r="DW16" s="404">
        <v>0</v>
      </c>
      <c r="DX16" s="25">
        <v>20880</v>
      </c>
      <c r="DY16" s="25">
        <v>279114</v>
      </c>
      <c r="DZ16" s="25">
        <v>2176196</v>
      </c>
      <c r="EA16" s="25">
        <v>3469327</v>
      </c>
      <c r="EB16" s="25">
        <v>1654937</v>
      </c>
      <c r="EC16" s="28">
        <v>7600454</v>
      </c>
      <c r="ED16" s="29">
        <v>7600454</v>
      </c>
      <c r="EE16" s="24">
        <v>0</v>
      </c>
      <c r="EF16" s="25">
        <v>0</v>
      </c>
      <c r="EG16" s="26">
        <v>0</v>
      </c>
      <c r="EH16" s="404">
        <v>0</v>
      </c>
      <c r="EI16" s="25">
        <v>47067</v>
      </c>
      <c r="EJ16" s="25">
        <v>49241</v>
      </c>
      <c r="EK16" s="25">
        <v>160964</v>
      </c>
      <c r="EL16" s="25">
        <v>103263</v>
      </c>
      <c r="EM16" s="25">
        <v>27288</v>
      </c>
      <c r="EN16" s="28">
        <v>387823</v>
      </c>
      <c r="EO16" s="29">
        <v>387823</v>
      </c>
      <c r="EP16" s="24">
        <v>0</v>
      </c>
      <c r="EQ16" s="25">
        <v>0</v>
      </c>
      <c r="ER16" s="26">
        <v>0</v>
      </c>
      <c r="ES16" s="404">
        <v>0</v>
      </c>
      <c r="ET16" s="25">
        <v>0</v>
      </c>
      <c r="EU16" s="25">
        <v>0</v>
      </c>
      <c r="EV16" s="25">
        <v>0</v>
      </c>
      <c r="EW16" s="25">
        <v>0</v>
      </c>
      <c r="EX16" s="25">
        <v>0</v>
      </c>
      <c r="EY16" s="28">
        <v>0</v>
      </c>
      <c r="EZ16" s="29">
        <v>0</v>
      </c>
      <c r="FA16" s="24">
        <v>0</v>
      </c>
      <c r="FB16" s="25">
        <v>0</v>
      </c>
      <c r="FC16" s="26">
        <v>0</v>
      </c>
      <c r="FD16" s="404">
        <v>0</v>
      </c>
      <c r="FE16" s="25">
        <v>0</v>
      </c>
      <c r="FF16" s="25">
        <v>0</v>
      </c>
      <c r="FG16" s="25">
        <v>210</v>
      </c>
      <c r="FH16" s="25">
        <v>1260</v>
      </c>
      <c r="FI16" s="25">
        <v>12325</v>
      </c>
      <c r="FJ16" s="28">
        <v>13795</v>
      </c>
      <c r="FK16" s="29">
        <v>13795</v>
      </c>
      <c r="FL16" s="24">
        <v>0</v>
      </c>
      <c r="FM16" s="25">
        <v>0</v>
      </c>
      <c r="FN16" s="26">
        <v>0</v>
      </c>
      <c r="FO16" s="404">
        <v>0</v>
      </c>
      <c r="FP16" s="25">
        <v>0</v>
      </c>
      <c r="FQ16" s="25">
        <v>0</v>
      </c>
      <c r="FR16" s="25">
        <v>160080</v>
      </c>
      <c r="FS16" s="25">
        <v>211140</v>
      </c>
      <c r="FT16" s="25">
        <v>35580</v>
      </c>
      <c r="FU16" s="28">
        <v>406800</v>
      </c>
      <c r="FV16" s="29">
        <v>406800</v>
      </c>
      <c r="FW16" s="24">
        <v>6687</v>
      </c>
      <c r="FX16" s="25">
        <v>7656</v>
      </c>
      <c r="FY16" s="26">
        <v>14343</v>
      </c>
      <c r="FZ16" s="27">
        <v>0</v>
      </c>
      <c r="GA16" s="25">
        <v>102688</v>
      </c>
      <c r="GB16" s="25">
        <v>119723</v>
      </c>
      <c r="GC16" s="25">
        <v>290816</v>
      </c>
      <c r="GD16" s="25">
        <v>264679</v>
      </c>
      <c r="GE16" s="25">
        <v>161018</v>
      </c>
      <c r="GF16" s="28">
        <v>938924</v>
      </c>
      <c r="GG16" s="29">
        <v>953267</v>
      </c>
      <c r="GH16" s="24">
        <v>0</v>
      </c>
      <c r="GI16" s="25">
        <v>0</v>
      </c>
      <c r="GJ16" s="26">
        <v>0</v>
      </c>
      <c r="GK16" s="27">
        <v>0</v>
      </c>
      <c r="GL16" s="25">
        <v>0</v>
      </c>
      <c r="GM16" s="25">
        <v>7</v>
      </c>
      <c r="GN16" s="25">
        <v>2356</v>
      </c>
      <c r="GO16" s="25">
        <v>0</v>
      </c>
      <c r="GP16" s="25">
        <v>9424</v>
      </c>
      <c r="GQ16" s="28">
        <v>11787</v>
      </c>
      <c r="GR16" s="29">
        <v>11787</v>
      </c>
      <c r="GS16" s="24">
        <v>0</v>
      </c>
      <c r="GT16" s="25">
        <v>0</v>
      </c>
      <c r="GU16" s="26">
        <v>0</v>
      </c>
      <c r="GV16" s="27">
        <v>0</v>
      </c>
      <c r="GW16" s="25">
        <v>0</v>
      </c>
      <c r="GX16" s="25">
        <v>0</v>
      </c>
      <c r="GY16" s="25">
        <v>0</v>
      </c>
      <c r="GZ16" s="25">
        <v>0</v>
      </c>
      <c r="HA16" s="25">
        <v>0</v>
      </c>
      <c r="HB16" s="28">
        <v>0</v>
      </c>
      <c r="HC16" s="29">
        <v>0</v>
      </c>
      <c r="HD16" s="24">
        <v>0</v>
      </c>
      <c r="HE16" s="25">
        <v>0</v>
      </c>
      <c r="HF16" s="26">
        <v>0</v>
      </c>
      <c r="HG16" s="404">
        <v>0</v>
      </c>
      <c r="HH16" s="25">
        <v>0</v>
      </c>
      <c r="HI16" s="25">
        <v>0</v>
      </c>
      <c r="HJ16" s="25">
        <v>0</v>
      </c>
      <c r="HK16" s="25">
        <v>0</v>
      </c>
      <c r="HL16" s="25">
        <v>0</v>
      </c>
      <c r="HM16" s="28">
        <v>0</v>
      </c>
      <c r="HN16" s="29">
        <v>0</v>
      </c>
      <c r="HO16" s="24">
        <v>15127</v>
      </c>
      <c r="HP16" s="25">
        <v>9571</v>
      </c>
      <c r="HQ16" s="26">
        <v>24698</v>
      </c>
      <c r="HR16" s="27">
        <v>0</v>
      </c>
      <c r="HS16" s="25">
        <v>313112</v>
      </c>
      <c r="HT16" s="25">
        <v>1144032</v>
      </c>
      <c r="HU16" s="25">
        <v>5246618</v>
      </c>
      <c r="HV16" s="25">
        <v>7882272</v>
      </c>
      <c r="HW16" s="25">
        <v>3529494</v>
      </c>
      <c r="HX16" s="28">
        <v>18115528</v>
      </c>
      <c r="HY16" s="29">
        <v>18140226</v>
      </c>
    </row>
    <row r="17" spans="2:233" ht="21" customHeight="1" x14ac:dyDescent="0.2">
      <c r="B17" s="106" t="s">
        <v>13</v>
      </c>
      <c r="C17" s="24">
        <v>0</v>
      </c>
      <c r="D17" s="25">
        <v>0</v>
      </c>
      <c r="E17" s="26">
        <v>0</v>
      </c>
      <c r="F17" s="27">
        <v>0</v>
      </c>
      <c r="G17" s="25">
        <v>92535</v>
      </c>
      <c r="H17" s="25">
        <v>172390</v>
      </c>
      <c r="I17" s="25">
        <v>258295</v>
      </c>
      <c r="J17" s="25">
        <v>809780</v>
      </c>
      <c r="K17" s="25">
        <v>714775</v>
      </c>
      <c r="L17" s="28">
        <v>2047775</v>
      </c>
      <c r="M17" s="29">
        <v>2047775</v>
      </c>
      <c r="N17" s="24">
        <v>0</v>
      </c>
      <c r="O17" s="25">
        <v>0</v>
      </c>
      <c r="P17" s="26">
        <v>0</v>
      </c>
      <c r="Q17" s="404">
        <v>0</v>
      </c>
      <c r="R17" s="25">
        <v>2550</v>
      </c>
      <c r="S17" s="25">
        <v>36750</v>
      </c>
      <c r="T17" s="25">
        <v>232225</v>
      </c>
      <c r="U17" s="25">
        <v>736785</v>
      </c>
      <c r="V17" s="25">
        <v>575840</v>
      </c>
      <c r="W17" s="28">
        <v>1584150</v>
      </c>
      <c r="X17" s="29">
        <v>1584150</v>
      </c>
      <c r="Y17" s="24">
        <v>0</v>
      </c>
      <c r="Z17" s="25">
        <v>0</v>
      </c>
      <c r="AA17" s="26">
        <v>0</v>
      </c>
      <c r="AB17" s="404">
        <v>0</v>
      </c>
      <c r="AC17" s="25">
        <v>71270</v>
      </c>
      <c r="AD17" s="25">
        <v>115020</v>
      </c>
      <c r="AE17" s="25">
        <v>5975</v>
      </c>
      <c r="AF17" s="25">
        <v>21030</v>
      </c>
      <c r="AG17" s="25">
        <v>79790</v>
      </c>
      <c r="AH17" s="28">
        <v>293085</v>
      </c>
      <c r="AI17" s="29">
        <v>293085</v>
      </c>
      <c r="AJ17" s="24">
        <v>0</v>
      </c>
      <c r="AK17" s="25">
        <v>0</v>
      </c>
      <c r="AL17" s="26">
        <v>0</v>
      </c>
      <c r="AM17" s="404">
        <v>0</v>
      </c>
      <c r="AN17" s="25">
        <v>0</v>
      </c>
      <c r="AO17" s="25">
        <v>0</v>
      </c>
      <c r="AP17" s="25">
        <v>0</v>
      </c>
      <c r="AQ17" s="25">
        <v>0</v>
      </c>
      <c r="AR17" s="25">
        <v>0</v>
      </c>
      <c r="AS17" s="28">
        <v>0</v>
      </c>
      <c r="AT17" s="29">
        <v>0</v>
      </c>
      <c r="AU17" s="24">
        <v>0</v>
      </c>
      <c r="AV17" s="25">
        <v>0</v>
      </c>
      <c r="AW17" s="26">
        <v>0</v>
      </c>
      <c r="AX17" s="404">
        <v>0</v>
      </c>
      <c r="AY17" s="25">
        <v>0</v>
      </c>
      <c r="AZ17" s="25">
        <v>0</v>
      </c>
      <c r="BA17" s="25">
        <v>0</v>
      </c>
      <c r="BB17" s="25">
        <v>0</v>
      </c>
      <c r="BC17" s="25">
        <v>0</v>
      </c>
      <c r="BD17" s="28">
        <v>0</v>
      </c>
      <c r="BE17" s="29">
        <v>0</v>
      </c>
      <c r="BF17" s="24">
        <v>0</v>
      </c>
      <c r="BG17" s="25">
        <v>0</v>
      </c>
      <c r="BH17" s="26">
        <v>0</v>
      </c>
      <c r="BI17" s="404">
        <v>0</v>
      </c>
      <c r="BJ17" s="25">
        <v>0</v>
      </c>
      <c r="BK17" s="25">
        <v>0</v>
      </c>
      <c r="BL17" s="25">
        <v>0</v>
      </c>
      <c r="BM17" s="25">
        <v>0</v>
      </c>
      <c r="BN17" s="25">
        <v>0</v>
      </c>
      <c r="BO17" s="28">
        <v>0</v>
      </c>
      <c r="BP17" s="29">
        <v>0</v>
      </c>
      <c r="BQ17" s="24">
        <v>0</v>
      </c>
      <c r="BR17" s="25">
        <v>0</v>
      </c>
      <c r="BS17" s="26">
        <v>0</v>
      </c>
      <c r="BT17" s="27">
        <v>0</v>
      </c>
      <c r="BU17" s="25">
        <v>6910</v>
      </c>
      <c r="BV17" s="25">
        <v>20620</v>
      </c>
      <c r="BW17" s="25">
        <v>16905</v>
      </c>
      <c r="BX17" s="25">
        <v>51290</v>
      </c>
      <c r="BY17" s="25">
        <v>59145</v>
      </c>
      <c r="BZ17" s="28">
        <v>154870</v>
      </c>
      <c r="CA17" s="29">
        <v>154870</v>
      </c>
      <c r="CB17" s="24">
        <v>0</v>
      </c>
      <c r="CC17" s="25">
        <v>0</v>
      </c>
      <c r="CD17" s="26">
        <v>0</v>
      </c>
      <c r="CE17" s="27">
        <v>0</v>
      </c>
      <c r="CF17" s="25">
        <v>11805</v>
      </c>
      <c r="CG17" s="25">
        <v>0</v>
      </c>
      <c r="CH17" s="25">
        <v>3190</v>
      </c>
      <c r="CI17" s="25">
        <v>675</v>
      </c>
      <c r="CJ17" s="25">
        <v>0</v>
      </c>
      <c r="CK17" s="28">
        <v>15670</v>
      </c>
      <c r="CL17" s="29">
        <v>15670</v>
      </c>
      <c r="CM17" s="24">
        <v>0</v>
      </c>
      <c r="CN17" s="25">
        <v>0</v>
      </c>
      <c r="CO17" s="26">
        <v>0</v>
      </c>
      <c r="CP17" s="27">
        <v>0</v>
      </c>
      <c r="CQ17" s="25">
        <v>0</v>
      </c>
      <c r="CR17" s="25">
        <v>0</v>
      </c>
      <c r="CS17" s="25">
        <v>0</v>
      </c>
      <c r="CT17" s="25">
        <v>0</v>
      </c>
      <c r="CU17" s="25">
        <v>0</v>
      </c>
      <c r="CV17" s="28">
        <v>0</v>
      </c>
      <c r="CW17" s="29">
        <v>0</v>
      </c>
      <c r="CX17" s="24">
        <v>0</v>
      </c>
      <c r="CY17" s="25">
        <v>0</v>
      </c>
      <c r="CZ17" s="26">
        <v>0</v>
      </c>
      <c r="DA17" s="404">
        <v>0</v>
      </c>
      <c r="DB17" s="25">
        <v>0</v>
      </c>
      <c r="DC17" s="25">
        <v>0</v>
      </c>
      <c r="DD17" s="25">
        <v>0</v>
      </c>
      <c r="DE17" s="25">
        <v>0</v>
      </c>
      <c r="DF17" s="25">
        <v>0</v>
      </c>
      <c r="DG17" s="28">
        <v>0</v>
      </c>
      <c r="DH17" s="29">
        <v>0</v>
      </c>
      <c r="DI17" s="24">
        <v>0</v>
      </c>
      <c r="DJ17" s="25">
        <v>0</v>
      </c>
      <c r="DK17" s="26">
        <v>0</v>
      </c>
      <c r="DL17" s="27">
        <v>0</v>
      </c>
      <c r="DM17" s="25">
        <v>49402</v>
      </c>
      <c r="DN17" s="25">
        <v>85211</v>
      </c>
      <c r="DO17" s="25">
        <v>435054</v>
      </c>
      <c r="DP17" s="25">
        <v>901774</v>
      </c>
      <c r="DQ17" s="25">
        <v>766985</v>
      </c>
      <c r="DR17" s="28">
        <v>2238426</v>
      </c>
      <c r="DS17" s="30">
        <v>2238426</v>
      </c>
      <c r="DT17" s="24">
        <v>0</v>
      </c>
      <c r="DU17" s="25">
        <v>0</v>
      </c>
      <c r="DV17" s="26">
        <v>0</v>
      </c>
      <c r="DW17" s="404">
        <v>0</v>
      </c>
      <c r="DX17" s="25">
        <v>20880</v>
      </c>
      <c r="DY17" s="25">
        <v>57960</v>
      </c>
      <c r="DZ17" s="25">
        <v>385750</v>
      </c>
      <c r="EA17" s="25">
        <v>820693</v>
      </c>
      <c r="EB17" s="25">
        <v>703179</v>
      </c>
      <c r="EC17" s="28">
        <v>1988462</v>
      </c>
      <c r="ED17" s="29">
        <v>1988462</v>
      </c>
      <c r="EE17" s="24">
        <v>0</v>
      </c>
      <c r="EF17" s="25">
        <v>0</v>
      </c>
      <c r="EG17" s="26">
        <v>0</v>
      </c>
      <c r="EH17" s="404">
        <v>0</v>
      </c>
      <c r="EI17" s="25">
        <v>22106</v>
      </c>
      <c r="EJ17" s="25">
        <v>1043</v>
      </c>
      <c r="EK17" s="25">
        <v>602</v>
      </c>
      <c r="EL17" s="25">
        <v>3579</v>
      </c>
      <c r="EM17" s="25">
        <v>1568</v>
      </c>
      <c r="EN17" s="28">
        <v>28898</v>
      </c>
      <c r="EO17" s="29">
        <v>28898</v>
      </c>
      <c r="EP17" s="24">
        <v>0</v>
      </c>
      <c r="EQ17" s="25">
        <v>0</v>
      </c>
      <c r="ER17" s="26">
        <v>0</v>
      </c>
      <c r="ES17" s="404">
        <v>0</v>
      </c>
      <c r="ET17" s="25">
        <v>0</v>
      </c>
      <c r="EU17" s="25">
        <v>0</v>
      </c>
      <c r="EV17" s="25">
        <v>0</v>
      </c>
      <c r="EW17" s="25">
        <v>0</v>
      </c>
      <c r="EX17" s="25">
        <v>0</v>
      </c>
      <c r="EY17" s="28">
        <v>0</v>
      </c>
      <c r="EZ17" s="29">
        <v>0</v>
      </c>
      <c r="FA17" s="24">
        <v>0</v>
      </c>
      <c r="FB17" s="25">
        <v>0</v>
      </c>
      <c r="FC17" s="26">
        <v>0</v>
      </c>
      <c r="FD17" s="404">
        <v>0</v>
      </c>
      <c r="FE17" s="25">
        <v>0</v>
      </c>
      <c r="FF17" s="25">
        <v>0</v>
      </c>
      <c r="FG17" s="25">
        <v>0</v>
      </c>
      <c r="FH17" s="25">
        <v>0</v>
      </c>
      <c r="FI17" s="25">
        <v>0</v>
      </c>
      <c r="FJ17" s="28">
        <v>0</v>
      </c>
      <c r="FK17" s="29">
        <v>0</v>
      </c>
      <c r="FL17" s="24">
        <v>0</v>
      </c>
      <c r="FM17" s="25">
        <v>0</v>
      </c>
      <c r="FN17" s="26">
        <v>0</v>
      </c>
      <c r="FO17" s="404">
        <v>0</v>
      </c>
      <c r="FP17" s="25">
        <v>0</v>
      </c>
      <c r="FQ17" s="25">
        <v>0</v>
      </c>
      <c r="FR17" s="25">
        <v>0</v>
      </c>
      <c r="FS17" s="25">
        <v>0</v>
      </c>
      <c r="FT17" s="25">
        <v>0</v>
      </c>
      <c r="FU17" s="28">
        <v>0</v>
      </c>
      <c r="FV17" s="29">
        <v>0</v>
      </c>
      <c r="FW17" s="24">
        <v>0</v>
      </c>
      <c r="FX17" s="25">
        <v>0</v>
      </c>
      <c r="FY17" s="26">
        <v>0</v>
      </c>
      <c r="FZ17" s="27">
        <v>0</v>
      </c>
      <c r="GA17" s="25">
        <v>6318</v>
      </c>
      <c r="GB17" s="25">
        <v>26208</v>
      </c>
      <c r="GC17" s="25">
        <v>48702</v>
      </c>
      <c r="GD17" s="25">
        <v>77453</v>
      </c>
      <c r="GE17" s="25">
        <v>62238</v>
      </c>
      <c r="GF17" s="28">
        <v>220919</v>
      </c>
      <c r="GG17" s="29">
        <v>220919</v>
      </c>
      <c r="GH17" s="24">
        <v>0</v>
      </c>
      <c r="GI17" s="25">
        <v>0</v>
      </c>
      <c r="GJ17" s="26">
        <v>0</v>
      </c>
      <c r="GK17" s="27">
        <v>0</v>
      </c>
      <c r="GL17" s="25">
        <v>98</v>
      </c>
      <c r="GM17" s="25">
        <v>0</v>
      </c>
      <c r="GN17" s="25">
        <v>0</v>
      </c>
      <c r="GO17" s="25">
        <v>49</v>
      </c>
      <c r="GP17" s="25">
        <v>0</v>
      </c>
      <c r="GQ17" s="28">
        <v>147</v>
      </c>
      <c r="GR17" s="29">
        <v>147</v>
      </c>
      <c r="GS17" s="24">
        <v>0</v>
      </c>
      <c r="GT17" s="25">
        <v>0</v>
      </c>
      <c r="GU17" s="26">
        <v>0</v>
      </c>
      <c r="GV17" s="27">
        <v>0</v>
      </c>
      <c r="GW17" s="25">
        <v>0</v>
      </c>
      <c r="GX17" s="25">
        <v>0</v>
      </c>
      <c r="GY17" s="25">
        <v>0</v>
      </c>
      <c r="GZ17" s="25">
        <v>0</v>
      </c>
      <c r="HA17" s="25">
        <v>0</v>
      </c>
      <c r="HB17" s="28">
        <v>0</v>
      </c>
      <c r="HC17" s="29">
        <v>0</v>
      </c>
      <c r="HD17" s="24">
        <v>0</v>
      </c>
      <c r="HE17" s="25">
        <v>0</v>
      </c>
      <c r="HF17" s="26">
        <v>0</v>
      </c>
      <c r="HG17" s="404">
        <v>0</v>
      </c>
      <c r="HH17" s="25">
        <v>0</v>
      </c>
      <c r="HI17" s="25">
        <v>0</v>
      </c>
      <c r="HJ17" s="25">
        <v>0</v>
      </c>
      <c r="HK17" s="25">
        <v>0</v>
      </c>
      <c r="HL17" s="25">
        <v>0</v>
      </c>
      <c r="HM17" s="28">
        <v>0</v>
      </c>
      <c r="HN17" s="29">
        <v>0</v>
      </c>
      <c r="HO17" s="24">
        <v>0</v>
      </c>
      <c r="HP17" s="25">
        <v>0</v>
      </c>
      <c r="HQ17" s="26">
        <v>0</v>
      </c>
      <c r="HR17" s="27">
        <v>0</v>
      </c>
      <c r="HS17" s="25">
        <v>141937</v>
      </c>
      <c r="HT17" s="25">
        <v>257601</v>
      </c>
      <c r="HU17" s="25">
        <v>693349</v>
      </c>
      <c r="HV17" s="25">
        <v>1711554</v>
      </c>
      <c r="HW17" s="25">
        <v>1481760</v>
      </c>
      <c r="HX17" s="28">
        <v>4286201</v>
      </c>
      <c r="HY17" s="29">
        <v>4286201</v>
      </c>
    </row>
    <row r="18" spans="2:233" ht="21" customHeight="1" x14ac:dyDescent="0.2">
      <c r="B18" s="106" t="s">
        <v>15</v>
      </c>
      <c r="C18" s="24">
        <v>0</v>
      </c>
      <c r="D18" s="25">
        <v>0</v>
      </c>
      <c r="E18" s="26">
        <v>0</v>
      </c>
      <c r="F18" s="27">
        <v>0</v>
      </c>
      <c r="G18" s="25">
        <v>297317</v>
      </c>
      <c r="H18" s="25">
        <v>231168</v>
      </c>
      <c r="I18" s="25">
        <v>1585377</v>
      </c>
      <c r="J18" s="25">
        <v>1730972</v>
      </c>
      <c r="K18" s="25">
        <v>1021688</v>
      </c>
      <c r="L18" s="28">
        <v>4866522</v>
      </c>
      <c r="M18" s="29">
        <v>4866522</v>
      </c>
      <c r="N18" s="24">
        <v>0</v>
      </c>
      <c r="O18" s="25">
        <v>0</v>
      </c>
      <c r="P18" s="26">
        <v>0</v>
      </c>
      <c r="Q18" s="404">
        <v>0</v>
      </c>
      <c r="R18" s="25">
        <v>0</v>
      </c>
      <c r="S18" s="25">
        <v>2550</v>
      </c>
      <c r="T18" s="25">
        <v>1058630</v>
      </c>
      <c r="U18" s="25">
        <v>922485</v>
      </c>
      <c r="V18" s="25">
        <v>653805</v>
      </c>
      <c r="W18" s="28">
        <v>2637470</v>
      </c>
      <c r="X18" s="29">
        <v>2637470</v>
      </c>
      <c r="Y18" s="24">
        <v>0</v>
      </c>
      <c r="Z18" s="25">
        <v>0</v>
      </c>
      <c r="AA18" s="26">
        <v>0</v>
      </c>
      <c r="AB18" s="404">
        <v>0</v>
      </c>
      <c r="AC18" s="25">
        <v>191548</v>
      </c>
      <c r="AD18" s="25">
        <v>215765</v>
      </c>
      <c r="AE18" s="25">
        <v>287299</v>
      </c>
      <c r="AF18" s="25">
        <v>540365</v>
      </c>
      <c r="AG18" s="25">
        <v>224100</v>
      </c>
      <c r="AH18" s="28">
        <v>1459077</v>
      </c>
      <c r="AI18" s="29">
        <v>1459077</v>
      </c>
      <c r="AJ18" s="24">
        <v>0</v>
      </c>
      <c r="AK18" s="25">
        <v>0</v>
      </c>
      <c r="AL18" s="26">
        <v>0</v>
      </c>
      <c r="AM18" s="404">
        <v>0</v>
      </c>
      <c r="AN18" s="25">
        <v>0</v>
      </c>
      <c r="AO18" s="25">
        <v>0</v>
      </c>
      <c r="AP18" s="25">
        <v>0</v>
      </c>
      <c r="AQ18" s="25">
        <v>0</v>
      </c>
      <c r="AR18" s="25">
        <v>0</v>
      </c>
      <c r="AS18" s="28">
        <v>0</v>
      </c>
      <c r="AT18" s="29">
        <v>0</v>
      </c>
      <c r="AU18" s="24">
        <v>0</v>
      </c>
      <c r="AV18" s="25">
        <v>0</v>
      </c>
      <c r="AW18" s="26">
        <v>0</v>
      </c>
      <c r="AX18" s="404">
        <v>0</v>
      </c>
      <c r="AY18" s="25">
        <v>0</v>
      </c>
      <c r="AZ18" s="25">
        <v>0</v>
      </c>
      <c r="BA18" s="25">
        <v>0</v>
      </c>
      <c r="BB18" s="25">
        <v>0</v>
      </c>
      <c r="BC18" s="25">
        <v>0</v>
      </c>
      <c r="BD18" s="28">
        <v>0</v>
      </c>
      <c r="BE18" s="29">
        <v>0</v>
      </c>
      <c r="BF18" s="24">
        <v>0</v>
      </c>
      <c r="BG18" s="25">
        <v>0</v>
      </c>
      <c r="BH18" s="26">
        <v>0</v>
      </c>
      <c r="BI18" s="404">
        <v>0</v>
      </c>
      <c r="BJ18" s="25">
        <v>0</v>
      </c>
      <c r="BK18" s="25">
        <v>0</v>
      </c>
      <c r="BL18" s="25">
        <v>65615</v>
      </c>
      <c r="BM18" s="25">
        <v>155040</v>
      </c>
      <c r="BN18" s="25">
        <v>100050</v>
      </c>
      <c r="BO18" s="28">
        <v>320705</v>
      </c>
      <c r="BP18" s="29">
        <v>320705</v>
      </c>
      <c r="BQ18" s="24">
        <v>0</v>
      </c>
      <c r="BR18" s="25">
        <v>0</v>
      </c>
      <c r="BS18" s="26">
        <v>0</v>
      </c>
      <c r="BT18" s="27">
        <v>0</v>
      </c>
      <c r="BU18" s="25">
        <v>105769</v>
      </c>
      <c r="BV18" s="25">
        <v>10375</v>
      </c>
      <c r="BW18" s="25">
        <v>173240</v>
      </c>
      <c r="BX18" s="25">
        <v>109747</v>
      </c>
      <c r="BY18" s="25">
        <v>43733</v>
      </c>
      <c r="BZ18" s="28">
        <v>442864</v>
      </c>
      <c r="CA18" s="29">
        <v>442864</v>
      </c>
      <c r="CB18" s="24">
        <v>0</v>
      </c>
      <c r="CC18" s="25">
        <v>0</v>
      </c>
      <c r="CD18" s="26">
        <v>0</v>
      </c>
      <c r="CE18" s="27">
        <v>0</v>
      </c>
      <c r="CF18" s="25">
        <v>0</v>
      </c>
      <c r="CG18" s="25">
        <v>2478</v>
      </c>
      <c r="CH18" s="25">
        <v>593</v>
      </c>
      <c r="CI18" s="25">
        <v>3335</v>
      </c>
      <c r="CJ18" s="25">
        <v>0</v>
      </c>
      <c r="CK18" s="28">
        <v>6406</v>
      </c>
      <c r="CL18" s="29">
        <v>6406</v>
      </c>
      <c r="CM18" s="24">
        <v>0</v>
      </c>
      <c r="CN18" s="25">
        <v>0</v>
      </c>
      <c r="CO18" s="26">
        <v>0</v>
      </c>
      <c r="CP18" s="27">
        <v>0</v>
      </c>
      <c r="CQ18" s="25">
        <v>0</v>
      </c>
      <c r="CR18" s="25">
        <v>0</v>
      </c>
      <c r="CS18" s="25">
        <v>0</v>
      </c>
      <c r="CT18" s="25">
        <v>0</v>
      </c>
      <c r="CU18" s="25">
        <v>0</v>
      </c>
      <c r="CV18" s="28">
        <v>0</v>
      </c>
      <c r="CW18" s="29">
        <v>0</v>
      </c>
      <c r="CX18" s="24">
        <v>0</v>
      </c>
      <c r="CY18" s="25">
        <v>0</v>
      </c>
      <c r="CZ18" s="26">
        <v>0</v>
      </c>
      <c r="DA18" s="404">
        <v>0</v>
      </c>
      <c r="DB18" s="25">
        <v>0</v>
      </c>
      <c r="DC18" s="25">
        <v>0</v>
      </c>
      <c r="DD18" s="25">
        <v>0</v>
      </c>
      <c r="DE18" s="25">
        <v>0</v>
      </c>
      <c r="DF18" s="25">
        <v>0</v>
      </c>
      <c r="DG18" s="28">
        <v>0</v>
      </c>
      <c r="DH18" s="29">
        <v>0</v>
      </c>
      <c r="DI18" s="24">
        <v>0</v>
      </c>
      <c r="DJ18" s="25">
        <v>0</v>
      </c>
      <c r="DK18" s="26">
        <v>0</v>
      </c>
      <c r="DL18" s="27">
        <v>0</v>
      </c>
      <c r="DM18" s="25">
        <v>105648</v>
      </c>
      <c r="DN18" s="25">
        <v>83969</v>
      </c>
      <c r="DO18" s="25">
        <v>1332938</v>
      </c>
      <c r="DP18" s="25">
        <v>1526010</v>
      </c>
      <c r="DQ18" s="25">
        <v>1062840</v>
      </c>
      <c r="DR18" s="28">
        <v>4111405</v>
      </c>
      <c r="DS18" s="30">
        <v>4111405</v>
      </c>
      <c r="DT18" s="24">
        <v>0</v>
      </c>
      <c r="DU18" s="25">
        <v>0</v>
      </c>
      <c r="DV18" s="26">
        <v>0</v>
      </c>
      <c r="DW18" s="404">
        <v>0</v>
      </c>
      <c r="DX18" s="25">
        <v>0</v>
      </c>
      <c r="DY18" s="25">
        <v>10530</v>
      </c>
      <c r="DZ18" s="25">
        <v>900940</v>
      </c>
      <c r="EA18" s="25">
        <v>1104439</v>
      </c>
      <c r="EB18" s="25">
        <v>807389</v>
      </c>
      <c r="EC18" s="28">
        <v>2823298</v>
      </c>
      <c r="ED18" s="29">
        <v>2823298</v>
      </c>
      <c r="EE18" s="24">
        <v>0</v>
      </c>
      <c r="EF18" s="25">
        <v>0</v>
      </c>
      <c r="EG18" s="26">
        <v>0</v>
      </c>
      <c r="EH18" s="404">
        <v>0</v>
      </c>
      <c r="EI18" s="25">
        <v>24020</v>
      </c>
      <c r="EJ18" s="25">
        <v>36030</v>
      </c>
      <c r="EK18" s="25">
        <v>4200</v>
      </c>
      <c r="EL18" s="25">
        <v>50315</v>
      </c>
      <c r="EM18" s="25">
        <v>33870</v>
      </c>
      <c r="EN18" s="28">
        <v>148435</v>
      </c>
      <c r="EO18" s="29">
        <v>148435</v>
      </c>
      <c r="EP18" s="24">
        <v>0</v>
      </c>
      <c r="EQ18" s="25">
        <v>0</v>
      </c>
      <c r="ER18" s="26">
        <v>0</v>
      </c>
      <c r="ES18" s="404">
        <v>0</v>
      </c>
      <c r="ET18" s="25">
        <v>0</v>
      </c>
      <c r="EU18" s="25">
        <v>0</v>
      </c>
      <c r="EV18" s="25">
        <v>0</v>
      </c>
      <c r="EW18" s="25">
        <v>0</v>
      </c>
      <c r="EX18" s="25">
        <v>0</v>
      </c>
      <c r="EY18" s="28">
        <v>0</v>
      </c>
      <c r="EZ18" s="29">
        <v>0</v>
      </c>
      <c r="FA18" s="24">
        <v>0</v>
      </c>
      <c r="FB18" s="25">
        <v>0</v>
      </c>
      <c r="FC18" s="26">
        <v>0</v>
      </c>
      <c r="FD18" s="404">
        <v>0</v>
      </c>
      <c r="FE18" s="25">
        <v>0</v>
      </c>
      <c r="FF18" s="25">
        <v>0</v>
      </c>
      <c r="FG18" s="25">
        <v>0</v>
      </c>
      <c r="FH18" s="25">
        <v>0</v>
      </c>
      <c r="FI18" s="25">
        <v>0</v>
      </c>
      <c r="FJ18" s="28">
        <v>0</v>
      </c>
      <c r="FK18" s="29">
        <v>0</v>
      </c>
      <c r="FL18" s="24">
        <v>0</v>
      </c>
      <c r="FM18" s="25">
        <v>0</v>
      </c>
      <c r="FN18" s="26">
        <v>0</v>
      </c>
      <c r="FO18" s="404">
        <v>0</v>
      </c>
      <c r="FP18" s="25">
        <v>0</v>
      </c>
      <c r="FQ18" s="25">
        <v>0</v>
      </c>
      <c r="FR18" s="25">
        <v>139284</v>
      </c>
      <c r="FS18" s="25">
        <v>204960</v>
      </c>
      <c r="FT18" s="25">
        <v>148500</v>
      </c>
      <c r="FU18" s="28">
        <v>492744</v>
      </c>
      <c r="FV18" s="29">
        <v>492744</v>
      </c>
      <c r="FW18" s="24">
        <v>0</v>
      </c>
      <c r="FX18" s="25">
        <v>0</v>
      </c>
      <c r="FY18" s="26">
        <v>0</v>
      </c>
      <c r="FZ18" s="27">
        <v>0</v>
      </c>
      <c r="GA18" s="25">
        <v>81628</v>
      </c>
      <c r="GB18" s="25">
        <v>32706</v>
      </c>
      <c r="GC18" s="25">
        <v>286724</v>
      </c>
      <c r="GD18" s="25">
        <v>166128</v>
      </c>
      <c r="GE18" s="25">
        <v>73081</v>
      </c>
      <c r="GF18" s="28">
        <v>640267</v>
      </c>
      <c r="GG18" s="29">
        <v>640267</v>
      </c>
      <c r="GH18" s="24">
        <v>0</v>
      </c>
      <c r="GI18" s="25">
        <v>0</v>
      </c>
      <c r="GJ18" s="26">
        <v>0</v>
      </c>
      <c r="GK18" s="27">
        <v>0</v>
      </c>
      <c r="GL18" s="25">
        <v>0</v>
      </c>
      <c r="GM18" s="25">
        <v>4703</v>
      </c>
      <c r="GN18" s="25">
        <v>1790</v>
      </c>
      <c r="GO18" s="25">
        <v>168</v>
      </c>
      <c r="GP18" s="25">
        <v>0</v>
      </c>
      <c r="GQ18" s="28">
        <v>6661</v>
      </c>
      <c r="GR18" s="29">
        <v>6661</v>
      </c>
      <c r="GS18" s="24">
        <v>0</v>
      </c>
      <c r="GT18" s="25">
        <v>0</v>
      </c>
      <c r="GU18" s="26">
        <v>0</v>
      </c>
      <c r="GV18" s="27">
        <v>0</v>
      </c>
      <c r="GW18" s="25">
        <v>0</v>
      </c>
      <c r="GX18" s="25">
        <v>0</v>
      </c>
      <c r="GY18" s="25">
        <v>0</v>
      </c>
      <c r="GZ18" s="25">
        <v>0</v>
      </c>
      <c r="HA18" s="25">
        <v>0</v>
      </c>
      <c r="HB18" s="28">
        <v>0</v>
      </c>
      <c r="HC18" s="29">
        <v>0</v>
      </c>
      <c r="HD18" s="24">
        <v>0</v>
      </c>
      <c r="HE18" s="25">
        <v>0</v>
      </c>
      <c r="HF18" s="26">
        <v>0</v>
      </c>
      <c r="HG18" s="404">
        <v>0</v>
      </c>
      <c r="HH18" s="25">
        <v>0</v>
      </c>
      <c r="HI18" s="25">
        <v>0</v>
      </c>
      <c r="HJ18" s="25">
        <v>0</v>
      </c>
      <c r="HK18" s="25">
        <v>0</v>
      </c>
      <c r="HL18" s="25">
        <v>0</v>
      </c>
      <c r="HM18" s="28">
        <v>0</v>
      </c>
      <c r="HN18" s="29">
        <v>0</v>
      </c>
      <c r="HO18" s="24">
        <v>0</v>
      </c>
      <c r="HP18" s="25">
        <v>0</v>
      </c>
      <c r="HQ18" s="26">
        <v>0</v>
      </c>
      <c r="HR18" s="27">
        <v>0</v>
      </c>
      <c r="HS18" s="25">
        <v>402965</v>
      </c>
      <c r="HT18" s="25">
        <v>315137</v>
      </c>
      <c r="HU18" s="25">
        <v>2918315</v>
      </c>
      <c r="HV18" s="25">
        <v>3256982</v>
      </c>
      <c r="HW18" s="25">
        <v>2084528</v>
      </c>
      <c r="HX18" s="28">
        <v>8977927</v>
      </c>
      <c r="HY18" s="29">
        <v>8977927</v>
      </c>
    </row>
    <row r="19" spans="2:233" ht="21" customHeight="1" x14ac:dyDescent="0.2">
      <c r="B19" s="106" t="s">
        <v>16</v>
      </c>
      <c r="C19" s="24">
        <v>0</v>
      </c>
      <c r="D19" s="25">
        <v>0</v>
      </c>
      <c r="E19" s="26">
        <v>0</v>
      </c>
      <c r="F19" s="27">
        <v>0</v>
      </c>
      <c r="G19" s="25">
        <v>404910</v>
      </c>
      <c r="H19" s="25">
        <v>804115</v>
      </c>
      <c r="I19" s="25">
        <v>2619973</v>
      </c>
      <c r="J19" s="25">
        <v>2934383</v>
      </c>
      <c r="K19" s="25">
        <v>1542670</v>
      </c>
      <c r="L19" s="28">
        <v>8306051</v>
      </c>
      <c r="M19" s="29">
        <v>8306051</v>
      </c>
      <c r="N19" s="24">
        <v>0</v>
      </c>
      <c r="O19" s="25">
        <v>0</v>
      </c>
      <c r="P19" s="26">
        <v>0</v>
      </c>
      <c r="Q19" s="404">
        <v>0</v>
      </c>
      <c r="R19" s="25">
        <v>63150</v>
      </c>
      <c r="S19" s="25">
        <v>52500</v>
      </c>
      <c r="T19" s="25">
        <v>1670180</v>
      </c>
      <c r="U19" s="25">
        <v>2016700</v>
      </c>
      <c r="V19" s="25">
        <v>1199225</v>
      </c>
      <c r="W19" s="28">
        <v>5001755</v>
      </c>
      <c r="X19" s="29">
        <v>5001755</v>
      </c>
      <c r="Y19" s="24">
        <v>0</v>
      </c>
      <c r="Z19" s="25">
        <v>0</v>
      </c>
      <c r="AA19" s="26">
        <v>0</v>
      </c>
      <c r="AB19" s="404">
        <v>0</v>
      </c>
      <c r="AC19" s="25">
        <v>287555</v>
      </c>
      <c r="AD19" s="25">
        <v>628927</v>
      </c>
      <c r="AE19" s="25">
        <v>854893</v>
      </c>
      <c r="AF19" s="25">
        <v>705113</v>
      </c>
      <c r="AG19" s="25">
        <v>192490</v>
      </c>
      <c r="AH19" s="28">
        <v>2668978</v>
      </c>
      <c r="AI19" s="29">
        <v>2668978</v>
      </c>
      <c r="AJ19" s="24">
        <v>0</v>
      </c>
      <c r="AK19" s="25">
        <v>0</v>
      </c>
      <c r="AL19" s="26">
        <v>0</v>
      </c>
      <c r="AM19" s="404">
        <v>0</v>
      </c>
      <c r="AN19" s="25">
        <v>0</v>
      </c>
      <c r="AO19" s="25">
        <v>0</v>
      </c>
      <c r="AP19" s="25">
        <v>0</v>
      </c>
      <c r="AQ19" s="25">
        <v>0</v>
      </c>
      <c r="AR19" s="25">
        <v>0</v>
      </c>
      <c r="AS19" s="28">
        <v>0</v>
      </c>
      <c r="AT19" s="29">
        <v>0</v>
      </c>
      <c r="AU19" s="24">
        <v>0</v>
      </c>
      <c r="AV19" s="25">
        <v>0</v>
      </c>
      <c r="AW19" s="26">
        <v>0</v>
      </c>
      <c r="AX19" s="404">
        <v>0</v>
      </c>
      <c r="AY19" s="25">
        <v>0</v>
      </c>
      <c r="AZ19" s="25">
        <v>0</v>
      </c>
      <c r="BA19" s="25">
        <v>2550</v>
      </c>
      <c r="BB19" s="25">
        <v>48610</v>
      </c>
      <c r="BC19" s="25">
        <v>48555</v>
      </c>
      <c r="BD19" s="28">
        <v>99715</v>
      </c>
      <c r="BE19" s="29">
        <v>99715</v>
      </c>
      <c r="BF19" s="24">
        <v>0</v>
      </c>
      <c r="BG19" s="25">
        <v>0</v>
      </c>
      <c r="BH19" s="26">
        <v>0</v>
      </c>
      <c r="BI19" s="404">
        <v>0</v>
      </c>
      <c r="BJ19" s="25">
        <v>0</v>
      </c>
      <c r="BK19" s="25">
        <v>26400</v>
      </c>
      <c r="BL19" s="25">
        <v>52800</v>
      </c>
      <c r="BM19" s="25">
        <v>39300</v>
      </c>
      <c r="BN19" s="25">
        <v>60770</v>
      </c>
      <c r="BO19" s="28">
        <v>179270</v>
      </c>
      <c r="BP19" s="29">
        <v>179270</v>
      </c>
      <c r="BQ19" s="24">
        <v>0</v>
      </c>
      <c r="BR19" s="25">
        <v>0</v>
      </c>
      <c r="BS19" s="26">
        <v>0</v>
      </c>
      <c r="BT19" s="27">
        <v>0</v>
      </c>
      <c r="BU19" s="25">
        <v>54205</v>
      </c>
      <c r="BV19" s="25">
        <v>96288</v>
      </c>
      <c r="BW19" s="25">
        <v>39550</v>
      </c>
      <c r="BX19" s="25">
        <v>124660</v>
      </c>
      <c r="BY19" s="25">
        <v>41630</v>
      </c>
      <c r="BZ19" s="28">
        <v>356333</v>
      </c>
      <c r="CA19" s="29">
        <v>356333</v>
      </c>
      <c r="CB19" s="24">
        <v>0</v>
      </c>
      <c r="CC19" s="25">
        <v>0</v>
      </c>
      <c r="CD19" s="26">
        <v>0</v>
      </c>
      <c r="CE19" s="27">
        <v>0</v>
      </c>
      <c r="CF19" s="25">
        <v>0</v>
      </c>
      <c r="CG19" s="25">
        <v>0</v>
      </c>
      <c r="CH19" s="25">
        <v>0</v>
      </c>
      <c r="CI19" s="25">
        <v>0</v>
      </c>
      <c r="CJ19" s="25">
        <v>0</v>
      </c>
      <c r="CK19" s="28">
        <v>0</v>
      </c>
      <c r="CL19" s="29">
        <v>0</v>
      </c>
      <c r="CM19" s="24">
        <v>0</v>
      </c>
      <c r="CN19" s="25">
        <v>0</v>
      </c>
      <c r="CO19" s="26">
        <v>0</v>
      </c>
      <c r="CP19" s="27">
        <v>0</v>
      </c>
      <c r="CQ19" s="25">
        <v>0</v>
      </c>
      <c r="CR19" s="25">
        <v>0</v>
      </c>
      <c r="CS19" s="25">
        <v>0</v>
      </c>
      <c r="CT19" s="25">
        <v>0</v>
      </c>
      <c r="CU19" s="25">
        <v>0</v>
      </c>
      <c r="CV19" s="28">
        <v>0</v>
      </c>
      <c r="CW19" s="29">
        <v>0</v>
      </c>
      <c r="CX19" s="24">
        <v>0</v>
      </c>
      <c r="CY19" s="25">
        <v>0</v>
      </c>
      <c r="CZ19" s="26">
        <v>0</v>
      </c>
      <c r="DA19" s="404">
        <v>0</v>
      </c>
      <c r="DB19" s="25">
        <v>0</v>
      </c>
      <c r="DC19" s="25">
        <v>0</v>
      </c>
      <c r="DD19" s="25">
        <v>0</v>
      </c>
      <c r="DE19" s="25">
        <v>0</v>
      </c>
      <c r="DF19" s="25">
        <v>0</v>
      </c>
      <c r="DG19" s="28">
        <v>0</v>
      </c>
      <c r="DH19" s="29">
        <v>0</v>
      </c>
      <c r="DI19" s="24">
        <v>0</v>
      </c>
      <c r="DJ19" s="25">
        <v>0</v>
      </c>
      <c r="DK19" s="26">
        <v>0</v>
      </c>
      <c r="DL19" s="27">
        <v>0</v>
      </c>
      <c r="DM19" s="25">
        <v>276274</v>
      </c>
      <c r="DN19" s="25">
        <v>634330</v>
      </c>
      <c r="DO19" s="25">
        <v>2933858</v>
      </c>
      <c r="DP19" s="25">
        <v>3026632</v>
      </c>
      <c r="DQ19" s="25">
        <v>1545158</v>
      </c>
      <c r="DR19" s="28">
        <v>8416252</v>
      </c>
      <c r="DS19" s="30">
        <v>8416252</v>
      </c>
      <c r="DT19" s="24">
        <v>0</v>
      </c>
      <c r="DU19" s="25">
        <v>0</v>
      </c>
      <c r="DV19" s="26">
        <v>0</v>
      </c>
      <c r="DW19" s="404">
        <v>0</v>
      </c>
      <c r="DX19" s="25">
        <v>74010</v>
      </c>
      <c r="DY19" s="25">
        <v>211710</v>
      </c>
      <c r="DZ19" s="25">
        <v>2439924</v>
      </c>
      <c r="EA19" s="25">
        <v>2499277</v>
      </c>
      <c r="EB19" s="25">
        <v>1351773</v>
      </c>
      <c r="EC19" s="28">
        <v>6576694</v>
      </c>
      <c r="ED19" s="29">
        <v>6576694</v>
      </c>
      <c r="EE19" s="24">
        <v>0</v>
      </c>
      <c r="EF19" s="25">
        <v>0</v>
      </c>
      <c r="EG19" s="26">
        <v>0</v>
      </c>
      <c r="EH19" s="404">
        <v>0</v>
      </c>
      <c r="EI19" s="25">
        <v>133875</v>
      </c>
      <c r="EJ19" s="25">
        <v>232790</v>
      </c>
      <c r="EK19" s="25">
        <v>330722</v>
      </c>
      <c r="EL19" s="25">
        <v>237723</v>
      </c>
      <c r="EM19" s="25">
        <v>45520</v>
      </c>
      <c r="EN19" s="28">
        <v>980630</v>
      </c>
      <c r="EO19" s="29">
        <v>980630</v>
      </c>
      <c r="EP19" s="24">
        <v>0</v>
      </c>
      <c r="EQ19" s="25">
        <v>0</v>
      </c>
      <c r="ER19" s="26">
        <v>0</v>
      </c>
      <c r="ES19" s="404">
        <v>0</v>
      </c>
      <c r="ET19" s="25">
        <v>0</v>
      </c>
      <c r="EU19" s="25">
        <v>0</v>
      </c>
      <c r="EV19" s="25">
        <v>0</v>
      </c>
      <c r="EW19" s="25">
        <v>0</v>
      </c>
      <c r="EX19" s="25">
        <v>0</v>
      </c>
      <c r="EY19" s="28">
        <v>0</v>
      </c>
      <c r="EZ19" s="29">
        <v>0</v>
      </c>
      <c r="FA19" s="24">
        <v>0</v>
      </c>
      <c r="FB19" s="25">
        <v>0</v>
      </c>
      <c r="FC19" s="26">
        <v>0</v>
      </c>
      <c r="FD19" s="404">
        <v>0</v>
      </c>
      <c r="FE19" s="25">
        <v>0</v>
      </c>
      <c r="FF19" s="25">
        <v>0</v>
      </c>
      <c r="FG19" s="25">
        <v>210</v>
      </c>
      <c r="FH19" s="25">
        <v>23040</v>
      </c>
      <c r="FI19" s="25">
        <v>567</v>
      </c>
      <c r="FJ19" s="28">
        <v>23817</v>
      </c>
      <c r="FK19" s="29">
        <v>23817</v>
      </c>
      <c r="FL19" s="24">
        <v>0</v>
      </c>
      <c r="FM19" s="25">
        <v>0</v>
      </c>
      <c r="FN19" s="26">
        <v>0</v>
      </c>
      <c r="FO19" s="404">
        <v>0</v>
      </c>
      <c r="FP19" s="25">
        <v>0</v>
      </c>
      <c r="FQ19" s="25">
        <v>41760</v>
      </c>
      <c r="FR19" s="25">
        <v>83520</v>
      </c>
      <c r="FS19" s="25">
        <v>98220</v>
      </c>
      <c r="FT19" s="25">
        <v>103788</v>
      </c>
      <c r="FU19" s="28">
        <v>327288</v>
      </c>
      <c r="FV19" s="29">
        <v>327288</v>
      </c>
      <c r="FW19" s="24">
        <v>0</v>
      </c>
      <c r="FX19" s="25">
        <v>0</v>
      </c>
      <c r="FY19" s="26">
        <v>0</v>
      </c>
      <c r="FZ19" s="27">
        <v>0</v>
      </c>
      <c r="GA19" s="25">
        <v>68389</v>
      </c>
      <c r="GB19" s="25">
        <v>148070</v>
      </c>
      <c r="GC19" s="25">
        <v>79482</v>
      </c>
      <c r="GD19" s="25">
        <v>168372</v>
      </c>
      <c r="GE19" s="25">
        <v>43510</v>
      </c>
      <c r="GF19" s="28">
        <v>507823</v>
      </c>
      <c r="GG19" s="29">
        <v>507823</v>
      </c>
      <c r="GH19" s="24">
        <v>0</v>
      </c>
      <c r="GI19" s="25">
        <v>0</v>
      </c>
      <c r="GJ19" s="26">
        <v>0</v>
      </c>
      <c r="GK19" s="27">
        <v>0</v>
      </c>
      <c r="GL19" s="25">
        <v>0</v>
      </c>
      <c r="GM19" s="25">
        <v>0</v>
      </c>
      <c r="GN19" s="25">
        <v>0</v>
      </c>
      <c r="GO19" s="25">
        <v>0</v>
      </c>
      <c r="GP19" s="25">
        <v>0</v>
      </c>
      <c r="GQ19" s="28">
        <v>0</v>
      </c>
      <c r="GR19" s="29">
        <v>0</v>
      </c>
      <c r="GS19" s="24">
        <v>0</v>
      </c>
      <c r="GT19" s="25">
        <v>0</v>
      </c>
      <c r="GU19" s="26">
        <v>0</v>
      </c>
      <c r="GV19" s="27">
        <v>0</v>
      </c>
      <c r="GW19" s="25">
        <v>0</v>
      </c>
      <c r="GX19" s="25">
        <v>0</v>
      </c>
      <c r="GY19" s="25">
        <v>0</v>
      </c>
      <c r="GZ19" s="25">
        <v>0</v>
      </c>
      <c r="HA19" s="25">
        <v>0</v>
      </c>
      <c r="HB19" s="28">
        <v>0</v>
      </c>
      <c r="HC19" s="29">
        <v>0</v>
      </c>
      <c r="HD19" s="24">
        <v>0</v>
      </c>
      <c r="HE19" s="25">
        <v>0</v>
      </c>
      <c r="HF19" s="26">
        <v>0</v>
      </c>
      <c r="HG19" s="404">
        <v>0</v>
      </c>
      <c r="HH19" s="25">
        <v>0</v>
      </c>
      <c r="HI19" s="25">
        <v>0</v>
      </c>
      <c r="HJ19" s="25">
        <v>0</v>
      </c>
      <c r="HK19" s="25">
        <v>0</v>
      </c>
      <c r="HL19" s="25">
        <v>0</v>
      </c>
      <c r="HM19" s="28">
        <v>0</v>
      </c>
      <c r="HN19" s="29">
        <v>0</v>
      </c>
      <c r="HO19" s="24">
        <v>0</v>
      </c>
      <c r="HP19" s="25">
        <v>0</v>
      </c>
      <c r="HQ19" s="26">
        <v>0</v>
      </c>
      <c r="HR19" s="27">
        <v>0</v>
      </c>
      <c r="HS19" s="25">
        <v>681184</v>
      </c>
      <c r="HT19" s="25">
        <v>1438445</v>
      </c>
      <c r="HU19" s="25">
        <v>5553831</v>
      </c>
      <c r="HV19" s="25">
        <v>5961015</v>
      </c>
      <c r="HW19" s="25">
        <v>3087828</v>
      </c>
      <c r="HX19" s="28">
        <v>16722303</v>
      </c>
      <c r="HY19" s="29">
        <v>16722303</v>
      </c>
    </row>
    <row r="20" spans="2:233" ht="21" customHeight="1" x14ac:dyDescent="0.2">
      <c r="B20" s="106" t="s">
        <v>17</v>
      </c>
      <c r="C20" s="24">
        <v>3290</v>
      </c>
      <c r="D20" s="25">
        <v>0</v>
      </c>
      <c r="E20" s="26">
        <v>3290</v>
      </c>
      <c r="F20" s="27">
        <v>0</v>
      </c>
      <c r="G20" s="25">
        <v>250880</v>
      </c>
      <c r="H20" s="25">
        <v>989080</v>
      </c>
      <c r="I20" s="25">
        <v>2312075</v>
      </c>
      <c r="J20" s="25">
        <v>3526375</v>
      </c>
      <c r="K20" s="25">
        <v>2229440</v>
      </c>
      <c r="L20" s="28">
        <v>9307850</v>
      </c>
      <c r="M20" s="29">
        <v>9311140</v>
      </c>
      <c r="N20" s="24">
        <v>0</v>
      </c>
      <c r="O20" s="25">
        <v>0</v>
      </c>
      <c r="P20" s="26">
        <v>0</v>
      </c>
      <c r="Q20" s="404">
        <v>0</v>
      </c>
      <c r="R20" s="25">
        <v>75840</v>
      </c>
      <c r="S20" s="25">
        <v>192300</v>
      </c>
      <c r="T20" s="25">
        <v>1376090</v>
      </c>
      <c r="U20" s="25">
        <v>2283535</v>
      </c>
      <c r="V20" s="25">
        <v>1794625</v>
      </c>
      <c r="W20" s="28">
        <v>5722390</v>
      </c>
      <c r="X20" s="29">
        <v>5722390</v>
      </c>
      <c r="Y20" s="24">
        <v>0</v>
      </c>
      <c r="Z20" s="25">
        <v>0</v>
      </c>
      <c r="AA20" s="26">
        <v>0</v>
      </c>
      <c r="AB20" s="404">
        <v>0</v>
      </c>
      <c r="AC20" s="25">
        <v>132985</v>
      </c>
      <c r="AD20" s="25">
        <v>717875</v>
      </c>
      <c r="AE20" s="25">
        <v>633015</v>
      </c>
      <c r="AF20" s="25">
        <v>853570</v>
      </c>
      <c r="AG20" s="25">
        <v>205510</v>
      </c>
      <c r="AH20" s="28">
        <v>2542955</v>
      </c>
      <c r="AI20" s="29">
        <v>2542955</v>
      </c>
      <c r="AJ20" s="24">
        <v>0</v>
      </c>
      <c r="AK20" s="25">
        <v>0</v>
      </c>
      <c r="AL20" s="26">
        <v>0</v>
      </c>
      <c r="AM20" s="404">
        <v>0</v>
      </c>
      <c r="AN20" s="25">
        <v>0</v>
      </c>
      <c r="AO20" s="25">
        <v>0</v>
      </c>
      <c r="AP20" s="25">
        <v>0</v>
      </c>
      <c r="AQ20" s="25">
        <v>0</v>
      </c>
      <c r="AR20" s="25">
        <v>0</v>
      </c>
      <c r="AS20" s="28">
        <v>0</v>
      </c>
      <c r="AT20" s="29">
        <v>0</v>
      </c>
      <c r="AU20" s="24">
        <v>0</v>
      </c>
      <c r="AV20" s="25">
        <v>0</v>
      </c>
      <c r="AW20" s="26">
        <v>0</v>
      </c>
      <c r="AX20" s="404">
        <v>0</v>
      </c>
      <c r="AY20" s="25">
        <v>0</v>
      </c>
      <c r="AZ20" s="25">
        <v>0</v>
      </c>
      <c r="BA20" s="25">
        <v>0</v>
      </c>
      <c r="BB20" s="25">
        <v>2550</v>
      </c>
      <c r="BC20" s="25">
        <v>89700</v>
      </c>
      <c r="BD20" s="28">
        <v>92250</v>
      </c>
      <c r="BE20" s="29">
        <v>92250</v>
      </c>
      <c r="BF20" s="24">
        <v>0</v>
      </c>
      <c r="BG20" s="25">
        <v>0</v>
      </c>
      <c r="BH20" s="26">
        <v>0</v>
      </c>
      <c r="BI20" s="404">
        <v>0</v>
      </c>
      <c r="BJ20" s="25">
        <v>0</v>
      </c>
      <c r="BK20" s="25">
        <v>0</v>
      </c>
      <c r="BL20" s="25">
        <v>44765</v>
      </c>
      <c r="BM20" s="25">
        <v>127970</v>
      </c>
      <c r="BN20" s="25">
        <v>55350</v>
      </c>
      <c r="BO20" s="28">
        <v>228085</v>
      </c>
      <c r="BP20" s="29">
        <v>228085</v>
      </c>
      <c r="BQ20" s="24">
        <v>3290</v>
      </c>
      <c r="BR20" s="25">
        <v>0</v>
      </c>
      <c r="BS20" s="26">
        <v>3290</v>
      </c>
      <c r="BT20" s="27">
        <v>0</v>
      </c>
      <c r="BU20" s="25">
        <v>40170</v>
      </c>
      <c r="BV20" s="25">
        <v>74420</v>
      </c>
      <c r="BW20" s="25">
        <v>257045</v>
      </c>
      <c r="BX20" s="25">
        <v>233020</v>
      </c>
      <c r="BY20" s="25">
        <v>69880</v>
      </c>
      <c r="BZ20" s="28">
        <v>674535</v>
      </c>
      <c r="CA20" s="29">
        <v>677825</v>
      </c>
      <c r="CB20" s="24">
        <v>0</v>
      </c>
      <c r="CC20" s="25">
        <v>0</v>
      </c>
      <c r="CD20" s="26">
        <v>0</v>
      </c>
      <c r="CE20" s="27">
        <v>0</v>
      </c>
      <c r="CF20" s="25">
        <v>1885</v>
      </c>
      <c r="CG20" s="25">
        <v>4485</v>
      </c>
      <c r="CH20" s="25">
        <v>1160</v>
      </c>
      <c r="CI20" s="25">
        <v>25730</v>
      </c>
      <c r="CJ20" s="25">
        <v>14375</v>
      </c>
      <c r="CK20" s="28">
        <v>47635</v>
      </c>
      <c r="CL20" s="29">
        <v>47635</v>
      </c>
      <c r="CM20" s="24">
        <v>0</v>
      </c>
      <c r="CN20" s="25">
        <v>0</v>
      </c>
      <c r="CO20" s="26">
        <v>0</v>
      </c>
      <c r="CP20" s="27">
        <v>0</v>
      </c>
      <c r="CQ20" s="25">
        <v>0</v>
      </c>
      <c r="CR20" s="25">
        <v>0</v>
      </c>
      <c r="CS20" s="25">
        <v>0</v>
      </c>
      <c r="CT20" s="25">
        <v>0</v>
      </c>
      <c r="CU20" s="25">
        <v>0</v>
      </c>
      <c r="CV20" s="28">
        <v>0</v>
      </c>
      <c r="CW20" s="29">
        <v>0</v>
      </c>
      <c r="CX20" s="24">
        <v>0</v>
      </c>
      <c r="CY20" s="25">
        <v>0</v>
      </c>
      <c r="CZ20" s="26">
        <v>0</v>
      </c>
      <c r="DA20" s="404">
        <v>0</v>
      </c>
      <c r="DB20" s="25">
        <v>0</v>
      </c>
      <c r="DC20" s="25">
        <v>0</v>
      </c>
      <c r="DD20" s="25">
        <v>0</v>
      </c>
      <c r="DE20" s="25">
        <v>0</v>
      </c>
      <c r="DF20" s="25">
        <v>0</v>
      </c>
      <c r="DG20" s="28">
        <v>0</v>
      </c>
      <c r="DH20" s="29">
        <v>0</v>
      </c>
      <c r="DI20" s="24">
        <v>3558</v>
      </c>
      <c r="DJ20" s="25">
        <v>0</v>
      </c>
      <c r="DK20" s="26">
        <v>3558</v>
      </c>
      <c r="DL20" s="27">
        <v>0</v>
      </c>
      <c r="DM20" s="25">
        <v>105451</v>
      </c>
      <c r="DN20" s="25">
        <v>381939</v>
      </c>
      <c r="DO20" s="25">
        <v>2334329</v>
      </c>
      <c r="DP20" s="25">
        <v>3577922</v>
      </c>
      <c r="DQ20" s="25">
        <v>2307132</v>
      </c>
      <c r="DR20" s="28">
        <v>8706773</v>
      </c>
      <c r="DS20" s="30">
        <v>8710331</v>
      </c>
      <c r="DT20" s="24">
        <v>0</v>
      </c>
      <c r="DU20" s="25">
        <v>0</v>
      </c>
      <c r="DV20" s="26">
        <v>0</v>
      </c>
      <c r="DW20" s="404">
        <v>0</v>
      </c>
      <c r="DX20" s="25">
        <v>59904</v>
      </c>
      <c r="DY20" s="25">
        <v>241830</v>
      </c>
      <c r="DZ20" s="25">
        <v>1880869</v>
      </c>
      <c r="EA20" s="25">
        <v>3034486</v>
      </c>
      <c r="EB20" s="25">
        <v>2096533</v>
      </c>
      <c r="EC20" s="28">
        <v>7313622</v>
      </c>
      <c r="ED20" s="29">
        <v>7313622</v>
      </c>
      <c r="EE20" s="24">
        <v>0</v>
      </c>
      <c r="EF20" s="25">
        <v>0</v>
      </c>
      <c r="EG20" s="26">
        <v>0</v>
      </c>
      <c r="EH20" s="404">
        <v>0</v>
      </c>
      <c r="EI20" s="25">
        <v>6252</v>
      </c>
      <c r="EJ20" s="25">
        <v>29449</v>
      </c>
      <c r="EK20" s="25">
        <v>65749</v>
      </c>
      <c r="EL20" s="25">
        <v>65749</v>
      </c>
      <c r="EM20" s="25">
        <v>3745</v>
      </c>
      <c r="EN20" s="28">
        <v>170944</v>
      </c>
      <c r="EO20" s="29">
        <v>170944</v>
      </c>
      <c r="EP20" s="24">
        <v>0</v>
      </c>
      <c r="EQ20" s="25">
        <v>0</v>
      </c>
      <c r="ER20" s="26">
        <v>0</v>
      </c>
      <c r="ES20" s="404">
        <v>0</v>
      </c>
      <c r="ET20" s="25">
        <v>0</v>
      </c>
      <c r="EU20" s="25">
        <v>0</v>
      </c>
      <c r="EV20" s="25">
        <v>0</v>
      </c>
      <c r="EW20" s="25">
        <v>0</v>
      </c>
      <c r="EX20" s="25">
        <v>0</v>
      </c>
      <c r="EY20" s="28">
        <v>0</v>
      </c>
      <c r="EZ20" s="29">
        <v>0</v>
      </c>
      <c r="FA20" s="24">
        <v>0</v>
      </c>
      <c r="FB20" s="25">
        <v>0</v>
      </c>
      <c r="FC20" s="26">
        <v>0</v>
      </c>
      <c r="FD20" s="404">
        <v>0</v>
      </c>
      <c r="FE20" s="25">
        <v>0</v>
      </c>
      <c r="FF20" s="25">
        <v>0</v>
      </c>
      <c r="FG20" s="25">
        <v>0</v>
      </c>
      <c r="FH20" s="25">
        <v>210</v>
      </c>
      <c r="FI20" s="25">
        <v>630</v>
      </c>
      <c r="FJ20" s="28">
        <v>840</v>
      </c>
      <c r="FK20" s="29">
        <v>840</v>
      </c>
      <c r="FL20" s="24">
        <v>0</v>
      </c>
      <c r="FM20" s="25">
        <v>0</v>
      </c>
      <c r="FN20" s="26">
        <v>0</v>
      </c>
      <c r="FO20" s="404">
        <v>0</v>
      </c>
      <c r="FP20" s="25">
        <v>0</v>
      </c>
      <c r="FQ20" s="25">
        <v>0</v>
      </c>
      <c r="FR20" s="25">
        <v>109671</v>
      </c>
      <c r="FS20" s="25">
        <v>179680</v>
      </c>
      <c r="FT20" s="25">
        <v>65280</v>
      </c>
      <c r="FU20" s="28">
        <v>354631</v>
      </c>
      <c r="FV20" s="29">
        <v>354631</v>
      </c>
      <c r="FW20" s="24">
        <v>3558</v>
      </c>
      <c r="FX20" s="25">
        <v>0</v>
      </c>
      <c r="FY20" s="26">
        <v>3558</v>
      </c>
      <c r="FZ20" s="27">
        <v>0</v>
      </c>
      <c r="GA20" s="25">
        <v>39190</v>
      </c>
      <c r="GB20" s="25">
        <v>110541</v>
      </c>
      <c r="GC20" s="25">
        <v>277984</v>
      </c>
      <c r="GD20" s="25">
        <v>295562</v>
      </c>
      <c r="GE20" s="25">
        <v>133895</v>
      </c>
      <c r="GF20" s="28">
        <v>857172</v>
      </c>
      <c r="GG20" s="29">
        <v>860730</v>
      </c>
      <c r="GH20" s="24">
        <v>0</v>
      </c>
      <c r="GI20" s="25">
        <v>0</v>
      </c>
      <c r="GJ20" s="26">
        <v>0</v>
      </c>
      <c r="GK20" s="27">
        <v>0</v>
      </c>
      <c r="GL20" s="25">
        <v>105</v>
      </c>
      <c r="GM20" s="25">
        <v>119</v>
      </c>
      <c r="GN20" s="25">
        <v>56</v>
      </c>
      <c r="GO20" s="25">
        <v>2235</v>
      </c>
      <c r="GP20" s="25">
        <v>7049</v>
      </c>
      <c r="GQ20" s="28">
        <v>9564</v>
      </c>
      <c r="GR20" s="29">
        <v>9564</v>
      </c>
      <c r="GS20" s="24">
        <v>0</v>
      </c>
      <c r="GT20" s="25">
        <v>0</v>
      </c>
      <c r="GU20" s="26">
        <v>0</v>
      </c>
      <c r="GV20" s="27">
        <v>0</v>
      </c>
      <c r="GW20" s="25">
        <v>0</v>
      </c>
      <c r="GX20" s="25">
        <v>0</v>
      </c>
      <c r="GY20" s="25">
        <v>0</v>
      </c>
      <c r="GZ20" s="25">
        <v>0</v>
      </c>
      <c r="HA20" s="25">
        <v>0</v>
      </c>
      <c r="HB20" s="28">
        <v>0</v>
      </c>
      <c r="HC20" s="29">
        <v>0</v>
      </c>
      <c r="HD20" s="24">
        <v>0</v>
      </c>
      <c r="HE20" s="25">
        <v>0</v>
      </c>
      <c r="HF20" s="26">
        <v>0</v>
      </c>
      <c r="HG20" s="404">
        <v>0</v>
      </c>
      <c r="HH20" s="25">
        <v>0</v>
      </c>
      <c r="HI20" s="25">
        <v>0</v>
      </c>
      <c r="HJ20" s="25">
        <v>0</v>
      </c>
      <c r="HK20" s="25">
        <v>0</v>
      </c>
      <c r="HL20" s="25">
        <v>0</v>
      </c>
      <c r="HM20" s="28">
        <v>0</v>
      </c>
      <c r="HN20" s="29">
        <v>0</v>
      </c>
      <c r="HO20" s="24">
        <v>6848</v>
      </c>
      <c r="HP20" s="25">
        <v>0</v>
      </c>
      <c r="HQ20" s="26">
        <v>6848</v>
      </c>
      <c r="HR20" s="27">
        <v>0</v>
      </c>
      <c r="HS20" s="25">
        <v>356331</v>
      </c>
      <c r="HT20" s="25">
        <v>1371019</v>
      </c>
      <c r="HU20" s="25">
        <v>4646404</v>
      </c>
      <c r="HV20" s="25">
        <v>7104297</v>
      </c>
      <c r="HW20" s="25">
        <v>4536572</v>
      </c>
      <c r="HX20" s="28">
        <v>18014623</v>
      </c>
      <c r="HY20" s="29">
        <v>18021471</v>
      </c>
    </row>
    <row r="21" spans="2:233" ht="21" customHeight="1" x14ac:dyDescent="0.2">
      <c r="B21" s="106" t="s">
        <v>18</v>
      </c>
      <c r="C21" s="24">
        <v>0</v>
      </c>
      <c r="D21" s="25">
        <v>2185</v>
      </c>
      <c r="E21" s="26">
        <v>2185</v>
      </c>
      <c r="F21" s="27">
        <v>0</v>
      </c>
      <c r="G21" s="25">
        <v>205915</v>
      </c>
      <c r="H21" s="25">
        <v>660038</v>
      </c>
      <c r="I21" s="25">
        <v>2032560</v>
      </c>
      <c r="J21" s="25">
        <v>3675230</v>
      </c>
      <c r="K21" s="25">
        <v>2132850</v>
      </c>
      <c r="L21" s="28">
        <v>8706593</v>
      </c>
      <c r="M21" s="29">
        <v>8708778</v>
      </c>
      <c r="N21" s="24">
        <v>0</v>
      </c>
      <c r="O21" s="25">
        <v>0</v>
      </c>
      <c r="P21" s="26">
        <v>0</v>
      </c>
      <c r="Q21" s="404">
        <v>0</v>
      </c>
      <c r="R21" s="25">
        <v>24450</v>
      </c>
      <c r="S21" s="25">
        <v>66885</v>
      </c>
      <c r="T21" s="25">
        <v>1316445</v>
      </c>
      <c r="U21" s="25">
        <v>2826255</v>
      </c>
      <c r="V21" s="25">
        <v>1779510</v>
      </c>
      <c r="W21" s="28">
        <v>6013545</v>
      </c>
      <c r="X21" s="29">
        <v>6013545</v>
      </c>
      <c r="Y21" s="24">
        <v>0</v>
      </c>
      <c r="Z21" s="25">
        <v>0</v>
      </c>
      <c r="AA21" s="26">
        <v>0</v>
      </c>
      <c r="AB21" s="404">
        <v>0</v>
      </c>
      <c r="AC21" s="25">
        <v>166350</v>
      </c>
      <c r="AD21" s="25">
        <v>466675</v>
      </c>
      <c r="AE21" s="25">
        <v>449005</v>
      </c>
      <c r="AF21" s="25">
        <v>387170</v>
      </c>
      <c r="AG21" s="25">
        <v>195085</v>
      </c>
      <c r="AH21" s="28">
        <v>1664285</v>
      </c>
      <c r="AI21" s="29">
        <v>1664285</v>
      </c>
      <c r="AJ21" s="24">
        <v>0</v>
      </c>
      <c r="AK21" s="25">
        <v>0</v>
      </c>
      <c r="AL21" s="26">
        <v>0</v>
      </c>
      <c r="AM21" s="404">
        <v>0</v>
      </c>
      <c r="AN21" s="25">
        <v>0</v>
      </c>
      <c r="AO21" s="25">
        <v>0</v>
      </c>
      <c r="AP21" s="25">
        <v>0</v>
      </c>
      <c r="AQ21" s="25">
        <v>0</v>
      </c>
      <c r="AR21" s="25">
        <v>0</v>
      </c>
      <c r="AS21" s="28">
        <v>0</v>
      </c>
      <c r="AT21" s="29">
        <v>0</v>
      </c>
      <c r="AU21" s="24">
        <v>0</v>
      </c>
      <c r="AV21" s="25">
        <v>0</v>
      </c>
      <c r="AW21" s="26">
        <v>0</v>
      </c>
      <c r="AX21" s="404">
        <v>0</v>
      </c>
      <c r="AY21" s="25">
        <v>0</v>
      </c>
      <c r="AZ21" s="25">
        <v>0</v>
      </c>
      <c r="BA21" s="25">
        <v>0</v>
      </c>
      <c r="BB21" s="25">
        <v>30990</v>
      </c>
      <c r="BC21" s="25">
        <v>48950</v>
      </c>
      <c r="BD21" s="28">
        <v>79940</v>
      </c>
      <c r="BE21" s="29">
        <v>79940</v>
      </c>
      <c r="BF21" s="24">
        <v>0</v>
      </c>
      <c r="BG21" s="25">
        <v>0</v>
      </c>
      <c r="BH21" s="26">
        <v>0</v>
      </c>
      <c r="BI21" s="404">
        <v>0</v>
      </c>
      <c r="BJ21" s="25">
        <v>0</v>
      </c>
      <c r="BK21" s="25">
        <v>2550</v>
      </c>
      <c r="BL21" s="25">
        <v>34200</v>
      </c>
      <c r="BM21" s="25">
        <v>97350</v>
      </c>
      <c r="BN21" s="25">
        <v>36750</v>
      </c>
      <c r="BO21" s="28">
        <v>170850</v>
      </c>
      <c r="BP21" s="29">
        <v>170850</v>
      </c>
      <c r="BQ21" s="24">
        <v>0</v>
      </c>
      <c r="BR21" s="25">
        <v>2185</v>
      </c>
      <c r="BS21" s="26">
        <v>2185</v>
      </c>
      <c r="BT21" s="27">
        <v>0</v>
      </c>
      <c r="BU21" s="25">
        <v>13425</v>
      </c>
      <c r="BV21" s="25">
        <v>123638</v>
      </c>
      <c r="BW21" s="25">
        <v>232910</v>
      </c>
      <c r="BX21" s="25">
        <v>322910</v>
      </c>
      <c r="BY21" s="25">
        <v>72555</v>
      </c>
      <c r="BZ21" s="28">
        <v>765438</v>
      </c>
      <c r="CA21" s="29">
        <v>767623</v>
      </c>
      <c r="CB21" s="24">
        <v>0</v>
      </c>
      <c r="CC21" s="25">
        <v>0</v>
      </c>
      <c r="CD21" s="26">
        <v>0</v>
      </c>
      <c r="CE21" s="27">
        <v>0</v>
      </c>
      <c r="CF21" s="25">
        <v>1690</v>
      </c>
      <c r="CG21" s="25">
        <v>290</v>
      </c>
      <c r="CH21" s="25">
        <v>0</v>
      </c>
      <c r="CI21" s="25">
        <v>10555</v>
      </c>
      <c r="CJ21" s="25">
        <v>0</v>
      </c>
      <c r="CK21" s="28">
        <v>12535</v>
      </c>
      <c r="CL21" s="29">
        <v>12535</v>
      </c>
      <c r="CM21" s="24">
        <v>0</v>
      </c>
      <c r="CN21" s="25">
        <v>0</v>
      </c>
      <c r="CO21" s="26">
        <v>0</v>
      </c>
      <c r="CP21" s="27">
        <v>0</v>
      </c>
      <c r="CQ21" s="25">
        <v>0</v>
      </c>
      <c r="CR21" s="25">
        <v>0</v>
      </c>
      <c r="CS21" s="25">
        <v>0</v>
      </c>
      <c r="CT21" s="25">
        <v>0</v>
      </c>
      <c r="CU21" s="25">
        <v>0</v>
      </c>
      <c r="CV21" s="28">
        <v>0</v>
      </c>
      <c r="CW21" s="29">
        <v>0</v>
      </c>
      <c r="CX21" s="24">
        <v>0</v>
      </c>
      <c r="CY21" s="25">
        <v>0</v>
      </c>
      <c r="CZ21" s="26">
        <v>0</v>
      </c>
      <c r="DA21" s="404">
        <v>0</v>
      </c>
      <c r="DB21" s="25">
        <v>0</v>
      </c>
      <c r="DC21" s="25">
        <v>0</v>
      </c>
      <c r="DD21" s="25">
        <v>0</v>
      </c>
      <c r="DE21" s="25">
        <v>0</v>
      </c>
      <c r="DF21" s="25">
        <v>0</v>
      </c>
      <c r="DG21" s="28">
        <v>0</v>
      </c>
      <c r="DH21" s="29">
        <v>0</v>
      </c>
      <c r="DI21" s="24">
        <v>0</v>
      </c>
      <c r="DJ21" s="25">
        <v>5631</v>
      </c>
      <c r="DK21" s="26">
        <v>5631</v>
      </c>
      <c r="DL21" s="27">
        <v>0</v>
      </c>
      <c r="DM21" s="25">
        <v>130072</v>
      </c>
      <c r="DN21" s="25">
        <v>465409</v>
      </c>
      <c r="DO21" s="25">
        <v>2650313</v>
      </c>
      <c r="DP21" s="25">
        <v>4230666</v>
      </c>
      <c r="DQ21" s="25">
        <v>2607608</v>
      </c>
      <c r="DR21" s="28">
        <v>10084068</v>
      </c>
      <c r="DS21" s="30">
        <v>10089699</v>
      </c>
      <c r="DT21" s="24">
        <v>0</v>
      </c>
      <c r="DU21" s="25">
        <v>0</v>
      </c>
      <c r="DV21" s="26">
        <v>0</v>
      </c>
      <c r="DW21" s="404">
        <v>0</v>
      </c>
      <c r="DX21" s="25">
        <v>40680</v>
      </c>
      <c r="DY21" s="25">
        <v>139908</v>
      </c>
      <c r="DZ21" s="25">
        <v>2115614</v>
      </c>
      <c r="EA21" s="25">
        <v>3528107</v>
      </c>
      <c r="EB21" s="25">
        <v>2360028</v>
      </c>
      <c r="EC21" s="28">
        <v>8184337</v>
      </c>
      <c r="ED21" s="29">
        <v>8184337</v>
      </c>
      <c r="EE21" s="24">
        <v>0</v>
      </c>
      <c r="EF21" s="25">
        <v>0</v>
      </c>
      <c r="EG21" s="26">
        <v>0</v>
      </c>
      <c r="EH21" s="404">
        <v>0</v>
      </c>
      <c r="EI21" s="25">
        <v>37020</v>
      </c>
      <c r="EJ21" s="25">
        <v>81074</v>
      </c>
      <c r="EK21" s="25">
        <v>137014</v>
      </c>
      <c r="EL21" s="25">
        <v>27534</v>
      </c>
      <c r="EM21" s="25">
        <v>20377</v>
      </c>
      <c r="EN21" s="28">
        <v>303019</v>
      </c>
      <c r="EO21" s="29">
        <v>303019</v>
      </c>
      <c r="EP21" s="24">
        <v>0</v>
      </c>
      <c r="EQ21" s="25">
        <v>0</v>
      </c>
      <c r="ER21" s="26">
        <v>0</v>
      </c>
      <c r="ES21" s="404">
        <v>0</v>
      </c>
      <c r="ET21" s="25">
        <v>0</v>
      </c>
      <c r="EU21" s="25">
        <v>0</v>
      </c>
      <c r="EV21" s="25">
        <v>0</v>
      </c>
      <c r="EW21" s="25">
        <v>0</v>
      </c>
      <c r="EX21" s="25">
        <v>0</v>
      </c>
      <c r="EY21" s="28">
        <v>0</v>
      </c>
      <c r="EZ21" s="29">
        <v>0</v>
      </c>
      <c r="FA21" s="24">
        <v>0</v>
      </c>
      <c r="FB21" s="25">
        <v>0</v>
      </c>
      <c r="FC21" s="26">
        <v>0</v>
      </c>
      <c r="FD21" s="404">
        <v>0</v>
      </c>
      <c r="FE21" s="25">
        <v>0</v>
      </c>
      <c r="FF21" s="25">
        <v>0</v>
      </c>
      <c r="FG21" s="25">
        <v>0</v>
      </c>
      <c r="FH21" s="25">
        <v>840</v>
      </c>
      <c r="FI21" s="25">
        <v>805</v>
      </c>
      <c r="FJ21" s="28">
        <v>1645</v>
      </c>
      <c r="FK21" s="29">
        <v>1645</v>
      </c>
      <c r="FL21" s="24">
        <v>0</v>
      </c>
      <c r="FM21" s="25">
        <v>0</v>
      </c>
      <c r="FN21" s="26">
        <v>0</v>
      </c>
      <c r="FO21" s="404">
        <v>0</v>
      </c>
      <c r="FP21" s="25">
        <v>0</v>
      </c>
      <c r="FQ21" s="25">
        <v>20880</v>
      </c>
      <c r="FR21" s="25">
        <v>56460</v>
      </c>
      <c r="FS21" s="25">
        <v>175560</v>
      </c>
      <c r="FT21" s="25">
        <v>77340</v>
      </c>
      <c r="FU21" s="28">
        <v>330240</v>
      </c>
      <c r="FV21" s="29">
        <v>330240</v>
      </c>
      <c r="FW21" s="24">
        <v>0</v>
      </c>
      <c r="FX21" s="25">
        <v>5631</v>
      </c>
      <c r="FY21" s="26">
        <v>5631</v>
      </c>
      <c r="FZ21" s="27">
        <v>0</v>
      </c>
      <c r="GA21" s="25">
        <v>50016</v>
      </c>
      <c r="GB21" s="25">
        <v>223526</v>
      </c>
      <c r="GC21" s="25">
        <v>341225</v>
      </c>
      <c r="GD21" s="25">
        <v>494855</v>
      </c>
      <c r="GE21" s="25">
        <v>149058</v>
      </c>
      <c r="GF21" s="28">
        <v>1258680</v>
      </c>
      <c r="GG21" s="29">
        <v>1264311</v>
      </c>
      <c r="GH21" s="24">
        <v>0</v>
      </c>
      <c r="GI21" s="25">
        <v>0</v>
      </c>
      <c r="GJ21" s="26">
        <v>0</v>
      </c>
      <c r="GK21" s="27">
        <v>0</v>
      </c>
      <c r="GL21" s="25">
        <v>2356</v>
      </c>
      <c r="GM21" s="25">
        <v>21</v>
      </c>
      <c r="GN21" s="25">
        <v>0</v>
      </c>
      <c r="GO21" s="25">
        <v>3770</v>
      </c>
      <c r="GP21" s="25">
        <v>0</v>
      </c>
      <c r="GQ21" s="28">
        <v>6147</v>
      </c>
      <c r="GR21" s="29">
        <v>6147</v>
      </c>
      <c r="GS21" s="24">
        <v>0</v>
      </c>
      <c r="GT21" s="25">
        <v>0</v>
      </c>
      <c r="GU21" s="26">
        <v>0</v>
      </c>
      <c r="GV21" s="27">
        <v>0</v>
      </c>
      <c r="GW21" s="25">
        <v>0</v>
      </c>
      <c r="GX21" s="25">
        <v>0</v>
      </c>
      <c r="GY21" s="25">
        <v>0</v>
      </c>
      <c r="GZ21" s="25">
        <v>0</v>
      </c>
      <c r="HA21" s="25">
        <v>0</v>
      </c>
      <c r="HB21" s="28">
        <v>0</v>
      </c>
      <c r="HC21" s="29">
        <v>0</v>
      </c>
      <c r="HD21" s="24">
        <v>0</v>
      </c>
      <c r="HE21" s="25">
        <v>0</v>
      </c>
      <c r="HF21" s="26">
        <v>0</v>
      </c>
      <c r="HG21" s="404">
        <v>0</v>
      </c>
      <c r="HH21" s="25">
        <v>0</v>
      </c>
      <c r="HI21" s="25">
        <v>0</v>
      </c>
      <c r="HJ21" s="25">
        <v>0</v>
      </c>
      <c r="HK21" s="25">
        <v>0</v>
      </c>
      <c r="HL21" s="25">
        <v>0</v>
      </c>
      <c r="HM21" s="28">
        <v>0</v>
      </c>
      <c r="HN21" s="29">
        <v>0</v>
      </c>
      <c r="HO21" s="24">
        <v>0</v>
      </c>
      <c r="HP21" s="25">
        <v>7816</v>
      </c>
      <c r="HQ21" s="26">
        <v>7816</v>
      </c>
      <c r="HR21" s="27">
        <v>0</v>
      </c>
      <c r="HS21" s="25">
        <v>335987</v>
      </c>
      <c r="HT21" s="25">
        <v>1125447</v>
      </c>
      <c r="HU21" s="25">
        <v>4682873</v>
      </c>
      <c r="HV21" s="25">
        <v>7905896</v>
      </c>
      <c r="HW21" s="25">
        <v>4740458</v>
      </c>
      <c r="HX21" s="28">
        <v>18790661</v>
      </c>
      <c r="HY21" s="29">
        <v>18798477</v>
      </c>
    </row>
    <row r="22" spans="2:233" ht="21" customHeight="1" x14ac:dyDescent="0.2">
      <c r="B22" s="106" t="s">
        <v>19</v>
      </c>
      <c r="C22" s="24">
        <v>0</v>
      </c>
      <c r="D22" s="25">
        <v>0</v>
      </c>
      <c r="E22" s="26">
        <v>0</v>
      </c>
      <c r="F22" s="27">
        <v>0</v>
      </c>
      <c r="G22" s="25">
        <v>186660</v>
      </c>
      <c r="H22" s="25">
        <v>304335</v>
      </c>
      <c r="I22" s="25">
        <v>1099290</v>
      </c>
      <c r="J22" s="25">
        <v>1065525</v>
      </c>
      <c r="K22" s="25">
        <v>922820</v>
      </c>
      <c r="L22" s="28">
        <v>3578630</v>
      </c>
      <c r="M22" s="29">
        <v>3578630</v>
      </c>
      <c r="N22" s="24">
        <v>0</v>
      </c>
      <c r="O22" s="25">
        <v>0</v>
      </c>
      <c r="P22" s="26">
        <v>0</v>
      </c>
      <c r="Q22" s="404">
        <v>0</v>
      </c>
      <c r="R22" s="25">
        <v>19875</v>
      </c>
      <c r="S22" s="25">
        <v>44550</v>
      </c>
      <c r="T22" s="25">
        <v>714165</v>
      </c>
      <c r="U22" s="25">
        <v>776620</v>
      </c>
      <c r="V22" s="25">
        <v>771215</v>
      </c>
      <c r="W22" s="28">
        <v>2326425</v>
      </c>
      <c r="X22" s="29">
        <v>2326425</v>
      </c>
      <c r="Y22" s="24">
        <v>0</v>
      </c>
      <c r="Z22" s="25">
        <v>0</v>
      </c>
      <c r="AA22" s="26">
        <v>0</v>
      </c>
      <c r="AB22" s="404">
        <v>0</v>
      </c>
      <c r="AC22" s="25">
        <v>149755</v>
      </c>
      <c r="AD22" s="25">
        <v>177065</v>
      </c>
      <c r="AE22" s="25">
        <v>347725</v>
      </c>
      <c r="AF22" s="25">
        <v>203990</v>
      </c>
      <c r="AG22" s="25">
        <v>101810</v>
      </c>
      <c r="AH22" s="28">
        <v>980345</v>
      </c>
      <c r="AI22" s="29">
        <v>980345</v>
      </c>
      <c r="AJ22" s="24">
        <v>0</v>
      </c>
      <c r="AK22" s="25">
        <v>0</v>
      </c>
      <c r="AL22" s="26">
        <v>0</v>
      </c>
      <c r="AM22" s="404">
        <v>0</v>
      </c>
      <c r="AN22" s="25">
        <v>0</v>
      </c>
      <c r="AO22" s="25">
        <v>0</v>
      </c>
      <c r="AP22" s="25">
        <v>0</v>
      </c>
      <c r="AQ22" s="25">
        <v>0</v>
      </c>
      <c r="AR22" s="25">
        <v>0</v>
      </c>
      <c r="AS22" s="28">
        <v>0</v>
      </c>
      <c r="AT22" s="29">
        <v>0</v>
      </c>
      <c r="AU22" s="24">
        <v>0</v>
      </c>
      <c r="AV22" s="25">
        <v>0</v>
      </c>
      <c r="AW22" s="26">
        <v>0</v>
      </c>
      <c r="AX22" s="404">
        <v>0</v>
      </c>
      <c r="AY22" s="25">
        <v>0</v>
      </c>
      <c r="AZ22" s="25">
        <v>0</v>
      </c>
      <c r="BA22" s="25">
        <v>0</v>
      </c>
      <c r="BB22" s="25">
        <v>0</v>
      </c>
      <c r="BC22" s="25">
        <v>0</v>
      </c>
      <c r="BD22" s="28">
        <v>0</v>
      </c>
      <c r="BE22" s="29">
        <v>0</v>
      </c>
      <c r="BF22" s="24">
        <v>0</v>
      </c>
      <c r="BG22" s="25">
        <v>0</v>
      </c>
      <c r="BH22" s="26">
        <v>0</v>
      </c>
      <c r="BI22" s="404">
        <v>0</v>
      </c>
      <c r="BJ22" s="25">
        <v>0</v>
      </c>
      <c r="BK22" s="25">
        <v>0</v>
      </c>
      <c r="BL22" s="25">
        <v>0</v>
      </c>
      <c r="BM22" s="25">
        <v>0</v>
      </c>
      <c r="BN22" s="25">
        <v>0</v>
      </c>
      <c r="BO22" s="28">
        <v>0</v>
      </c>
      <c r="BP22" s="29">
        <v>0</v>
      </c>
      <c r="BQ22" s="24">
        <v>0</v>
      </c>
      <c r="BR22" s="25">
        <v>0</v>
      </c>
      <c r="BS22" s="26">
        <v>0</v>
      </c>
      <c r="BT22" s="27">
        <v>0</v>
      </c>
      <c r="BU22" s="25">
        <v>15960</v>
      </c>
      <c r="BV22" s="25">
        <v>71760</v>
      </c>
      <c r="BW22" s="25">
        <v>35185</v>
      </c>
      <c r="BX22" s="25">
        <v>84770</v>
      </c>
      <c r="BY22" s="25">
        <v>48200</v>
      </c>
      <c r="BZ22" s="28">
        <v>255875</v>
      </c>
      <c r="CA22" s="29">
        <v>255875</v>
      </c>
      <c r="CB22" s="24">
        <v>0</v>
      </c>
      <c r="CC22" s="25">
        <v>0</v>
      </c>
      <c r="CD22" s="26">
        <v>0</v>
      </c>
      <c r="CE22" s="27">
        <v>0</v>
      </c>
      <c r="CF22" s="25">
        <v>1070</v>
      </c>
      <c r="CG22" s="25">
        <v>10960</v>
      </c>
      <c r="CH22" s="25">
        <v>2215</v>
      </c>
      <c r="CI22" s="25">
        <v>145</v>
      </c>
      <c r="CJ22" s="25">
        <v>1595</v>
      </c>
      <c r="CK22" s="28">
        <v>15985</v>
      </c>
      <c r="CL22" s="29">
        <v>15985</v>
      </c>
      <c r="CM22" s="24">
        <v>0</v>
      </c>
      <c r="CN22" s="25">
        <v>0</v>
      </c>
      <c r="CO22" s="26">
        <v>0</v>
      </c>
      <c r="CP22" s="27">
        <v>0</v>
      </c>
      <c r="CQ22" s="25">
        <v>0</v>
      </c>
      <c r="CR22" s="25">
        <v>0</v>
      </c>
      <c r="CS22" s="25">
        <v>0</v>
      </c>
      <c r="CT22" s="25">
        <v>0</v>
      </c>
      <c r="CU22" s="25">
        <v>0</v>
      </c>
      <c r="CV22" s="28">
        <v>0</v>
      </c>
      <c r="CW22" s="29">
        <v>0</v>
      </c>
      <c r="CX22" s="24">
        <v>0</v>
      </c>
      <c r="CY22" s="25">
        <v>0</v>
      </c>
      <c r="CZ22" s="26">
        <v>0</v>
      </c>
      <c r="DA22" s="404">
        <v>0</v>
      </c>
      <c r="DB22" s="25">
        <v>0</v>
      </c>
      <c r="DC22" s="25">
        <v>0</v>
      </c>
      <c r="DD22" s="25">
        <v>0</v>
      </c>
      <c r="DE22" s="25">
        <v>0</v>
      </c>
      <c r="DF22" s="25">
        <v>0</v>
      </c>
      <c r="DG22" s="28">
        <v>0</v>
      </c>
      <c r="DH22" s="29">
        <v>0</v>
      </c>
      <c r="DI22" s="24">
        <v>0</v>
      </c>
      <c r="DJ22" s="25">
        <v>0</v>
      </c>
      <c r="DK22" s="26">
        <v>0</v>
      </c>
      <c r="DL22" s="27">
        <v>0</v>
      </c>
      <c r="DM22" s="25">
        <v>45570</v>
      </c>
      <c r="DN22" s="25">
        <v>221790</v>
      </c>
      <c r="DO22" s="25">
        <v>1346538</v>
      </c>
      <c r="DP22" s="25">
        <v>1251794</v>
      </c>
      <c r="DQ22" s="25">
        <v>968119</v>
      </c>
      <c r="DR22" s="28">
        <v>3833811</v>
      </c>
      <c r="DS22" s="30">
        <v>3833811</v>
      </c>
      <c r="DT22" s="24">
        <v>0</v>
      </c>
      <c r="DU22" s="25">
        <v>0</v>
      </c>
      <c r="DV22" s="26">
        <v>0</v>
      </c>
      <c r="DW22" s="404">
        <v>0</v>
      </c>
      <c r="DX22" s="25">
        <v>12125</v>
      </c>
      <c r="DY22" s="25">
        <v>102390</v>
      </c>
      <c r="DZ22" s="25">
        <v>1287943</v>
      </c>
      <c r="EA22" s="25">
        <v>1138570</v>
      </c>
      <c r="EB22" s="25">
        <v>915476</v>
      </c>
      <c r="EC22" s="28">
        <v>3456504</v>
      </c>
      <c r="ED22" s="29">
        <v>3456504</v>
      </c>
      <c r="EE22" s="24">
        <v>0</v>
      </c>
      <c r="EF22" s="25">
        <v>0</v>
      </c>
      <c r="EG22" s="26">
        <v>0</v>
      </c>
      <c r="EH22" s="404">
        <v>0</v>
      </c>
      <c r="EI22" s="25">
        <v>12780</v>
      </c>
      <c r="EJ22" s="25">
        <v>43944</v>
      </c>
      <c r="EK22" s="25">
        <v>4322</v>
      </c>
      <c r="EL22" s="25">
        <v>14041</v>
      </c>
      <c r="EM22" s="25">
        <v>15969</v>
      </c>
      <c r="EN22" s="28">
        <v>91056</v>
      </c>
      <c r="EO22" s="29">
        <v>91056</v>
      </c>
      <c r="EP22" s="24">
        <v>0</v>
      </c>
      <c r="EQ22" s="25">
        <v>0</v>
      </c>
      <c r="ER22" s="26">
        <v>0</v>
      </c>
      <c r="ES22" s="404">
        <v>0</v>
      </c>
      <c r="ET22" s="25">
        <v>0</v>
      </c>
      <c r="EU22" s="25">
        <v>0</v>
      </c>
      <c r="EV22" s="25">
        <v>0</v>
      </c>
      <c r="EW22" s="25">
        <v>0</v>
      </c>
      <c r="EX22" s="25">
        <v>0</v>
      </c>
      <c r="EY22" s="28">
        <v>0</v>
      </c>
      <c r="EZ22" s="29">
        <v>0</v>
      </c>
      <c r="FA22" s="24">
        <v>0</v>
      </c>
      <c r="FB22" s="25">
        <v>0</v>
      </c>
      <c r="FC22" s="26">
        <v>0</v>
      </c>
      <c r="FD22" s="404">
        <v>0</v>
      </c>
      <c r="FE22" s="25">
        <v>0</v>
      </c>
      <c r="FF22" s="25">
        <v>0</v>
      </c>
      <c r="FG22" s="25">
        <v>0</v>
      </c>
      <c r="FH22" s="25">
        <v>0</v>
      </c>
      <c r="FI22" s="25">
        <v>0</v>
      </c>
      <c r="FJ22" s="28">
        <v>0</v>
      </c>
      <c r="FK22" s="29">
        <v>0</v>
      </c>
      <c r="FL22" s="24">
        <v>0</v>
      </c>
      <c r="FM22" s="25">
        <v>0</v>
      </c>
      <c r="FN22" s="26">
        <v>0</v>
      </c>
      <c r="FO22" s="404">
        <v>0</v>
      </c>
      <c r="FP22" s="25">
        <v>0</v>
      </c>
      <c r="FQ22" s="25">
        <v>0</v>
      </c>
      <c r="FR22" s="25">
        <v>0</v>
      </c>
      <c r="FS22" s="25">
        <v>0</v>
      </c>
      <c r="FT22" s="25">
        <v>0</v>
      </c>
      <c r="FU22" s="28">
        <v>0</v>
      </c>
      <c r="FV22" s="29">
        <v>0</v>
      </c>
      <c r="FW22" s="24">
        <v>0</v>
      </c>
      <c r="FX22" s="25">
        <v>0</v>
      </c>
      <c r="FY22" s="26">
        <v>0</v>
      </c>
      <c r="FZ22" s="27">
        <v>0</v>
      </c>
      <c r="GA22" s="25">
        <v>20644</v>
      </c>
      <c r="GB22" s="25">
        <v>75246</v>
      </c>
      <c r="GC22" s="25">
        <v>54252</v>
      </c>
      <c r="GD22" s="25">
        <v>98109</v>
      </c>
      <c r="GE22" s="25">
        <v>34610</v>
      </c>
      <c r="GF22" s="28">
        <v>282861</v>
      </c>
      <c r="GG22" s="29">
        <v>282861</v>
      </c>
      <c r="GH22" s="24">
        <v>0</v>
      </c>
      <c r="GI22" s="25">
        <v>0</v>
      </c>
      <c r="GJ22" s="26">
        <v>0</v>
      </c>
      <c r="GK22" s="27">
        <v>0</v>
      </c>
      <c r="GL22" s="25">
        <v>21</v>
      </c>
      <c r="GM22" s="25">
        <v>210</v>
      </c>
      <c r="GN22" s="25">
        <v>21</v>
      </c>
      <c r="GO22" s="25">
        <v>1074</v>
      </c>
      <c r="GP22" s="25">
        <v>2064</v>
      </c>
      <c r="GQ22" s="28">
        <v>3390</v>
      </c>
      <c r="GR22" s="29">
        <v>3390</v>
      </c>
      <c r="GS22" s="24">
        <v>0</v>
      </c>
      <c r="GT22" s="25">
        <v>0</v>
      </c>
      <c r="GU22" s="26">
        <v>0</v>
      </c>
      <c r="GV22" s="27">
        <v>0</v>
      </c>
      <c r="GW22" s="25">
        <v>0</v>
      </c>
      <c r="GX22" s="25">
        <v>0</v>
      </c>
      <c r="GY22" s="25">
        <v>0</v>
      </c>
      <c r="GZ22" s="25">
        <v>0</v>
      </c>
      <c r="HA22" s="25">
        <v>0</v>
      </c>
      <c r="HB22" s="28">
        <v>0</v>
      </c>
      <c r="HC22" s="29">
        <v>0</v>
      </c>
      <c r="HD22" s="24">
        <v>0</v>
      </c>
      <c r="HE22" s="25">
        <v>0</v>
      </c>
      <c r="HF22" s="26">
        <v>0</v>
      </c>
      <c r="HG22" s="404">
        <v>0</v>
      </c>
      <c r="HH22" s="25">
        <v>0</v>
      </c>
      <c r="HI22" s="25">
        <v>0</v>
      </c>
      <c r="HJ22" s="25">
        <v>0</v>
      </c>
      <c r="HK22" s="25">
        <v>0</v>
      </c>
      <c r="HL22" s="25">
        <v>0</v>
      </c>
      <c r="HM22" s="28">
        <v>0</v>
      </c>
      <c r="HN22" s="29">
        <v>0</v>
      </c>
      <c r="HO22" s="24">
        <v>0</v>
      </c>
      <c r="HP22" s="25">
        <v>0</v>
      </c>
      <c r="HQ22" s="26">
        <v>0</v>
      </c>
      <c r="HR22" s="27">
        <v>0</v>
      </c>
      <c r="HS22" s="25">
        <v>232230</v>
      </c>
      <c r="HT22" s="25">
        <v>526125</v>
      </c>
      <c r="HU22" s="25">
        <v>2445828</v>
      </c>
      <c r="HV22" s="25">
        <v>2317319</v>
      </c>
      <c r="HW22" s="25">
        <v>1890939</v>
      </c>
      <c r="HX22" s="28">
        <v>7412441</v>
      </c>
      <c r="HY22" s="29">
        <v>7412441</v>
      </c>
    </row>
    <row r="23" spans="2:233" ht="21" customHeight="1" x14ac:dyDescent="0.2">
      <c r="B23" s="106" t="s">
        <v>20</v>
      </c>
      <c r="C23" s="24">
        <v>0</v>
      </c>
      <c r="D23" s="25">
        <v>290</v>
      </c>
      <c r="E23" s="26">
        <v>290</v>
      </c>
      <c r="F23" s="27">
        <v>0</v>
      </c>
      <c r="G23" s="25">
        <v>153730</v>
      </c>
      <c r="H23" s="25">
        <v>356970</v>
      </c>
      <c r="I23" s="25">
        <v>1221595</v>
      </c>
      <c r="J23" s="25">
        <v>1320890</v>
      </c>
      <c r="K23" s="25">
        <v>793050</v>
      </c>
      <c r="L23" s="28">
        <v>3846235</v>
      </c>
      <c r="M23" s="29">
        <v>3846525</v>
      </c>
      <c r="N23" s="24">
        <v>0</v>
      </c>
      <c r="O23" s="25">
        <v>0</v>
      </c>
      <c r="P23" s="26">
        <v>0</v>
      </c>
      <c r="Q23" s="404">
        <v>0</v>
      </c>
      <c r="R23" s="25">
        <v>39365</v>
      </c>
      <c r="S23" s="25">
        <v>168365</v>
      </c>
      <c r="T23" s="25">
        <v>1010820</v>
      </c>
      <c r="U23" s="25">
        <v>1057320</v>
      </c>
      <c r="V23" s="25">
        <v>706560</v>
      </c>
      <c r="W23" s="28">
        <v>2982430</v>
      </c>
      <c r="X23" s="29">
        <v>2982430</v>
      </c>
      <c r="Y23" s="24">
        <v>0</v>
      </c>
      <c r="Z23" s="25">
        <v>0</v>
      </c>
      <c r="AA23" s="26">
        <v>0</v>
      </c>
      <c r="AB23" s="404">
        <v>0</v>
      </c>
      <c r="AC23" s="25">
        <v>95375</v>
      </c>
      <c r="AD23" s="25">
        <v>143370</v>
      </c>
      <c r="AE23" s="25">
        <v>169110</v>
      </c>
      <c r="AF23" s="25">
        <v>155010</v>
      </c>
      <c r="AG23" s="25">
        <v>60725</v>
      </c>
      <c r="AH23" s="28">
        <v>623590</v>
      </c>
      <c r="AI23" s="29">
        <v>623590</v>
      </c>
      <c r="AJ23" s="24">
        <v>0</v>
      </c>
      <c r="AK23" s="25">
        <v>0</v>
      </c>
      <c r="AL23" s="26">
        <v>0</v>
      </c>
      <c r="AM23" s="404">
        <v>0</v>
      </c>
      <c r="AN23" s="25">
        <v>0</v>
      </c>
      <c r="AO23" s="25">
        <v>0</v>
      </c>
      <c r="AP23" s="25">
        <v>0</v>
      </c>
      <c r="AQ23" s="25">
        <v>0</v>
      </c>
      <c r="AR23" s="25">
        <v>0</v>
      </c>
      <c r="AS23" s="28">
        <v>0</v>
      </c>
      <c r="AT23" s="29">
        <v>0</v>
      </c>
      <c r="AU23" s="24">
        <v>0</v>
      </c>
      <c r="AV23" s="25">
        <v>0</v>
      </c>
      <c r="AW23" s="26">
        <v>0</v>
      </c>
      <c r="AX23" s="404">
        <v>0</v>
      </c>
      <c r="AY23" s="25">
        <v>0</v>
      </c>
      <c r="AZ23" s="25">
        <v>0</v>
      </c>
      <c r="BA23" s="25">
        <v>0</v>
      </c>
      <c r="BB23" s="25">
        <v>340</v>
      </c>
      <c r="BC23" s="25">
        <v>0</v>
      </c>
      <c r="BD23" s="28">
        <v>340</v>
      </c>
      <c r="BE23" s="29">
        <v>340</v>
      </c>
      <c r="BF23" s="24">
        <v>0</v>
      </c>
      <c r="BG23" s="25">
        <v>0</v>
      </c>
      <c r="BH23" s="26">
        <v>0</v>
      </c>
      <c r="BI23" s="404">
        <v>0</v>
      </c>
      <c r="BJ23" s="25">
        <v>0</v>
      </c>
      <c r="BK23" s="25">
        <v>0</v>
      </c>
      <c r="BL23" s="25">
        <v>0</v>
      </c>
      <c r="BM23" s="25">
        <v>0</v>
      </c>
      <c r="BN23" s="25">
        <v>0</v>
      </c>
      <c r="BO23" s="28">
        <v>0</v>
      </c>
      <c r="BP23" s="29">
        <v>0</v>
      </c>
      <c r="BQ23" s="24">
        <v>0</v>
      </c>
      <c r="BR23" s="25">
        <v>290</v>
      </c>
      <c r="BS23" s="26">
        <v>290</v>
      </c>
      <c r="BT23" s="27">
        <v>0</v>
      </c>
      <c r="BU23" s="25">
        <v>18990</v>
      </c>
      <c r="BV23" s="25">
        <v>45090</v>
      </c>
      <c r="BW23" s="25">
        <v>41085</v>
      </c>
      <c r="BX23" s="25">
        <v>105320</v>
      </c>
      <c r="BY23" s="25">
        <v>25765</v>
      </c>
      <c r="BZ23" s="28">
        <v>236250</v>
      </c>
      <c r="CA23" s="29">
        <v>236540</v>
      </c>
      <c r="CB23" s="24">
        <v>0</v>
      </c>
      <c r="CC23" s="25">
        <v>0</v>
      </c>
      <c r="CD23" s="26">
        <v>0</v>
      </c>
      <c r="CE23" s="27">
        <v>0</v>
      </c>
      <c r="CF23" s="25">
        <v>0</v>
      </c>
      <c r="CG23" s="25">
        <v>145</v>
      </c>
      <c r="CH23" s="25">
        <v>580</v>
      </c>
      <c r="CI23" s="25">
        <v>2900</v>
      </c>
      <c r="CJ23" s="25">
        <v>0</v>
      </c>
      <c r="CK23" s="28">
        <v>3625</v>
      </c>
      <c r="CL23" s="29">
        <v>3625</v>
      </c>
      <c r="CM23" s="24">
        <v>0</v>
      </c>
      <c r="CN23" s="25">
        <v>0</v>
      </c>
      <c r="CO23" s="26">
        <v>0</v>
      </c>
      <c r="CP23" s="27">
        <v>0</v>
      </c>
      <c r="CQ23" s="25">
        <v>0</v>
      </c>
      <c r="CR23" s="25">
        <v>0</v>
      </c>
      <c r="CS23" s="25">
        <v>0</v>
      </c>
      <c r="CT23" s="25">
        <v>0</v>
      </c>
      <c r="CU23" s="25">
        <v>0</v>
      </c>
      <c r="CV23" s="28">
        <v>0</v>
      </c>
      <c r="CW23" s="29">
        <v>0</v>
      </c>
      <c r="CX23" s="24">
        <v>0</v>
      </c>
      <c r="CY23" s="25">
        <v>0</v>
      </c>
      <c r="CZ23" s="26">
        <v>0</v>
      </c>
      <c r="DA23" s="404">
        <v>0</v>
      </c>
      <c r="DB23" s="25">
        <v>0</v>
      </c>
      <c r="DC23" s="25">
        <v>0</v>
      </c>
      <c r="DD23" s="25">
        <v>0</v>
      </c>
      <c r="DE23" s="25">
        <v>0</v>
      </c>
      <c r="DF23" s="25">
        <v>0</v>
      </c>
      <c r="DG23" s="28">
        <v>0</v>
      </c>
      <c r="DH23" s="29">
        <v>0</v>
      </c>
      <c r="DI23" s="24">
        <v>0</v>
      </c>
      <c r="DJ23" s="25">
        <v>2784</v>
      </c>
      <c r="DK23" s="26">
        <v>2784</v>
      </c>
      <c r="DL23" s="27">
        <v>0</v>
      </c>
      <c r="DM23" s="25">
        <v>136976</v>
      </c>
      <c r="DN23" s="25">
        <v>418724</v>
      </c>
      <c r="DO23" s="25">
        <v>1452303</v>
      </c>
      <c r="DP23" s="25">
        <v>2074344</v>
      </c>
      <c r="DQ23" s="25">
        <v>1031549</v>
      </c>
      <c r="DR23" s="28">
        <v>5113896</v>
      </c>
      <c r="DS23" s="30">
        <v>5116680</v>
      </c>
      <c r="DT23" s="24">
        <v>0</v>
      </c>
      <c r="DU23" s="25">
        <v>0</v>
      </c>
      <c r="DV23" s="26">
        <v>0</v>
      </c>
      <c r="DW23" s="404">
        <v>0</v>
      </c>
      <c r="DX23" s="25">
        <v>60660</v>
      </c>
      <c r="DY23" s="25">
        <v>269550</v>
      </c>
      <c r="DZ23" s="25">
        <v>1350672</v>
      </c>
      <c r="EA23" s="25">
        <v>1873633</v>
      </c>
      <c r="EB23" s="25">
        <v>955260</v>
      </c>
      <c r="EC23" s="28">
        <v>4509775</v>
      </c>
      <c r="ED23" s="29">
        <v>4509775</v>
      </c>
      <c r="EE23" s="24">
        <v>0</v>
      </c>
      <c r="EF23" s="25">
        <v>0</v>
      </c>
      <c r="EG23" s="26">
        <v>0</v>
      </c>
      <c r="EH23" s="404">
        <v>0</v>
      </c>
      <c r="EI23" s="25">
        <v>22722</v>
      </c>
      <c r="EJ23" s="25">
        <v>12938</v>
      </c>
      <c r="EK23" s="25">
        <v>6782</v>
      </c>
      <c r="EL23" s="25">
        <v>3388</v>
      </c>
      <c r="EM23" s="25">
        <v>1309</v>
      </c>
      <c r="EN23" s="28">
        <v>47139</v>
      </c>
      <c r="EO23" s="29">
        <v>47139</v>
      </c>
      <c r="EP23" s="24">
        <v>0</v>
      </c>
      <c r="EQ23" s="25">
        <v>0</v>
      </c>
      <c r="ER23" s="26">
        <v>0</v>
      </c>
      <c r="ES23" s="404">
        <v>0</v>
      </c>
      <c r="ET23" s="25">
        <v>0</v>
      </c>
      <c r="EU23" s="25">
        <v>0</v>
      </c>
      <c r="EV23" s="25">
        <v>0</v>
      </c>
      <c r="EW23" s="25">
        <v>0</v>
      </c>
      <c r="EX23" s="25">
        <v>0</v>
      </c>
      <c r="EY23" s="28">
        <v>0</v>
      </c>
      <c r="EZ23" s="29">
        <v>0</v>
      </c>
      <c r="FA23" s="24">
        <v>0</v>
      </c>
      <c r="FB23" s="25">
        <v>0</v>
      </c>
      <c r="FC23" s="26">
        <v>0</v>
      </c>
      <c r="FD23" s="404">
        <v>0</v>
      </c>
      <c r="FE23" s="25">
        <v>0</v>
      </c>
      <c r="FF23" s="25">
        <v>0</v>
      </c>
      <c r="FG23" s="25">
        <v>0</v>
      </c>
      <c r="FH23" s="25">
        <v>70</v>
      </c>
      <c r="FI23" s="25">
        <v>0</v>
      </c>
      <c r="FJ23" s="28">
        <v>70</v>
      </c>
      <c r="FK23" s="29">
        <v>70</v>
      </c>
      <c r="FL23" s="24">
        <v>0</v>
      </c>
      <c r="FM23" s="25">
        <v>0</v>
      </c>
      <c r="FN23" s="26">
        <v>0</v>
      </c>
      <c r="FO23" s="404">
        <v>0</v>
      </c>
      <c r="FP23" s="25">
        <v>0</v>
      </c>
      <c r="FQ23" s="25">
        <v>0</v>
      </c>
      <c r="FR23" s="25">
        <v>0</v>
      </c>
      <c r="FS23" s="25">
        <v>0</v>
      </c>
      <c r="FT23" s="25">
        <v>0</v>
      </c>
      <c r="FU23" s="28">
        <v>0</v>
      </c>
      <c r="FV23" s="29">
        <v>0</v>
      </c>
      <c r="FW23" s="24">
        <v>0</v>
      </c>
      <c r="FX23" s="25">
        <v>2784</v>
      </c>
      <c r="FY23" s="26">
        <v>2784</v>
      </c>
      <c r="FZ23" s="27">
        <v>0</v>
      </c>
      <c r="GA23" s="25">
        <v>53594</v>
      </c>
      <c r="GB23" s="25">
        <v>135520</v>
      </c>
      <c r="GC23" s="25">
        <v>93059</v>
      </c>
      <c r="GD23" s="25">
        <v>195000</v>
      </c>
      <c r="GE23" s="25">
        <v>73548</v>
      </c>
      <c r="GF23" s="28">
        <v>550721</v>
      </c>
      <c r="GG23" s="29">
        <v>553505</v>
      </c>
      <c r="GH23" s="24">
        <v>0</v>
      </c>
      <c r="GI23" s="25">
        <v>0</v>
      </c>
      <c r="GJ23" s="26">
        <v>0</v>
      </c>
      <c r="GK23" s="27">
        <v>0</v>
      </c>
      <c r="GL23" s="25">
        <v>0</v>
      </c>
      <c r="GM23" s="25">
        <v>716</v>
      </c>
      <c r="GN23" s="25">
        <v>1790</v>
      </c>
      <c r="GO23" s="25">
        <v>2253</v>
      </c>
      <c r="GP23" s="25">
        <v>1432</v>
      </c>
      <c r="GQ23" s="28">
        <v>6191</v>
      </c>
      <c r="GR23" s="29">
        <v>6191</v>
      </c>
      <c r="GS23" s="24">
        <v>0</v>
      </c>
      <c r="GT23" s="25">
        <v>0</v>
      </c>
      <c r="GU23" s="26">
        <v>0</v>
      </c>
      <c r="GV23" s="27">
        <v>0</v>
      </c>
      <c r="GW23" s="25">
        <v>0</v>
      </c>
      <c r="GX23" s="25">
        <v>0</v>
      </c>
      <c r="GY23" s="25">
        <v>0</v>
      </c>
      <c r="GZ23" s="25">
        <v>0</v>
      </c>
      <c r="HA23" s="25">
        <v>0</v>
      </c>
      <c r="HB23" s="28">
        <v>0</v>
      </c>
      <c r="HC23" s="29">
        <v>0</v>
      </c>
      <c r="HD23" s="24">
        <v>0</v>
      </c>
      <c r="HE23" s="25">
        <v>0</v>
      </c>
      <c r="HF23" s="26">
        <v>0</v>
      </c>
      <c r="HG23" s="404">
        <v>0</v>
      </c>
      <c r="HH23" s="25">
        <v>0</v>
      </c>
      <c r="HI23" s="25">
        <v>0</v>
      </c>
      <c r="HJ23" s="25">
        <v>0</v>
      </c>
      <c r="HK23" s="25">
        <v>0</v>
      </c>
      <c r="HL23" s="25">
        <v>0</v>
      </c>
      <c r="HM23" s="28">
        <v>0</v>
      </c>
      <c r="HN23" s="29">
        <v>0</v>
      </c>
      <c r="HO23" s="24">
        <v>0</v>
      </c>
      <c r="HP23" s="25">
        <v>3074</v>
      </c>
      <c r="HQ23" s="26">
        <v>3074</v>
      </c>
      <c r="HR23" s="27">
        <v>0</v>
      </c>
      <c r="HS23" s="25">
        <v>290706</v>
      </c>
      <c r="HT23" s="25">
        <v>775694</v>
      </c>
      <c r="HU23" s="25">
        <v>2673898</v>
      </c>
      <c r="HV23" s="25">
        <v>3395234</v>
      </c>
      <c r="HW23" s="25">
        <v>1824599</v>
      </c>
      <c r="HX23" s="28">
        <v>8960131</v>
      </c>
      <c r="HY23" s="29">
        <v>8963205</v>
      </c>
    </row>
    <row r="24" spans="2:233" ht="21" customHeight="1" x14ac:dyDescent="0.2">
      <c r="B24" s="106" t="s">
        <v>21</v>
      </c>
      <c r="C24" s="24">
        <v>0</v>
      </c>
      <c r="D24" s="25">
        <v>0</v>
      </c>
      <c r="E24" s="26">
        <v>0</v>
      </c>
      <c r="F24" s="27">
        <v>0</v>
      </c>
      <c r="G24" s="25">
        <v>165945</v>
      </c>
      <c r="H24" s="25">
        <v>312870</v>
      </c>
      <c r="I24" s="25">
        <v>1672915</v>
      </c>
      <c r="J24" s="25">
        <v>1992898</v>
      </c>
      <c r="K24" s="25">
        <v>1234929</v>
      </c>
      <c r="L24" s="28">
        <v>5379557</v>
      </c>
      <c r="M24" s="29">
        <v>5379557</v>
      </c>
      <c r="N24" s="24">
        <v>0</v>
      </c>
      <c r="O24" s="25">
        <v>0</v>
      </c>
      <c r="P24" s="26">
        <v>0</v>
      </c>
      <c r="Q24" s="404">
        <v>0</v>
      </c>
      <c r="R24" s="25">
        <v>34350</v>
      </c>
      <c r="S24" s="25">
        <v>192450</v>
      </c>
      <c r="T24" s="25">
        <v>1413805</v>
      </c>
      <c r="U24" s="25">
        <v>1482410</v>
      </c>
      <c r="V24" s="25">
        <v>973579</v>
      </c>
      <c r="W24" s="28">
        <v>4096594</v>
      </c>
      <c r="X24" s="29">
        <v>4096594</v>
      </c>
      <c r="Y24" s="24">
        <v>0</v>
      </c>
      <c r="Z24" s="25">
        <v>0</v>
      </c>
      <c r="AA24" s="26">
        <v>0</v>
      </c>
      <c r="AB24" s="404">
        <v>0</v>
      </c>
      <c r="AC24" s="25">
        <v>110100</v>
      </c>
      <c r="AD24" s="25">
        <v>73151</v>
      </c>
      <c r="AE24" s="25">
        <v>178140</v>
      </c>
      <c r="AF24" s="25">
        <v>323142</v>
      </c>
      <c r="AG24" s="25">
        <v>91655</v>
      </c>
      <c r="AH24" s="28">
        <v>776188</v>
      </c>
      <c r="AI24" s="29">
        <v>776188</v>
      </c>
      <c r="AJ24" s="24">
        <v>0</v>
      </c>
      <c r="AK24" s="25">
        <v>0</v>
      </c>
      <c r="AL24" s="26">
        <v>0</v>
      </c>
      <c r="AM24" s="404">
        <v>0</v>
      </c>
      <c r="AN24" s="25">
        <v>0</v>
      </c>
      <c r="AO24" s="25">
        <v>0</v>
      </c>
      <c r="AP24" s="25">
        <v>0</v>
      </c>
      <c r="AQ24" s="25">
        <v>0</v>
      </c>
      <c r="AR24" s="25">
        <v>0</v>
      </c>
      <c r="AS24" s="28">
        <v>0</v>
      </c>
      <c r="AT24" s="29">
        <v>0</v>
      </c>
      <c r="AU24" s="24">
        <v>0</v>
      </c>
      <c r="AV24" s="25">
        <v>0</v>
      </c>
      <c r="AW24" s="26">
        <v>0</v>
      </c>
      <c r="AX24" s="404">
        <v>0</v>
      </c>
      <c r="AY24" s="25">
        <v>0</v>
      </c>
      <c r="AZ24" s="25">
        <v>0</v>
      </c>
      <c r="BA24" s="25">
        <v>34350</v>
      </c>
      <c r="BB24" s="25">
        <v>29910</v>
      </c>
      <c r="BC24" s="25">
        <v>109865</v>
      </c>
      <c r="BD24" s="28">
        <v>174125</v>
      </c>
      <c r="BE24" s="29">
        <v>174125</v>
      </c>
      <c r="BF24" s="24">
        <v>0</v>
      </c>
      <c r="BG24" s="25">
        <v>0</v>
      </c>
      <c r="BH24" s="26">
        <v>0</v>
      </c>
      <c r="BI24" s="404">
        <v>0</v>
      </c>
      <c r="BJ24" s="25">
        <v>0</v>
      </c>
      <c r="BK24" s="25">
        <v>0</v>
      </c>
      <c r="BL24" s="25">
        <v>0</v>
      </c>
      <c r="BM24" s="25">
        <v>0</v>
      </c>
      <c r="BN24" s="25">
        <v>0</v>
      </c>
      <c r="BO24" s="28">
        <v>0</v>
      </c>
      <c r="BP24" s="29">
        <v>0</v>
      </c>
      <c r="BQ24" s="24">
        <v>0</v>
      </c>
      <c r="BR24" s="25">
        <v>0</v>
      </c>
      <c r="BS24" s="26">
        <v>0</v>
      </c>
      <c r="BT24" s="27">
        <v>0</v>
      </c>
      <c r="BU24" s="25">
        <v>21495</v>
      </c>
      <c r="BV24" s="25">
        <v>43710</v>
      </c>
      <c r="BW24" s="25">
        <v>46620</v>
      </c>
      <c r="BX24" s="25">
        <v>152028</v>
      </c>
      <c r="BY24" s="25">
        <v>59830</v>
      </c>
      <c r="BZ24" s="28">
        <v>323683</v>
      </c>
      <c r="CA24" s="29">
        <v>323683</v>
      </c>
      <c r="CB24" s="24">
        <v>0</v>
      </c>
      <c r="CC24" s="25">
        <v>0</v>
      </c>
      <c r="CD24" s="26">
        <v>0</v>
      </c>
      <c r="CE24" s="27">
        <v>0</v>
      </c>
      <c r="CF24" s="25">
        <v>0</v>
      </c>
      <c r="CG24" s="25">
        <v>3559</v>
      </c>
      <c r="CH24" s="25">
        <v>0</v>
      </c>
      <c r="CI24" s="25">
        <v>5408</v>
      </c>
      <c r="CJ24" s="25">
        <v>0</v>
      </c>
      <c r="CK24" s="28">
        <v>8967</v>
      </c>
      <c r="CL24" s="29">
        <v>8967</v>
      </c>
      <c r="CM24" s="24">
        <v>0</v>
      </c>
      <c r="CN24" s="25">
        <v>0</v>
      </c>
      <c r="CO24" s="26">
        <v>0</v>
      </c>
      <c r="CP24" s="27">
        <v>0</v>
      </c>
      <c r="CQ24" s="25">
        <v>0</v>
      </c>
      <c r="CR24" s="25">
        <v>0</v>
      </c>
      <c r="CS24" s="25">
        <v>0</v>
      </c>
      <c r="CT24" s="25">
        <v>0</v>
      </c>
      <c r="CU24" s="25">
        <v>0</v>
      </c>
      <c r="CV24" s="28">
        <v>0</v>
      </c>
      <c r="CW24" s="29">
        <v>0</v>
      </c>
      <c r="CX24" s="24">
        <v>0</v>
      </c>
      <c r="CY24" s="25">
        <v>0</v>
      </c>
      <c r="CZ24" s="26">
        <v>0</v>
      </c>
      <c r="DA24" s="404">
        <v>0</v>
      </c>
      <c r="DB24" s="25">
        <v>0</v>
      </c>
      <c r="DC24" s="25">
        <v>0</v>
      </c>
      <c r="DD24" s="25">
        <v>0</v>
      </c>
      <c r="DE24" s="25">
        <v>0</v>
      </c>
      <c r="DF24" s="25">
        <v>0</v>
      </c>
      <c r="DG24" s="28">
        <v>0</v>
      </c>
      <c r="DH24" s="29">
        <v>0</v>
      </c>
      <c r="DI24" s="24">
        <v>0</v>
      </c>
      <c r="DJ24" s="25">
        <v>0</v>
      </c>
      <c r="DK24" s="26">
        <v>0</v>
      </c>
      <c r="DL24" s="27">
        <v>0</v>
      </c>
      <c r="DM24" s="25">
        <v>65201</v>
      </c>
      <c r="DN24" s="25">
        <v>321035</v>
      </c>
      <c r="DO24" s="25">
        <v>1997879</v>
      </c>
      <c r="DP24" s="25">
        <v>2223964</v>
      </c>
      <c r="DQ24" s="25">
        <v>1514403</v>
      </c>
      <c r="DR24" s="28">
        <v>6122482</v>
      </c>
      <c r="DS24" s="30">
        <v>6122482</v>
      </c>
      <c r="DT24" s="24">
        <v>0</v>
      </c>
      <c r="DU24" s="25">
        <v>0</v>
      </c>
      <c r="DV24" s="26">
        <v>0</v>
      </c>
      <c r="DW24" s="404">
        <v>0</v>
      </c>
      <c r="DX24" s="25">
        <v>25650</v>
      </c>
      <c r="DY24" s="25">
        <v>225780</v>
      </c>
      <c r="DZ24" s="25">
        <v>1833149</v>
      </c>
      <c r="EA24" s="25">
        <v>1976126</v>
      </c>
      <c r="EB24" s="25">
        <v>1348662</v>
      </c>
      <c r="EC24" s="28">
        <v>5409367</v>
      </c>
      <c r="ED24" s="29">
        <v>5409367</v>
      </c>
      <c r="EE24" s="24">
        <v>0</v>
      </c>
      <c r="EF24" s="25">
        <v>0</v>
      </c>
      <c r="EG24" s="26">
        <v>0</v>
      </c>
      <c r="EH24" s="404">
        <v>0</v>
      </c>
      <c r="EI24" s="25">
        <v>13620</v>
      </c>
      <c r="EJ24" s="25">
        <v>1680</v>
      </c>
      <c r="EK24" s="25">
        <v>13676</v>
      </c>
      <c r="EL24" s="25">
        <v>10161</v>
      </c>
      <c r="EM24" s="25">
        <v>23072</v>
      </c>
      <c r="EN24" s="28">
        <v>62209</v>
      </c>
      <c r="EO24" s="29">
        <v>62209</v>
      </c>
      <c r="EP24" s="24">
        <v>0</v>
      </c>
      <c r="EQ24" s="25">
        <v>0</v>
      </c>
      <c r="ER24" s="26">
        <v>0</v>
      </c>
      <c r="ES24" s="404">
        <v>0</v>
      </c>
      <c r="ET24" s="25">
        <v>0</v>
      </c>
      <c r="EU24" s="25">
        <v>0</v>
      </c>
      <c r="EV24" s="25">
        <v>0</v>
      </c>
      <c r="EW24" s="25">
        <v>0</v>
      </c>
      <c r="EX24" s="25">
        <v>0</v>
      </c>
      <c r="EY24" s="28">
        <v>0</v>
      </c>
      <c r="EZ24" s="29">
        <v>0</v>
      </c>
      <c r="FA24" s="24">
        <v>0</v>
      </c>
      <c r="FB24" s="25">
        <v>0</v>
      </c>
      <c r="FC24" s="26">
        <v>0</v>
      </c>
      <c r="FD24" s="404">
        <v>0</v>
      </c>
      <c r="FE24" s="25">
        <v>0</v>
      </c>
      <c r="FF24" s="25">
        <v>0</v>
      </c>
      <c r="FG24" s="25">
        <v>11310</v>
      </c>
      <c r="FH24" s="25">
        <v>630</v>
      </c>
      <c r="FI24" s="25">
        <v>12080</v>
      </c>
      <c r="FJ24" s="28">
        <v>24020</v>
      </c>
      <c r="FK24" s="29">
        <v>24020</v>
      </c>
      <c r="FL24" s="24">
        <v>0</v>
      </c>
      <c r="FM24" s="25">
        <v>0</v>
      </c>
      <c r="FN24" s="26">
        <v>0</v>
      </c>
      <c r="FO24" s="404">
        <v>0</v>
      </c>
      <c r="FP24" s="25">
        <v>0</v>
      </c>
      <c r="FQ24" s="25">
        <v>0</v>
      </c>
      <c r="FR24" s="25">
        <v>0</v>
      </c>
      <c r="FS24" s="25">
        <v>0</v>
      </c>
      <c r="FT24" s="25">
        <v>0</v>
      </c>
      <c r="FU24" s="28">
        <v>0</v>
      </c>
      <c r="FV24" s="29">
        <v>0</v>
      </c>
      <c r="FW24" s="24">
        <v>0</v>
      </c>
      <c r="FX24" s="25">
        <v>0</v>
      </c>
      <c r="FY24" s="26">
        <v>0</v>
      </c>
      <c r="FZ24" s="27">
        <v>0</v>
      </c>
      <c r="GA24" s="25">
        <v>25931</v>
      </c>
      <c r="GB24" s="25">
        <v>88007</v>
      </c>
      <c r="GC24" s="25">
        <v>139737</v>
      </c>
      <c r="GD24" s="25">
        <v>235489</v>
      </c>
      <c r="GE24" s="25">
        <v>130589</v>
      </c>
      <c r="GF24" s="28">
        <v>619753</v>
      </c>
      <c r="GG24" s="29">
        <v>619753</v>
      </c>
      <c r="GH24" s="24">
        <v>0</v>
      </c>
      <c r="GI24" s="25">
        <v>0</v>
      </c>
      <c r="GJ24" s="26">
        <v>0</v>
      </c>
      <c r="GK24" s="27">
        <v>0</v>
      </c>
      <c r="GL24" s="25">
        <v>0</v>
      </c>
      <c r="GM24" s="25">
        <v>5568</v>
      </c>
      <c r="GN24" s="25">
        <v>7</v>
      </c>
      <c r="GO24" s="25">
        <v>1558</v>
      </c>
      <c r="GP24" s="25">
        <v>0</v>
      </c>
      <c r="GQ24" s="28">
        <v>7133</v>
      </c>
      <c r="GR24" s="29">
        <v>7133</v>
      </c>
      <c r="GS24" s="24">
        <v>0</v>
      </c>
      <c r="GT24" s="25">
        <v>0</v>
      </c>
      <c r="GU24" s="26">
        <v>0</v>
      </c>
      <c r="GV24" s="27">
        <v>0</v>
      </c>
      <c r="GW24" s="25">
        <v>0</v>
      </c>
      <c r="GX24" s="25">
        <v>0</v>
      </c>
      <c r="GY24" s="25">
        <v>0</v>
      </c>
      <c r="GZ24" s="25">
        <v>0</v>
      </c>
      <c r="HA24" s="25">
        <v>0</v>
      </c>
      <c r="HB24" s="28">
        <v>0</v>
      </c>
      <c r="HC24" s="29">
        <v>0</v>
      </c>
      <c r="HD24" s="24">
        <v>0</v>
      </c>
      <c r="HE24" s="25">
        <v>0</v>
      </c>
      <c r="HF24" s="26">
        <v>0</v>
      </c>
      <c r="HG24" s="404">
        <v>0</v>
      </c>
      <c r="HH24" s="25">
        <v>0</v>
      </c>
      <c r="HI24" s="25">
        <v>0</v>
      </c>
      <c r="HJ24" s="25">
        <v>0</v>
      </c>
      <c r="HK24" s="25">
        <v>0</v>
      </c>
      <c r="HL24" s="25">
        <v>0</v>
      </c>
      <c r="HM24" s="28">
        <v>0</v>
      </c>
      <c r="HN24" s="29">
        <v>0</v>
      </c>
      <c r="HO24" s="24">
        <v>0</v>
      </c>
      <c r="HP24" s="25">
        <v>0</v>
      </c>
      <c r="HQ24" s="26">
        <v>0</v>
      </c>
      <c r="HR24" s="27">
        <v>0</v>
      </c>
      <c r="HS24" s="25">
        <v>231146</v>
      </c>
      <c r="HT24" s="25">
        <v>633905</v>
      </c>
      <c r="HU24" s="25">
        <v>3670794</v>
      </c>
      <c r="HV24" s="25">
        <v>4216862</v>
      </c>
      <c r="HW24" s="25">
        <v>2749332</v>
      </c>
      <c r="HX24" s="28">
        <v>11502039</v>
      </c>
      <c r="HY24" s="29">
        <v>11502039</v>
      </c>
    </row>
    <row r="25" spans="2:233" ht="21" customHeight="1" x14ac:dyDescent="0.2">
      <c r="B25" s="106" t="s">
        <v>22</v>
      </c>
      <c r="C25" s="24">
        <v>0</v>
      </c>
      <c r="D25" s="25">
        <v>0</v>
      </c>
      <c r="E25" s="26">
        <v>0</v>
      </c>
      <c r="F25" s="27">
        <v>0</v>
      </c>
      <c r="G25" s="25">
        <v>65905</v>
      </c>
      <c r="H25" s="25">
        <v>225575</v>
      </c>
      <c r="I25" s="25">
        <v>501990</v>
      </c>
      <c r="J25" s="25">
        <v>841250</v>
      </c>
      <c r="K25" s="25">
        <v>376370</v>
      </c>
      <c r="L25" s="28">
        <v>2011090</v>
      </c>
      <c r="M25" s="29">
        <v>2011090</v>
      </c>
      <c r="N25" s="24">
        <v>0</v>
      </c>
      <c r="O25" s="25">
        <v>0</v>
      </c>
      <c r="P25" s="26">
        <v>0</v>
      </c>
      <c r="Q25" s="404">
        <v>0</v>
      </c>
      <c r="R25" s="25">
        <v>0</v>
      </c>
      <c r="S25" s="25">
        <v>36750</v>
      </c>
      <c r="T25" s="25">
        <v>318310</v>
      </c>
      <c r="U25" s="25">
        <v>483225</v>
      </c>
      <c r="V25" s="25">
        <v>141835</v>
      </c>
      <c r="W25" s="28">
        <v>980120</v>
      </c>
      <c r="X25" s="29">
        <v>980120</v>
      </c>
      <c r="Y25" s="24">
        <v>0</v>
      </c>
      <c r="Z25" s="25">
        <v>0</v>
      </c>
      <c r="AA25" s="26">
        <v>0</v>
      </c>
      <c r="AB25" s="404">
        <v>0</v>
      </c>
      <c r="AC25" s="25">
        <v>64320</v>
      </c>
      <c r="AD25" s="25">
        <v>181950</v>
      </c>
      <c r="AE25" s="25">
        <v>93375</v>
      </c>
      <c r="AF25" s="25">
        <v>276430</v>
      </c>
      <c r="AG25" s="25">
        <v>130255</v>
      </c>
      <c r="AH25" s="28">
        <v>746330</v>
      </c>
      <c r="AI25" s="29">
        <v>746330</v>
      </c>
      <c r="AJ25" s="24">
        <v>0</v>
      </c>
      <c r="AK25" s="25">
        <v>0</v>
      </c>
      <c r="AL25" s="26">
        <v>0</v>
      </c>
      <c r="AM25" s="404">
        <v>0</v>
      </c>
      <c r="AN25" s="25">
        <v>0</v>
      </c>
      <c r="AO25" s="25">
        <v>0</v>
      </c>
      <c r="AP25" s="25">
        <v>0</v>
      </c>
      <c r="AQ25" s="25">
        <v>0</v>
      </c>
      <c r="AR25" s="25">
        <v>0</v>
      </c>
      <c r="AS25" s="28">
        <v>0</v>
      </c>
      <c r="AT25" s="29">
        <v>0</v>
      </c>
      <c r="AU25" s="24">
        <v>0</v>
      </c>
      <c r="AV25" s="25">
        <v>0</v>
      </c>
      <c r="AW25" s="26">
        <v>0</v>
      </c>
      <c r="AX25" s="404">
        <v>0</v>
      </c>
      <c r="AY25" s="25">
        <v>0</v>
      </c>
      <c r="AZ25" s="25">
        <v>0</v>
      </c>
      <c r="BA25" s="25">
        <v>0</v>
      </c>
      <c r="BB25" s="25">
        <v>23850</v>
      </c>
      <c r="BC25" s="25">
        <v>26400</v>
      </c>
      <c r="BD25" s="28">
        <v>50250</v>
      </c>
      <c r="BE25" s="29">
        <v>50250</v>
      </c>
      <c r="BF25" s="24">
        <v>0</v>
      </c>
      <c r="BG25" s="25">
        <v>0</v>
      </c>
      <c r="BH25" s="26">
        <v>0</v>
      </c>
      <c r="BI25" s="404">
        <v>0</v>
      </c>
      <c r="BJ25" s="25">
        <v>0</v>
      </c>
      <c r="BK25" s="25">
        <v>0</v>
      </c>
      <c r="BL25" s="25">
        <v>26400</v>
      </c>
      <c r="BM25" s="25">
        <v>52800</v>
      </c>
      <c r="BN25" s="25">
        <v>73965</v>
      </c>
      <c r="BO25" s="28">
        <v>153165</v>
      </c>
      <c r="BP25" s="29">
        <v>153165</v>
      </c>
      <c r="BQ25" s="24">
        <v>0</v>
      </c>
      <c r="BR25" s="25">
        <v>0</v>
      </c>
      <c r="BS25" s="26">
        <v>0</v>
      </c>
      <c r="BT25" s="27">
        <v>0</v>
      </c>
      <c r="BU25" s="25">
        <v>1585</v>
      </c>
      <c r="BV25" s="25">
        <v>6875</v>
      </c>
      <c r="BW25" s="25">
        <v>63615</v>
      </c>
      <c r="BX25" s="25">
        <v>4945</v>
      </c>
      <c r="BY25" s="25">
        <v>3915</v>
      </c>
      <c r="BZ25" s="28">
        <v>80935</v>
      </c>
      <c r="CA25" s="29">
        <v>80935</v>
      </c>
      <c r="CB25" s="24">
        <v>0</v>
      </c>
      <c r="CC25" s="25">
        <v>0</v>
      </c>
      <c r="CD25" s="26">
        <v>0</v>
      </c>
      <c r="CE25" s="27">
        <v>0</v>
      </c>
      <c r="CF25" s="25">
        <v>0</v>
      </c>
      <c r="CG25" s="25">
        <v>0</v>
      </c>
      <c r="CH25" s="25">
        <v>290</v>
      </c>
      <c r="CI25" s="25">
        <v>0</v>
      </c>
      <c r="CJ25" s="25">
        <v>0</v>
      </c>
      <c r="CK25" s="28">
        <v>290</v>
      </c>
      <c r="CL25" s="29">
        <v>290</v>
      </c>
      <c r="CM25" s="24">
        <v>0</v>
      </c>
      <c r="CN25" s="25">
        <v>0</v>
      </c>
      <c r="CO25" s="26">
        <v>0</v>
      </c>
      <c r="CP25" s="27">
        <v>0</v>
      </c>
      <c r="CQ25" s="25">
        <v>0</v>
      </c>
      <c r="CR25" s="25">
        <v>0</v>
      </c>
      <c r="CS25" s="25">
        <v>0</v>
      </c>
      <c r="CT25" s="25">
        <v>0</v>
      </c>
      <c r="CU25" s="25">
        <v>0</v>
      </c>
      <c r="CV25" s="28">
        <v>0</v>
      </c>
      <c r="CW25" s="29">
        <v>0</v>
      </c>
      <c r="CX25" s="24">
        <v>0</v>
      </c>
      <c r="CY25" s="25">
        <v>0</v>
      </c>
      <c r="CZ25" s="26">
        <v>0</v>
      </c>
      <c r="DA25" s="404">
        <v>0</v>
      </c>
      <c r="DB25" s="25">
        <v>0</v>
      </c>
      <c r="DC25" s="25">
        <v>0</v>
      </c>
      <c r="DD25" s="25">
        <v>0</v>
      </c>
      <c r="DE25" s="25">
        <v>0</v>
      </c>
      <c r="DF25" s="25">
        <v>0</v>
      </c>
      <c r="DG25" s="28">
        <v>0</v>
      </c>
      <c r="DH25" s="29">
        <v>0</v>
      </c>
      <c r="DI25" s="24">
        <v>0</v>
      </c>
      <c r="DJ25" s="25">
        <v>702</v>
      </c>
      <c r="DK25" s="26">
        <v>702</v>
      </c>
      <c r="DL25" s="27">
        <v>0</v>
      </c>
      <c r="DM25" s="25">
        <v>21696</v>
      </c>
      <c r="DN25" s="25">
        <v>98090</v>
      </c>
      <c r="DO25" s="25">
        <v>516599</v>
      </c>
      <c r="DP25" s="25">
        <v>770561</v>
      </c>
      <c r="DQ25" s="25">
        <v>386718</v>
      </c>
      <c r="DR25" s="28">
        <v>1793664</v>
      </c>
      <c r="DS25" s="30">
        <v>1794366</v>
      </c>
      <c r="DT25" s="24">
        <v>0</v>
      </c>
      <c r="DU25" s="25">
        <v>0</v>
      </c>
      <c r="DV25" s="26">
        <v>0</v>
      </c>
      <c r="DW25" s="404">
        <v>0</v>
      </c>
      <c r="DX25" s="25">
        <v>0</v>
      </c>
      <c r="DY25" s="25">
        <v>51322</v>
      </c>
      <c r="DZ25" s="25">
        <v>385488</v>
      </c>
      <c r="EA25" s="25">
        <v>609900</v>
      </c>
      <c r="EB25" s="25">
        <v>240096</v>
      </c>
      <c r="EC25" s="28">
        <v>1286806</v>
      </c>
      <c r="ED25" s="29">
        <v>1286806</v>
      </c>
      <c r="EE25" s="24">
        <v>0</v>
      </c>
      <c r="EF25" s="25">
        <v>0</v>
      </c>
      <c r="EG25" s="26">
        <v>0</v>
      </c>
      <c r="EH25" s="404">
        <v>0</v>
      </c>
      <c r="EI25" s="25">
        <v>20292</v>
      </c>
      <c r="EJ25" s="25">
        <v>36150</v>
      </c>
      <c r="EK25" s="25">
        <v>22462</v>
      </c>
      <c r="EL25" s="25">
        <v>57030</v>
      </c>
      <c r="EM25" s="25">
        <v>12717</v>
      </c>
      <c r="EN25" s="28">
        <v>148651</v>
      </c>
      <c r="EO25" s="29">
        <v>148651</v>
      </c>
      <c r="EP25" s="24">
        <v>0</v>
      </c>
      <c r="EQ25" s="25">
        <v>0</v>
      </c>
      <c r="ER25" s="26">
        <v>0</v>
      </c>
      <c r="ES25" s="404">
        <v>0</v>
      </c>
      <c r="ET25" s="25">
        <v>0</v>
      </c>
      <c r="EU25" s="25">
        <v>0</v>
      </c>
      <c r="EV25" s="25">
        <v>0</v>
      </c>
      <c r="EW25" s="25">
        <v>0</v>
      </c>
      <c r="EX25" s="25">
        <v>0</v>
      </c>
      <c r="EY25" s="28">
        <v>0</v>
      </c>
      <c r="EZ25" s="29">
        <v>0</v>
      </c>
      <c r="FA25" s="24">
        <v>0</v>
      </c>
      <c r="FB25" s="25">
        <v>0</v>
      </c>
      <c r="FC25" s="26">
        <v>0</v>
      </c>
      <c r="FD25" s="404">
        <v>0</v>
      </c>
      <c r="FE25" s="25">
        <v>0</v>
      </c>
      <c r="FF25" s="25">
        <v>0</v>
      </c>
      <c r="FG25" s="25">
        <v>0</v>
      </c>
      <c r="FH25" s="25">
        <v>10740</v>
      </c>
      <c r="FI25" s="25">
        <v>420</v>
      </c>
      <c r="FJ25" s="28">
        <v>11160</v>
      </c>
      <c r="FK25" s="29">
        <v>11160</v>
      </c>
      <c r="FL25" s="24">
        <v>0</v>
      </c>
      <c r="FM25" s="25">
        <v>0</v>
      </c>
      <c r="FN25" s="26">
        <v>0</v>
      </c>
      <c r="FO25" s="404">
        <v>0</v>
      </c>
      <c r="FP25" s="25">
        <v>0</v>
      </c>
      <c r="FQ25" s="25">
        <v>0</v>
      </c>
      <c r="FR25" s="25">
        <v>41400</v>
      </c>
      <c r="FS25" s="25">
        <v>82800</v>
      </c>
      <c r="FT25" s="25">
        <v>121860</v>
      </c>
      <c r="FU25" s="28">
        <v>246060</v>
      </c>
      <c r="FV25" s="29">
        <v>246060</v>
      </c>
      <c r="FW25" s="24">
        <v>0</v>
      </c>
      <c r="FX25" s="25">
        <v>702</v>
      </c>
      <c r="FY25" s="26">
        <v>702</v>
      </c>
      <c r="FZ25" s="27">
        <v>0</v>
      </c>
      <c r="GA25" s="25">
        <v>1404</v>
      </c>
      <c r="GB25" s="25">
        <v>10618</v>
      </c>
      <c r="GC25" s="25">
        <v>66533</v>
      </c>
      <c r="GD25" s="25">
        <v>10091</v>
      </c>
      <c r="GE25" s="25">
        <v>10179</v>
      </c>
      <c r="GF25" s="28">
        <v>98825</v>
      </c>
      <c r="GG25" s="29">
        <v>99527</v>
      </c>
      <c r="GH25" s="24">
        <v>0</v>
      </c>
      <c r="GI25" s="25">
        <v>0</v>
      </c>
      <c r="GJ25" s="26">
        <v>0</v>
      </c>
      <c r="GK25" s="27">
        <v>0</v>
      </c>
      <c r="GL25" s="25">
        <v>0</v>
      </c>
      <c r="GM25" s="25">
        <v>0</v>
      </c>
      <c r="GN25" s="25">
        <v>716</v>
      </c>
      <c r="GO25" s="25">
        <v>0</v>
      </c>
      <c r="GP25" s="25">
        <v>1446</v>
      </c>
      <c r="GQ25" s="28">
        <v>2162</v>
      </c>
      <c r="GR25" s="29">
        <v>2162</v>
      </c>
      <c r="GS25" s="24">
        <v>0</v>
      </c>
      <c r="GT25" s="25">
        <v>0</v>
      </c>
      <c r="GU25" s="26">
        <v>0</v>
      </c>
      <c r="GV25" s="27">
        <v>0</v>
      </c>
      <c r="GW25" s="25">
        <v>0</v>
      </c>
      <c r="GX25" s="25">
        <v>0</v>
      </c>
      <c r="GY25" s="25">
        <v>0</v>
      </c>
      <c r="GZ25" s="25">
        <v>0</v>
      </c>
      <c r="HA25" s="25">
        <v>0</v>
      </c>
      <c r="HB25" s="28">
        <v>0</v>
      </c>
      <c r="HC25" s="29">
        <v>0</v>
      </c>
      <c r="HD25" s="24">
        <v>0</v>
      </c>
      <c r="HE25" s="25">
        <v>0</v>
      </c>
      <c r="HF25" s="26">
        <v>0</v>
      </c>
      <c r="HG25" s="404">
        <v>0</v>
      </c>
      <c r="HH25" s="25">
        <v>0</v>
      </c>
      <c r="HI25" s="25">
        <v>0</v>
      </c>
      <c r="HJ25" s="25">
        <v>0</v>
      </c>
      <c r="HK25" s="25">
        <v>0</v>
      </c>
      <c r="HL25" s="25">
        <v>0</v>
      </c>
      <c r="HM25" s="28">
        <v>0</v>
      </c>
      <c r="HN25" s="29">
        <v>0</v>
      </c>
      <c r="HO25" s="24">
        <v>0</v>
      </c>
      <c r="HP25" s="25">
        <v>702</v>
      </c>
      <c r="HQ25" s="26">
        <v>702</v>
      </c>
      <c r="HR25" s="27">
        <v>0</v>
      </c>
      <c r="HS25" s="25">
        <v>87601</v>
      </c>
      <c r="HT25" s="25">
        <v>323665</v>
      </c>
      <c r="HU25" s="25">
        <v>1018589</v>
      </c>
      <c r="HV25" s="25">
        <v>1611811</v>
      </c>
      <c r="HW25" s="25">
        <v>763088</v>
      </c>
      <c r="HX25" s="28">
        <v>3804754</v>
      </c>
      <c r="HY25" s="29">
        <v>3805456</v>
      </c>
    </row>
    <row r="26" spans="2:233" ht="21" customHeight="1" x14ac:dyDescent="0.2">
      <c r="B26" s="106" t="s">
        <v>23</v>
      </c>
      <c r="C26" s="24">
        <v>0</v>
      </c>
      <c r="D26" s="25">
        <v>0</v>
      </c>
      <c r="E26" s="26">
        <v>0</v>
      </c>
      <c r="F26" s="27">
        <v>0</v>
      </c>
      <c r="G26" s="25">
        <v>210485</v>
      </c>
      <c r="H26" s="25">
        <v>320870</v>
      </c>
      <c r="I26" s="25">
        <v>1023105</v>
      </c>
      <c r="J26" s="25">
        <v>1193585</v>
      </c>
      <c r="K26" s="25">
        <v>1094175</v>
      </c>
      <c r="L26" s="28">
        <v>3842220</v>
      </c>
      <c r="M26" s="29">
        <v>3842220</v>
      </c>
      <c r="N26" s="24">
        <v>0</v>
      </c>
      <c r="O26" s="25">
        <v>0</v>
      </c>
      <c r="P26" s="26">
        <v>0</v>
      </c>
      <c r="Q26" s="404">
        <v>0</v>
      </c>
      <c r="R26" s="25">
        <v>47060</v>
      </c>
      <c r="S26" s="25">
        <v>200400</v>
      </c>
      <c r="T26" s="25">
        <v>719060</v>
      </c>
      <c r="U26" s="25">
        <v>828180</v>
      </c>
      <c r="V26" s="25">
        <v>823504</v>
      </c>
      <c r="W26" s="28">
        <v>2618204</v>
      </c>
      <c r="X26" s="29">
        <v>2618204</v>
      </c>
      <c r="Y26" s="24">
        <v>0</v>
      </c>
      <c r="Z26" s="25">
        <v>0</v>
      </c>
      <c r="AA26" s="26">
        <v>0</v>
      </c>
      <c r="AB26" s="404">
        <v>0</v>
      </c>
      <c r="AC26" s="25">
        <v>131700</v>
      </c>
      <c r="AD26" s="25">
        <v>103705</v>
      </c>
      <c r="AE26" s="25">
        <v>223850</v>
      </c>
      <c r="AF26" s="25">
        <v>297660</v>
      </c>
      <c r="AG26" s="25">
        <v>152301</v>
      </c>
      <c r="AH26" s="28">
        <v>909216</v>
      </c>
      <c r="AI26" s="29">
        <v>909216</v>
      </c>
      <c r="AJ26" s="24">
        <v>0</v>
      </c>
      <c r="AK26" s="25">
        <v>0</v>
      </c>
      <c r="AL26" s="26">
        <v>0</v>
      </c>
      <c r="AM26" s="404">
        <v>0</v>
      </c>
      <c r="AN26" s="25">
        <v>0</v>
      </c>
      <c r="AO26" s="25">
        <v>0</v>
      </c>
      <c r="AP26" s="25">
        <v>0</v>
      </c>
      <c r="AQ26" s="25">
        <v>0</v>
      </c>
      <c r="AR26" s="25">
        <v>0</v>
      </c>
      <c r="AS26" s="28">
        <v>0</v>
      </c>
      <c r="AT26" s="29">
        <v>0</v>
      </c>
      <c r="AU26" s="24">
        <v>0</v>
      </c>
      <c r="AV26" s="25">
        <v>0</v>
      </c>
      <c r="AW26" s="26">
        <v>0</v>
      </c>
      <c r="AX26" s="404">
        <v>0</v>
      </c>
      <c r="AY26" s="25">
        <v>0</v>
      </c>
      <c r="AZ26" s="25">
        <v>0</v>
      </c>
      <c r="BA26" s="25">
        <v>0</v>
      </c>
      <c r="BB26" s="25">
        <v>24190</v>
      </c>
      <c r="BC26" s="25">
        <v>106500</v>
      </c>
      <c r="BD26" s="28">
        <v>130690</v>
      </c>
      <c r="BE26" s="29">
        <v>130690</v>
      </c>
      <c r="BF26" s="24">
        <v>0</v>
      </c>
      <c r="BG26" s="25">
        <v>0</v>
      </c>
      <c r="BH26" s="26">
        <v>0</v>
      </c>
      <c r="BI26" s="404">
        <v>0</v>
      </c>
      <c r="BJ26" s="25">
        <v>0</v>
      </c>
      <c r="BK26" s="25">
        <v>0</v>
      </c>
      <c r="BL26" s="25">
        <v>0</v>
      </c>
      <c r="BM26" s="25">
        <v>0</v>
      </c>
      <c r="BN26" s="25">
        <v>0</v>
      </c>
      <c r="BO26" s="28">
        <v>0</v>
      </c>
      <c r="BP26" s="29">
        <v>0</v>
      </c>
      <c r="BQ26" s="24">
        <v>0</v>
      </c>
      <c r="BR26" s="25">
        <v>0</v>
      </c>
      <c r="BS26" s="26">
        <v>0</v>
      </c>
      <c r="BT26" s="27">
        <v>0</v>
      </c>
      <c r="BU26" s="25">
        <v>31725</v>
      </c>
      <c r="BV26" s="25">
        <v>16765</v>
      </c>
      <c r="BW26" s="25">
        <v>80195</v>
      </c>
      <c r="BX26" s="25">
        <v>43555</v>
      </c>
      <c r="BY26" s="25">
        <v>11435</v>
      </c>
      <c r="BZ26" s="28">
        <v>183675</v>
      </c>
      <c r="CA26" s="29">
        <v>183675</v>
      </c>
      <c r="CB26" s="24">
        <v>0</v>
      </c>
      <c r="CC26" s="25">
        <v>0</v>
      </c>
      <c r="CD26" s="26">
        <v>0</v>
      </c>
      <c r="CE26" s="27">
        <v>0</v>
      </c>
      <c r="CF26" s="25">
        <v>0</v>
      </c>
      <c r="CG26" s="25">
        <v>0</v>
      </c>
      <c r="CH26" s="25">
        <v>0</v>
      </c>
      <c r="CI26" s="25">
        <v>0</v>
      </c>
      <c r="CJ26" s="25">
        <v>435</v>
      </c>
      <c r="CK26" s="28">
        <v>435</v>
      </c>
      <c r="CL26" s="29">
        <v>435</v>
      </c>
      <c r="CM26" s="24">
        <v>0</v>
      </c>
      <c r="CN26" s="25">
        <v>0</v>
      </c>
      <c r="CO26" s="26">
        <v>0</v>
      </c>
      <c r="CP26" s="27">
        <v>0</v>
      </c>
      <c r="CQ26" s="25">
        <v>0</v>
      </c>
      <c r="CR26" s="25">
        <v>0</v>
      </c>
      <c r="CS26" s="25">
        <v>0</v>
      </c>
      <c r="CT26" s="25">
        <v>0</v>
      </c>
      <c r="CU26" s="25">
        <v>0</v>
      </c>
      <c r="CV26" s="28">
        <v>0</v>
      </c>
      <c r="CW26" s="29">
        <v>0</v>
      </c>
      <c r="CX26" s="24">
        <v>0</v>
      </c>
      <c r="CY26" s="25">
        <v>0</v>
      </c>
      <c r="CZ26" s="26">
        <v>0</v>
      </c>
      <c r="DA26" s="404">
        <v>0</v>
      </c>
      <c r="DB26" s="25">
        <v>0</v>
      </c>
      <c r="DC26" s="25">
        <v>0</v>
      </c>
      <c r="DD26" s="25">
        <v>0</v>
      </c>
      <c r="DE26" s="25">
        <v>0</v>
      </c>
      <c r="DF26" s="25">
        <v>0</v>
      </c>
      <c r="DG26" s="28">
        <v>0</v>
      </c>
      <c r="DH26" s="29">
        <v>0</v>
      </c>
      <c r="DI26" s="24">
        <v>0</v>
      </c>
      <c r="DJ26" s="25">
        <v>0</v>
      </c>
      <c r="DK26" s="26">
        <v>0</v>
      </c>
      <c r="DL26" s="27">
        <v>0</v>
      </c>
      <c r="DM26" s="25">
        <v>91736</v>
      </c>
      <c r="DN26" s="25">
        <v>195279</v>
      </c>
      <c r="DO26" s="25">
        <v>999152</v>
      </c>
      <c r="DP26" s="25">
        <v>1111236</v>
      </c>
      <c r="DQ26" s="25">
        <v>729331</v>
      </c>
      <c r="DR26" s="28">
        <v>3126734</v>
      </c>
      <c r="DS26" s="30">
        <v>3126734</v>
      </c>
      <c r="DT26" s="24">
        <v>0</v>
      </c>
      <c r="DU26" s="25">
        <v>0</v>
      </c>
      <c r="DV26" s="26">
        <v>0</v>
      </c>
      <c r="DW26" s="404">
        <v>0</v>
      </c>
      <c r="DX26" s="25">
        <v>29020</v>
      </c>
      <c r="DY26" s="25">
        <v>138720</v>
      </c>
      <c r="DZ26" s="25">
        <v>828465</v>
      </c>
      <c r="EA26" s="25">
        <v>1018126</v>
      </c>
      <c r="EB26" s="25">
        <v>651367</v>
      </c>
      <c r="EC26" s="28">
        <v>2665698</v>
      </c>
      <c r="ED26" s="29">
        <v>2665698</v>
      </c>
      <c r="EE26" s="24">
        <v>0</v>
      </c>
      <c r="EF26" s="25">
        <v>0</v>
      </c>
      <c r="EG26" s="26">
        <v>0</v>
      </c>
      <c r="EH26" s="404">
        <v>0</v>
      </c>
      <c r="EI26" s="25">
        <v>48150</v>
      </c>
      <c r="EJ26" s="25">
        <v>12878</v>
      </c>
      <c r="EK26" s="25">
        <v>13452</v>
      </c>
      <c r="EL26" s="25">
        <v>4872</v>
      </c>
      <c r="EM26" s="25">
        <v>37890</v>
      </c>
      <c r="EN26" s="28">
        <v>117242</v>
      </c>
      <c r="EO26" s="29">
        <v>117242</v>
      </c>
      <c r="EP26" s="24">
        <v>0</v>
      </c>
      <c r="EQ26" s="25">
        <v>0</v>
      </c>
      <c r="ER26" s="26">
        <v>0</v>
      </c>
      <c r="ES26" s="404">
        <v>0</v>
      </c>
      <c r="ET26" s="25">
        <v>0</v>
      </c>
      <c r="EU26" s="25">
        <v>0</v>
      </c>
      <c r="EV26" s="25">
        <v>0</v>
      </c>
      <c r="EW26" s="25">
        <v>0</v>
      </c>
      <c r="EX26" s="25">
        <v>0</v>
      </c>
      <c r="EY26" s="28">
        <v>0</v>
      </c>
      <c r="EZ26" s="29">
        <v>0</v>
      </c>
      <c r="FA26" s="24">
        <v>0</v>
      </c>
      <c r="FB26" s="25">
        <v>0</v>
      </c>
      <c r="FC26" s="26">
        <v>0</v>
      </c>
      <c r="FD26" s="404">
        <v>0</v>
      </c>
      <c r="FE26" s="25">
        <v>0</v>
      </c>
      <c r="FF26" s="25">
        <v>0</v>
      </c>
      <c r="FG26" s="25">
        <v>0</v>
      </c>
      <c r="FH26" s="25">
        <v>210</v>
      </c>
      <c r="FI26" s="25">
        <v>11520</v>
      </c>
      <c r="FJ26" s="28">
        <v>11730</v>
      </c>
      <c r="FK26" s="29">
        <v>11730</v>
      </c>
      <c r="FL26" s="24">
        <v>0</v>
      </c>
      <c r="FM26" s="25">
        <v>0</v>
      </c>
      <c r="FN26" s="26">
        <v>0</v>
      </c>
      <c r="FO26" s="404">
        <v>0</v>
      </c>
      <c r="FP26" s="25">
        <v>0</v>
      </c>
      <c r="FQ26" s="25">
        <v>0</v>
      </c>
      <c r="FR26" s="25">
        <v>0</v>
      </c>
      <c r="FS26" s="25">
        <v>0</v>
      </c>
      <c r="FT26" s="25">
        <v>0</v>
      </c>
      <c r="FU26" s="28">
        <v>0</v>
      </c>
      <c r="FV26" s="29">
        <v>0</v>
      </c>
      <c r="FW26" s="24">
        <v>0</v>
      </c>
      <c r="FX26" s="25">
        <v>0</v>
      </c>
      <c r="FY26" s="26">
        <v>0</v>
      </c>
      <c r="FZ26" s="27">
        <v>0</v>
      </c>
      <c r="GA26" s="25">
        <v>14566</v>
      </c>
      <c r="GB26" s="25">
        <v>43681</v>
      </c>
      <c r="GC26" s="25">
        <v>157235</v>
      </c>
      <c r="GD26" s="25">
        <v>88028</v>
      </c>
      <c r="GE26" s="25">
        <v>27122</v>
      </c>
      <c r="GF26" s="28">
        <v>330632</v>
      </c>
      <c r="GG26" s="29">
        <v>330632</v>
      </c>
      <c r="GH26" s="24">
        <v>0</v>
      </c>
      <c r="GI26" s="25">
        <v>0</v>
      </c>
      <c r="GJ26" s="26">
        <v>0</v>
      </c>
      <c r="GK26" s="27">
        <v>0</v>
      </c>
      <c r="GL26" s="25">
        <v>0</v>
      </c>
      <c r="GM26" s="25">
        <v>0</v>
      </c>
      <c r="GN26" s="25">
        <v>0</v>
      </c>
      <c r="GO26" s="25">
        <v>0</v>
      </c>
      <c r="GP26" s="25">
        <v>1432</v>
      </c>
      <c r="GQ26" s="28">
        <v>1432</v>
      </c>
      <c r="GR26" s="29">
        <v>1432</v>
      </c>
      <c r="GS26" s="24">
        <v>0</v>
      </c>
      <c r="GT26" s="25">
        <v>0</v>
      </c>
      <c r="GU26" s="26">
        <v>0</v>
      </c>
      <c r="GV26" s="27">
        <v>0</v>
      </c>
      <c r="GW26" s="25">
        <v>0</v>
      </c>
      <c r="GX26" s="25">
        <v>0</v>
      </c>
      <c r="GY26" s="25">
        <v>0</v>
      </c>
      <c r="GZ26" s="25">
        <v>0</v>
      </c>
      <c r="HA26" s="25">
        <v>0</v>
      </c>
      <c r="HB26" s="28">
        <v>0</v>
      </c>
      <c r="HC26" s="29">
        <v>0</v>
      </c>
      <c r="HD26" s="24">
        <v>0</v>
      </c>
      <c r="HE26" s="25">
        <v>0</v>
      </c>
      <c r="HF26" s="26">
        <v>0</v>
      </c>
      <c r="HG26" s="404">
        <v>0</v>
      </c>
      <c r="HH26" s="25">
        <v>0</v>
      </c>
      <c r="HI26" s="25">
        <v>0</v>
      </c>
      <c r="HJ26" s="25">
        <v>0</v>
      </c>
      <c r="HK26" s="25">
        <v>0</v>
      </c>
      <c r="HL26" s="25">
        <v>0</v>
      </c>
      <c r="HM26" s="28">
        <v>0</v>
      </c>
      <c r="HN26" s="29">
        <v>0</v>
      </c>
      <c r="HO26" s="24">
        <v>0</v>
      </c>
      <c r="HP26" s="25">
        <v>0</v>
      </c>
      <c r="HQ26" s="26">
        <v>0</v>
      </c>
      <c r="HR26" s="27">
        <v>0</v>
      </c>
      <c r="HS26" s="25">
        <v>302221</v>
      </c>
      <c r="HT26" s="25">
        <v>516149</v>
      </c>
      <c r="HU26" s="25">
        <v>2022257</v>
      </c>
      <c r="HV26" s="25">
        <v>2304821</v>
      </c>
      <c r="HW26" s="25">
        <v>1823506</v>
      </c>
      <c r="HX26" s="28">
        <v>6968954</v>
      </c>
      <c r="HY26" s="29">
        <v>6968954</v>
      </c>
    </row>
    <row r="27" spans="2:233" ht="21" customHeight="1" x14ac:dyDescent="0.2">
      <c r="B27" s="106" t="s">
        <v>24</v>
      </c>
      <c r="C27" s="24">
        <v>0</v>
      </c>
      <c r="D27" s="25">
        <v>0</v>
      </c>
      <c r="E27" s="26">
        <v>0</v>
      </c>
      <c r="F27" s="27">
        <v>0</v>
      </c>
      <c r="G27" s="25">
        <v>67010</v>
      </c>
      <c r="H27" s="25">
        <v>50285</v>
      </c>
      <c r="I27" s="25">
        <v>278130</v>
      </c>
      <c r="J27" s="25">
        <v>881647</v>
      </c>
      <c r="K27" s="25">
        <v>278172</v>
      </c>
      <c r="L27" s="28">
        <v>1555244</v>
      </c>
      <c r="M27" s="29">
        <v>1555244</v>
      </c>
      <c r="N27" s="24">
        <v>0</v>
      </c>
      <c r="O27" s="25">
        <v>0</v>
      </c>
      <c r="P27" s="26">
        <v>0</v>
      </c>
      <c r="Q27" s="404">
        <v>0</v>
      </c>
      <c r="R27" s="25">
        <v>0</v>
      </c>
      <c r="S27" s="25">
        <v>0</v>
      </c>
      <c r="T27" s="25">
        <v>165555</v>
      </c>
      <c r="U27" s="25">
        <v>689180</v>
      </c>
      <c r="V27" s="25">
        <v>181405</v>
      </c>
      <c r="W27" s="28">
        <v>1036140</v>
      </c>
      <c r="X27" s="29">
        <v>1036140</v>
      </c>
      <c r="Y27" s="24">
        <v>0</v>
      </c>
      <c r="Z27" s="25">
        <v>0</v>
      </c>
      <c r="AA27" s="26">
        <v>0</v>
      </c>
      <c r="AB27" s="404">
        <v>0</v>
      </c>
      <c r="AC27" s="25">
        <v>58050</v>
      </c>
      <c r="AD27" s="25">
        <v>36900</v>
      </c>
      <c r="AE27" s="25">
        <v>76050</v>
      </c>
      <c r="AF27" s="25">
        <v>110022</v>
      </c>
      <c r="AG27" s="25">
        <v>87137</v>
      </c>
      <c r="AH27" s="28">
        <v>368159</v>
      </c>
      <c r="AI27" s="29">
        <v>368159</v>
      </c>
      <c r="AJ27" s="24">
        <v>0</v>
      </c>
      <c r="AK27" s="25">
        <v>0</v>
      </c>
      <c r="AL27" s="26">
        <v>0</v>
      </c>
      <c r="AM27" s="404">
        <v>0</v>
      </c>
      <c r="AN27" s="25">
        <v>0</v>
      </c>
      <c r="AO27" s="25">
        <v>0</v>
      </c>
      <c r="AP27" s="25">
        <v>0</v>
      </c>
      <c r="AQ27" s="25">
        <v>0</v>
      </c>
      <c r="AR27" s="25">
        <v>0</v>
      </c>
      <c r="AS27" s="28">
        <v>0</v>
      </c>
      <c r="AT27" s="29">
        <v>0</v>
      </c>
      <c r="AU27" s="24">
        <v>0</v>
      </c>
      <c r="AV27" s="25">
        <v>0</v>
      </c>
      <c r="AW27" s="26">
        <v>0</v>
      </c>
      <c r="AX27" s="404">
        <v>0</v>
      </c>
      <c r="AY27" s="25">
        <v>0</v>
      </c>
      <c r="AZ27" s="25">
        <v>0</v>
      </c>
      <c r="BA27" s="25">
        <v>0</v>
      </c>
      <c r="BB27" s="25">
        <v>0</v>
      </c>
      <c r="BC27" s="25">
        <v>0</v>
      </c>
      <c r="BD27" s="28">
        <v>0</v>
      </c>
      <c r="BE27" s="29">
        <v>0</v>
      </c>
      <c r="BF27" s="24">
        <v>0</v>
      </c>
      <c r="BG27" s="25">
        <v>0</v>
      </c>
      <c r="BH27" s="26">
        <v>0</v>
      </c>
      <c r="BI27" s="404">
        <v>0</v>
      </c>
      <c r="BJ27" s="25">
        <v>0</v>
      </c>
      <c r="BK27" s="25">
        <v>0</v>
      </c>
      <c r="BL27" s="25">
        <v>0</v>
      </c>
      <c r="BM27" s="25">
        <v>0</v>
      </c>
      <c r="BN27" s="25">
        <v>0</v>
      </c>
      <c r="BO27" s="28">
        <v>0</v>
      </c>
      <c r="BP27" s="29">
        <v>0</v>
      </c>
      <c r="BQ27" s="24">
        <v>0</v>
      </c>
      <c r="BR27" s="25">
        <v>0</v>
      </c>
      <c r="BS27" s="26">
        <v>0</v>
      </c>
      <c r="BT27" s="27">
        <v>0</v>
      </c>
      <c r="BU27" s="25">
        <v>8960</v>
      </c>
      <c r="BV27" s="25">
        <v>13385</v>
      </c>
      <c r="BW27" s="25">
        <v>36525</v>
      </c>
      <c r="BX27" s="25">
        <v>82445</v>
      </c>
      <c r="BY27" s="25">
        <v>9630</v>
      </c>
      <c r="BZ27" s="28">
        <v>150945</v>
      </c>
      <c r="CA27" s="29">
        <v>150945</v>
      </c>
      <c r="CB27" s="24">
        <v>0</v>
      </c>
      <c r="CC27" s="25">
        <v>0</v>
      </c>
      <c r="CD27" s="26">
        <v>0</v>
      </c>
      <c r="CE27" s="27">
        <v>0</v>
      </c>
      <c r="CF27" s="25">
        <v>0</v>
      </c>
      <c r="CG27" s="25">
        <v>0</v>
      </c>
      <c r="CH27" s="25">
        <v>0</v>
      </c>
      <c r="CI27" s="25">
        <v>0</v>
      </c>
      <c r="CJ27" s="25">
        <v>0</v>
      </c>
      <c r="CK27" s="28">
        <v>0</v>
      </c>
      <c r="CL27" s="29">
        <v>0</v>
      </c>
      <c r="CM27" s="24">
        <v>0</v>
      </c>
      <c r="CN27" s="25">
        <v>0</v>
      </c>
      <c r="CO27" s="26">
        <v>0</v>
      </c>
      <c r="CP27" s="27">
        <v>0</v>
      </c>
      <c r="CQ27" s="25">
        <v>0</v>
      </c>
      <c r="CR27" s="25">
        <v>0</v>
      </c>
      <c r="CS27" s="25">
        <v>0</v>
      </c>
      <c r="CT27" s="25">
        <v>0</v>
      </c>
      <c r="CU27" s="25">
        <v>0</v>
      </c>
      <c r="CV27" s="28">
        <v>0</v>
      </c>
      <c r="CW27" s="29">
        <v>0</v>
      </c>
      <c r="CX27" s="24">
        <v>0</v>
      </c>
      <c r="CY27" s="25">
        <v>0</v>
      </c>
      <c r="CZ27" s="26">
        <v>0</v>
      </c>
      <c r="DA27" s="404">
        <v>0</v>
      </c>
      <c r="DB27" s="25">
        <v>0</v>
      </c>
      <c r="DC27" s="25">
        <v>0</v>
      </c>
      <c r="DD27" s="25">
        <v>0</v>
      </c>
      <c r="DE27" s="25">
        <v>0</v>
      </c>
      <c r="DF27" s="25">
        <v>0</v>
      </c>
      <c r="DG27" s="28">
        <v>0</v>
      </c>
      <c r="DH27" s="29">
        <v>0</v>
      </c>
      <c r="DI27" s="24">
        <v>0</v>
      </c>
      <c r="DJ27" s="25">
        <v>0</v>
      </c>
      <c r="DK27" s="26">
        <v>0</v>
      </c>
      <c r="DL27" s="27">
        <v>0</v>
      </c>
      <c r="DM27" s="25">
        <v>27233</v>
      </c>
      <c r="DN27" s="25">
        <v>31741</v>
      </c>
      <c r="DO27" s="25">
        <v>314029</v>
      </c>
      <c r="DP27" s="25">
        <v>916611</v>
      </c>
      <c r="DQ27" s="25">
        <v>395535</v>
      </c>
      <c r="DR27" s="28">
        <v>1685149</v>
      </c>
      <c r="DS27" s="30">
        <v>1685149</v>
      </c>
      <c r="DT27" s="24">
        <v>0</v>
      </c>
      <c r="DU27" s="25">
        <v>0</v>
      </c>
      <c r="DV27" s="26">
        <v>0</v>
      </c>
      <c r="DW27" s="404">
        <v>0</v>
      </c>
      <c r="DX27" s="25">
        <v>0</v>
      </c>
      <c r="DY27" s="25">
        <v>0</v>
      </c>
      <c r="DZ27" s="25">
        <v>155785</v>
      </c>
      <c r="EA27" s="25">
        <v>835990</v>
      </c>
      <c r="EB27" s="25">
        <v>356839</v>
      </c>
      <c r="EC27" s="28">
        <v>1348614</v>
      </c>
      <c r="ED27" s="29">
        <v>1348614</v>
      </c>
      <c r="EE27" s="24">
        <v>0</v>
      </c>
      <c r="EF27" s="25">
        <v>0</v>
      </c>
      <c r="EG27" s="26">
        <v>0</v>
      </c>
      <c r="EH27" s="404">
        <v>0</v>
      </c>
      <c r="EI27" s="25">
        <v>630</v>
      </c>
      <c r="EJ27" s="25">
        <v>11897</v>
      </c>
      <c r="EK27" s="25">
        <v>103410</v>
      </c>
      <c r="EL27" s="25">
        <v>1246</v>
      </c>
      <c r="EM27" s="25">
        <v>23278</v>
      </c>
      <c r="EN27" s="28">
        <v>140461</v>
      </c>
      <c r="EO27" s="29">
        <v>140461</v>
      </c>
      <c r="EP27" s="24">
        <v>0</v>
      </c>
      <c r="EQ27" s="25">
        <v>0</v>
      </c>
      <c r="ER27" s="26">
        <v>0</v>
      </c>
      <c r="ES27" s="404">
        <v>0</v>
      </c>
      <c r="ET27" s="25">
        <v>0</v>
      </c>
      <c r="EU27" s="25">
        <v>0</v>
      </c>
      <c r="EV27" s="25">
        <v>0</v>
      </c>
      <c r="EW27" s="25">
        <v>0</v>
      </c>
      <c r="EX27" s="25">
        <v>0</v>
      </c>
      <c r="EY27" s="28">
        <v>0</v>
      </c>
      <c r="EZ27" s="29">
        <v>0</v>
      </c>
      <c r="FA27" s="24">
        <v>0</v>
      </c>
      <c r="FB27" s="25">
        <v>0</v>
      </c>
      <c r="FC27" s="26">
        <v>0</v>
      </c>
      <c r="FD27" s="404">
        <v>0</v>
      </c>
      <c r="FE27" s="25">
        <v>0</v>
      </c>
      <c r="FF27" s="25">
        <v>0</v>
      </c>
      <c r="FG27" s="25">
        <v>0</v>
      </c>
      <c r="FH27" s="25">
        <v>0</v>
      </c>
      <c r="FI27" s="25">
        <v>0</v>
      </c>
      <c r="FJ27" s="28">
        <v>0</v>
      </c>
      <c r="FK27" s="29">
        <v>0</v>
      </c>
      <c r="FL27" s="24">
        <v>0</v>
      </c>
      <c r="FM27" s="25">
        <v>0</v>
      </c>
      <c r="FN27" s="26">
        <v>0</v>
      </c>
      <c r="FO27" s="404">
        <v>0</v>
      </c>
      <c r="FP27" s="25">
        <v>0</v>
      </c>
      <c r="FQ27" s="25">
        <v>0</v>
      </c>
      <c r="FR27" s="25">
        <v>0</v>
      </c>
      <c r="FS27" s="25">
        <v>0</v>
      </c>
      <c r="FT27" s="25">
        <v>0</v>
      </c>
      <c r="FU27" s="28">
        <v>0</v>
      </c>
      <c r="FV27" s="29">
        <v>0</v>
      </c>
      <c r="FW27" s="24">
        <v>0</v>
      </c>
      <c r="FX27" s="25">
        <v>0</v>
      </c>
      <c r="FY27" s="26">
        <v>0</v>
      </c>
      <c r="FZ27" s="27">
        <v>0</v>
      </c>
      <c r="GA27" s="25">
        <v>26596</v>
      </c>
      <c r="GB27" s="25">
        <v>19844</v>
      </c>
      <c r="GC27" s="25">
        <v>54834</v>
      </c>
      <c r="GD27" s="25">
        <v>79375</v>
      </c>
      <c r="GE27" s="25">
        <v>15418</v>
      </c>
      <c r="GF27" s="28">
        <v>196067</v>
      </c>
      <c r="GG27" s="29">
        <v>196067</v>
      </c>
      <c r="GH27" s="24">
        <v>0</v>
      </c>
      <c r="GI27" s="25">
        <v>0</v>
      </c>
      <c r="GJ27" s="26">
        <v>0</v>
      </c>
      <c r="GK27" s="27">
        <v>0</v>
      </c>
      <c r="GL27" s="25">
        <v>7</v>
      </c>
      <c r="GM27" s="25">
        <v>0</v>
      </c>
      <c r="GN27" s="25">
        <v>0</v>
      </c>
      <c r="GO27" s="25">
        <v>0</v>
      </c>
      <c r="GP27" s="25">
        <v>0</v>
      </c>
      <c r="GQ27" s="28">
        <v>7</v>
      </c>
      <c r="GR27" s="29">
        <v>7</v>
      </c>
      <c r="GS27" s="24">
        <v>0</v>
      </c>
      <c r="GT27" s="25">
        <v>0</v>
      </c>
      <c r="GU27" s="26">
        <v>0</v>
      </c>
      <c r="GV27" s="27">
        <v>0</v>
      </c>
      <c r="GW27" s="25">
        <v>0</v>
      </c>
      <c r="GX27" s="25">
        <v>0</v>
      </c>
      <c r="GY27" s="25">
        <v>0</v>
      </c>
      <c r="GZ27" s="25">
        <v>0</v>
      </c>
      <c r="HA27" s="25">
        <v>0</v>
      </c>
      <c r="HB27" s="28">
        <v>0</v>
      </c>
      <c r="HC27" s="29">
        <v>0</v>
      </c>
      <c r="HD27" s="24">
        <v>0</v>
      </c>
      <c r="HE27" s="25">
        <v>0</v>
      </c>
      <c r="HF27" s="26">
        <v>0</v>
      </c>
      <c r="HG27" s="404">
        <v>0</v>
      </c>
      <c r="HH27" s="25">
        <v>0</v>
      </c>
      <c r="HI27" s="25">
        <v>0</v>
      </c>
      <c r="HJ27" s="25">
        <v>0</v>
      </c>
      <c r="HK27" s="25">
        <v>0</v>
      </c>
      <c r="HL27" s="25">
        <v>0</v>
      </c>
      <c r="HM27" s="28">
        <v>0</v>
      </c>
      <c r="HN27" s="29">
        <v>0</v>
      </c>
      <c r="HO27" s="24">
        <v>0</v>
      </c>
      <c r="HP27" s="25">
        <v>0</v>
      </c>
      <c r="HQ27" s="26">
        <v>0</v>
      </c>
      <c r="HR27" s="27">
        <v>0</v>
      </c>
      <c r="HS27" s="25">
        <v>94243</v>
      </c>
      <c r="HT27" s="25">
        <v>82026</v>
      </c>
      <c r="HU27" s="25">
        <v>592159</v>
      </c>
      <c r="HV27" s="25">
        <v>1798258</v>
      </c>
      <c r="HW27" s="25">
        <v>673707</v>
      </c>
      <c r="HX27" s="28">
        <v>3240393</v>
      </c>
      <c r="HY27" s="29">
        <v>3240393</v>
      </c>
    </row>
    <row r="28" spans="2:233" ht="21" customHeight="1" x14ac:dyDescent="0.2">
      <c r="B28" s="106" t="s">
        <v>25</v>
      </c>
      <c r="C28" s="24">
        <v>0</v>
      </c>
      <c r="D28" s="25">
        <v>0</v>
      </c>
      <c r="E28" s="26">
        <v>0</v>
      </c>
      <c r="F28" s="27">
        <v>0</v>
      </c>
      <c r="G28" s="25">
        <v>47038</v>
      </c>
      <c r="H28" s="25">
        <v>192560</v>
      </c>
      <c r="I28" s="25">
        <v>693130</v>
      </c>
      <c r="J28" s="25">
        <v>669029</v>
      </c>
      <c r="K28" s="25">
        <v>413665</v>
      </c>
      <c r="L28" s="28">
        <v>2015422</v>
      </c>
      <c r="M28" s="29">
        <v>2015422</v>
      </c>
      <c r="N28" s="24">
        <v>0</v>
      </c>
      <c r="O28" s="25">
        <v>0</v>
      </c>
      <c r="P28" s="26">
        <v>0</v>
      </c>
      <c r="Q28" s="404">
        <v>0</v>
      </c>
      <c r="R28" s="25">
        <v>2550</v>
      </c>
      <c r="S28" s="25">
        <v>2550</v>
      </c>
      <c r="T28" s="25">
        <v>508845</v>
      </c>
      <c r="U28" s="25">
        <v>442275</v>
      </c>
      <c r="V28" s="25">
        <v>298200</v>
      </c>
      <c r="W28" s="28">
        <v>1254420</v>
      </c>
      <c r="X28" s="29">
        <v>1254420</v>
      </c>
      <c r="Y28" s="24">
        <v>0</v>
      </c>
      <c r="Z28" s="25">
        <v>0</v>
      </c>
      <c r="AA28" s="26">
        <v>0</v>
      </c>
      <c r="AB28" s="404">
        <v>0</v>
      </c>
      <c r="AC28" s="25">
        <v>31650</v>
      </c>
      <c r="AD28" s="25">
        <v>179250</v>
      </c>
      <c r="AE28" s="25">
        <v>84930</v>
      </c>
      <c r="AF28" s="25">
        <v>176865</v>
      </c>
      <c r="AG28" s="25">
        <v>76520</v>
      </c>
      <c r="AH28" s="28">
        <v>549215</v>
      </c>
      <c r="AI28" s="29">
        <v>549215</v>
      </c>
      <c r="AJ28" s="24">
        <v>0</v>
      </c>
      <c r="AK28" s="25">
        <v>0</v>
      </c>
      <c r="AL28" s="26">
        <v>0</v>
      </c>
      <c r="AM28" s="404">
        <v>0</v>
      </c>
      <c r="AN28" s="25">
        <v>0</v>
      </c>
      <c r="AO28" s="25">
        <v>0</v>
      </c>
      <c r="AP28" s="25">
        <v>0</v>
      </c>
      <c r="AQ28" s="25">
        <v>0</v>
      </c>
      <c r="AR28" s="25">
        <v>0</v>
      </c>
      <c r="AS28" s="28">
        <v>0</v>
      </c>
      <c r="AT28" s="29">
        <v>0</v>
      </c>
      <c r="AU28" s="24">
        <v>0</v>
      </c>
      <c r="AV28" s="25">
        <v>0</v>
      </c>
      <c r="AW28" s="26">
        <v>0</v>
      </c>
      <c r="AX28" s="404">
        <v>0</v>
      </c>
      <c r="AY28" s="25">
        <v>0</v>
      </c>
      <c r="AZ28" s="25">
        <v>0</v>
      </c>
      <c r="BA28" s="25">
        <v>0</v>
      </c>
      <c r="BB28" s="25">
        <v>0</v>
      </c>
      <c r="BC28" s="25">
        <v>31650</v>
      </c>
      <c r="BD28" s="28">
        <v>31650</v>
      </c>
      <c r="BE28" s="29">
        <v>31650</v>
      </c>
      <c r="BF28" s="24">
        <v>0</v>
      </c>
      <c r="BG28" s="25">
        <v>0</v>
      </c>
      <c r="BH28" s="26">
        <v>0</v>
      </c>
      <c r="BI28" s="404">
        <v>0</v>
      </c>
      <c r="BJ28" s="25">
        <v>0</v>
      </c>
      <c r="BK28" s="25">
        <v>0</v>
      </c>
      <c r="BL28" s="25">
        <v>0</v>
      </c>
      <c r="BM28" s="25">
        <v>0</v>
      </c>
      <c r="BN28" s="25">
        <v>0</v>
      </c>
      <c r="BO28" s="28">
        <v>0</v>
      </c>
      <c r="BP28" s="29">
        <v>0</v>
      </c>
      <c r="BQ28" s="24">
        <v>0</v>
      </c>
      <c r="BR28" s="25">
        <v>0</v>
      </c>
      <c r="BS28" s="26">
        <v>0</v>
      </c>
      <c r="BT28" s="27">
        <v>0</v>
      </c>
      <c r="BU28" s="25">
        <v>12838</v>
      </c>
      <c r="BV28" s="25">
        <v>10760</v>
      </c>
      <c r="BW28" s="25">
        <v>97460</v>
      </c>
      <c r="BX28" s="25">
        <v>49889</v>
      </c>
      <c r="BY28" s="25">
        <v>7295</v>
      </c>
      <c r="BZ28" s="28">
        <v>178242</v>
      </c>
      <c r="CA28" s="29">
        <v>178242</v>
      </c>
      <c r="CB28" s="24">
        <v>0</v>
      </c>
      <c r="CC28" s="25">
        <v>0</v>
      </c>
      <c r="CD28" s="26">
        <v>0</v>
      </c>
      <c r="CE28" s="27">
        <v>0</v>
      </c>
      <c r="CF28" s="25">
        <v>0</v>
      </c>
      <c r="CG28" s="25">
        <v>0</v>
      </c>
      <c r="CH28" s="25">
        <v>1895</v>
      </c>
      <c r="CI28" s="25">
        <v>0</v>
      </c>
      <c r="CJ28" s="25">
        <v>0</v>
      </c>
      <c r="CK28" s="28">
        <v>1895</v>
      </c>
      <c r="CL28" s="29">
        <v>1895</v>
      </c>
      <c r="CM28" s="24">
        <v>0</v>
      </c>
      <c r="CN28" s="25">
        <v>0</v>
      </c>
      <c r="CO28" s="26">
        <v>0</v>
      </c>
      <c r="CP28" s="27">
        <v>0</v>
      </c>
      <c r="CQ28" s="25">
        <v>0</v>
      </c>
      <c r="CR28" s="25">
        <v>0</v>
      </c>
      <c r="CS28" s="25">
        <v>0</v>
      </c>
      <c r="CT28" s="25">
        <v>0</v>
      </c>
      <c r="CU28" s="25">
        <v>0</v>
      </c>
      <c r="CV28" s="28">
        <v>0</v>
      </c>
      <c r="CW28" s="29">
        <v>0</v>
      </c>
      <c r="CX28" s="24">
        <v>0</v>
      </c>
      <c r="CY28" s="25">
        <v>0</v>
      </c>
      <c r="CZ28" s="26">
        <v>0</v>
      </c>
      <c r="DA28" s="404">
        <v>0</v>
      </c>
      <c r="DB28" s="25">
        <v>0</v>
      </c>
      <c r="DC28" s="25">
        <v>0</v>
      </c>
      <c r="DD28" s="25">
        <v>0</v>
      </c>
      <c r="DE28" s="25">
        <v>0</v>
      </c>
      <c r="DF28" s="25">
        <v>0</v>
      </c>
      <c r="DG28" s="28">
        <v>0</v>
      </c>
      <c r="DH28" s="29">
        <v>0</v>
      </c>
      <c r="DI28" s="24">
        <v>0</v>
      </c>
      <c r="DJ28" s="25">
        <v>0</v>
      </c>
      <c r="DK28" s="26">
        <v>0</v>
      </c>
      <c r="DL28" s="27">
        <v>0</v>
      </c>
      <c r="DM28" s="25">
        <v>26159</v>
      </c>
      <c r="DN28" s="25">
        <v>53913</v>
      </c>
      <c r="DO28" s="25">
        <v>725607</v>
      </c>
      <c r="DP28" s="25">
        <v>916191</v>
      </c>
      <c r="DQ28" s="25">
        <v>269501</v>
      </c>
      <c r="DR28" s="28">
        <v>1991371</v>
      </c>
      <c r="DS28" s="30">
        <v>1991371</v>
      </c>
      <c r="DT28" s="24">
        <v>0</v>
      </c>
      <c r="DU28" s="25">
        <v>0</v>
      </c>
      <c r="DV28" s="26">
        <v>0</v>
      </c>
      <c r="DW28" s="404">
        <v>0</v>
      </c>
      <c r="DX28" s="25">
        <v>14550</v>
      </c>
      <c r="DY28" s="25">
        <v>14550</v>
      </c>
      <c r="DZ28" s="25">
        <v>641798</v>
      </c>
      <c r="EA28" s="25">
        <v>817897</v>
      </c>
      <c r="EB28" s="25">
        <v>244470</v>
      </c>
      <c r="EC28" s="28">
        <v>1733265</v>
      </c>
      <c r="ED28" s="29">
        <v>1733265</v>
      </c>
      <c r="EE28" s="24">
        <v>0</v>
      </c>
      <c r="EF28" s="25">
        <v>0</v>
      </c>
      <c r="EG28" s="26">
        <v>0</v>
      </c>
      <c r="EH28" s="404">
        <v>0</v>
      </c>
      <c r="EI28" s="25">
        <v>210</v>
      </c>
      <c r="EJ28" s="25">
        <v>13410</v>
      </c>
      <c r="EK28" s="25">
        <v>2902</v>
      </c>
      <c r="EL28" s="25">
        <v>27870</v>
      </c>
      <c r="EM28" s="25">
        <v>14147</v>
      </c>
      <c r="EN28" s="28">
        <v>58539</v>
      </c>
      <c r="EO28" s="29">
        <v>58539</v>
      </c>
      <c r="EP28" s="24">
        <v>0</v>
      </c>
      <c r="EQ28" s="25">
        <v>0</v>
      </c>
      <c r="ER28" s="26">
        <v>0</v>
      </c>
      <c r="ES28" s="404">
        <v>0</v>
      </c>
      <c r="ET28" s="25">
        <v>0</v>
      </c>
      <c r="EU28" s="25">
        <v>0</v>
      </c>
      <c r="EV28" s="25">
        <v>0</v>
      </c>
      <c r="EW28" s="25">
        <v>0</v>
      </c>
      <c r="EX28" s="25">
        <v>0</v>
      </c>
      <c r="EY28" s="28">
        <v>0</v>
      </c>
      <c r="EZ28" s="29">
        <v>0</v>
      </c>
      <c r="FA28" s="24">
        <v>0</v>
      </c>
      <c r="FB28" s="25">
        <v>0</v>
      </c>
      <c r="FC28" s="26">
        <v>0</v>
      </c>
      <c r="FD28" s="404">
        <v>0</v>
      </c>
      <c r="FE28" s="25">
        <v>0</v>
      </c>
      <c r="FF28" s="25">
        <v>0</v>
      </c>
      <c r="FG28" s="25">
        <v>0</v>
      </c>
      <c r="FH28" s="25">
        <v>0</v>
      </c>
      <c r="FI28" s="25">
        <v>210</v>
      </c>
      <c r="FJ28" s="28">
        <v>210</v>
      </c>
      <c r="FK28" s="29">
        <v>210</v>
      </c>
      <c r="FL28" s="24">
        <v>0</v>
      </c>
      <c r="FM28" s="25">
        <v>0</v>
      </c>
      <c r="FN28" s="26">
        <v>0</v>
      </c>
      <c r="FO28" s="404">
        <v>0</v>
      </c>
      <c r="FP28" s="25">
        <v>0</v>
      </c>
      <c r="FQ28" s="25">
        <v>0</v>
      </c>
      <c r="FR28" s="25">
        <v>0</v>
      </c>
      <c r="FS28" s="25">
        <v>0</v>
      </c>
      <c r="FT28" s="25">
        <v>0</v>
      </c>
      <c r="FU28" s="28">
        <v>0</v>
      </c>
      <c r="FV28" s="29">
        <v>0</v>
      </c>
      <c r="FW28" s="24">
        <v>0</v>
      </c>
      <c r="FX28" s="25">
        <v>0</v>
      </c>
      <c r="FY28" s="26">
        <v>0</v>
      </c>
      <c r="FZ28" s="27">
        <v>0</v>
      </c>
      <c r="GA28" s="25">
        <v>11399</v>
      </c>
      <c r="GB28" s="25">
        <v>25953</v>
      </c>
      <c r="GC28" s="25">
        <v>80809</v>
      </c>
      <c r="GD28" s="25">
        <v>70424</v>
      </c>
      <c r="GE28" s="25">
        <v>10674</v>
      </c>
      <c r="GF28" s="28">
        <v>199259</v>
      </c>
      <c r="GG28" s="29">
        <v>199259</v>
      </c>
      <c r="GH28" s="24">
        <v>0</v>
      </c>
      <c r="GI28" s="25">
        <v>0</v>
      </c>
      <c r="GJ28" s="26">
        <v>0</v>
      </c>
      <c r="GK28" s="27">
        <v>0</v>
      </c>
      <c r="GL28" s="25">
        <v>0</v>
      </c>
      <c r="GM28" s="25">
        <v>0</v>
      </c>
      <c r="GN28" s="25">
        <v>98</v>
      </c>
      <c r="GO28" s="25">
        <v>0</v>
      </c>
      <c r="GP28" s="25">
        <v>0</v>
      </c>
      <c r="GQ28" s="28">
        <v>98</v>
      </c>
      <c r="GR28" s="29">
        <v>98</v>
      </c>
      <c r="GS28" s="24">
        <v>0</v>
      </c>
      <c r="GT28" s="25">
        <v>0</v>
      </c>
      <c r="GU28" s="26">
        <v>0</v>
      </c>
      <c r="GV28" s="27">
        <v>0</v>
      </c>
      <c r="GW28" s="25">
        <v>0</v>
      </c>
      <c r="GX28" s="25">
        <v>0</v>
      </c>
      <c r="GY28" s="25">
        <v>0</v>
      </c>
      <c r="GZ28" s="25">
        <v>0</v>
      </c>
      <c r="HA28" s="25">
        <v>0</v>
      </c>
      <c r="HB28" s="28">
        <v>0</v>
      </c>
      <c r="HC28" s="29">
        <v>0</v>
      </c>
      <c r="HD28" s="24">
        <v>0</v>
      </c>
      <c r="HE28" s="25">
        <v>0</v>
      </c>
      <c r="HF28" s="26">
        <v>0</v>
      </c>
      <c r="HG28" s="404">
        <v>0</v>
      </c>
      <c r="HH28" s="25">
        <v>0</v>
      </c>
      <c r="HI28" s="25">
        <v>0</v>
      </c>
      <c r="HJ28" s="25">
        <v>0</v>
      </c>
      <c r="HK28" s="25">
        <v>0</v>
      </c>
      <c r="HL28" s="25">
        <v>0</v>
      </c>
      <c r="HM28" s="28">
        <v>0</v>
      </c>
      <c r="HN28" s="29">
        <v>0</v>
      </c>
      <c r="HO28" s="24">
        <v>0</v>
      </c>
      <c r="HP28" s="25">
        <v>0</v>
      </c>
      <c r="HQ28" s="26">
        <v>0</v>
      </c>
      <c r="HR28" s="27">
        <v>0</v>
      </c>
      <c r="HS28" s="25">
        <v>73197</v>
      </c>
      <c r="HT28" s="25">
        <v>246473</v>
      </c>
      <c r="HU28" s="25">
        <v>1418737</v>
      </c>
      <c r="HV28" s="25">
        <v>1585220</v>
      </c>
      <c r="HW28" s="25">
        <v>683166</v>
      </c>
      <c r="HX28" s="28">
        <v>4006793</v>
      </c>
      <c r="HY28" s="29">
        <v>4006793</v>
      </c>
    </row>
    <row r="29" spans="2:233" ht="21" customHeight="1" x14ac:dyDescent="0.2">
      <c r="B29" s="106" t="s">
        <v>26</v>
      </c>
      <c r="C29" s="24">
        <v>0</v>
      </c>
      <c r="D29" s="25">
        <v>0</v>
      </c>
      <c r="E29" s="26">
        <v>0</v>
      </c>
      <c r="F29" s="27">
        <v>0</v>
      </c>
      <c r="G29" s="25">
        <v>35275</v>
      </c>
      <c r="H29" s="25">
        <v>95929</v>
      </c>
      <c r="I29" s="25">
        <v>379130</v>
      </c>
      <c r="J29" s="25">
        <v>833973</v>
      </c>
      <c r="K29" s="25">
        <v>494580</v>
      </c>
      <c r="L29" s="28">
        <v>1838887</v>
      </c>
      <c r="M29" s="29">
        <v>1838887</v>
      </c>
      <c r="N29" s="24">
        <v>0</v>
      </c>
      <c r="O29" s="25">
        <v>0</v>
      </c>
      <c r="P29" s="26">
        <v>0</v>
      </c>
      <c r="Q29" s="404">
        <v>0</v>
      </c>
      <c r="R29" s="25">
        <v>0</v>
      </c>
      <c r="S29" s="25">
        <v>30300</v>
      </c>
      <c r="T29" s="25">
        <v>130130</v>
      </c>
      <c r="U29" s="25">
        <v>483945</v>
      </c>
      <c r="V29" s="25">
        <v>394945</v>
      </c>
      <c r="W29" s="28">
        <v>1039320</v>
      </c>
      <c r="X29" s="29">
        <v>1039320</v>
      </c>
      <c r="Y29" s="24">
        <v>0</v>
      </c>
      <c r="Z29" s="25">
        <v>0</v>
      </c>
      <c r="AA29" s="26">
        <v>0</v>
      </c>
      <c r="AB29" s="404">
        <v>0</v>
      </c>
      <c r="AC29" s="25">
        <v>31650</v>
      </c>
      <c r="AD29" s="25">
        <v>41850</v>
      </c>
      <c r="AE29" s="25">
        <v>217445</v>
      </c>
      <c r="AF29" s="25">
        <v>279443</v>
      </c>
      <c r="AG29" s="25">
        <v>73360</v>
      </c>
      <c r="AH29" s="28">
        <v>643748</v>
      </c>
      <c r="AI29" s="29">
        <v>643748</v>
      </c>
      <c r="AJ29" s="24">
        <v>0</v>
      </c>
      <c r="AK29" s="25">
        <v>0</v>
      </c>
      <c r="AL29" s="26">
        <v>0</v>
      </c>
      <c r="AM29" s="404">
        <v>0</v>
      </c>
      <c r="AN29" s="25">
        <v>0</v>
      </c>
      <c r="AO29" s="25">
        <v>0</v>
      </c>
      <c r="AP29" s="25">
        <v>0</v>
      </c>
      <c r="AQ29" s="25">
        <v>0</v>
      </c>
      <c r="AR29" s="25">
        <v>0</v>
      </c>
      <c r="AS29" s="28">
        <v>0</v>
      </c>
      <c r="AT29" s="29">
        <v>0</v>
      </c>
      <c r="AU29" s="24">
        <v>0</v>
      </c>
      <c r="AV29" s="25">
        <v>0</v>
      </c>
      <c r="AW29" s="26">
        <v>0</v>
      </c>
      <c r="AX29" s="404">
        <v>0</v>
      </c>
      <c r="AY29" s="25">
        <v>0</v>
      </c>
      <c r="AZ29" s="25">
        <v>0</v>
      </c>
      <c r="BA29" s="25">
        <v>2550</v>
      </c>
      <c r="BB29" s="25">
        <v>31650</v>
      </c>
      <c r="BC29" s="25">
        <v>4845</v>
      </c>
      <c r="BD29" s="28">
        <v>39045</v>
      </c>
      <c r="BE29" s="29">
        <v>39045</v>
      </c>
      <c r="BF29" s="24">
        <v>0</v>
      </c>
      <c r="BG29" s="25">
        <v>0</v>
      </c>
      <c r="BH29" s="26">
        <v>0</v>
      </c>
      <c r="BI29" s="404">
        <v>0</v>
      </c>
      <c r="BJ29" s="25">
        <v>0</v>
      </c>
      <c r="BK29" s="25">
        <v>0</v>
      </c>
      <c r="BL29" s="25">
        <v>0</v>
      </c>
      <c r="BM29" s="25">
        <v>0</v>
      </c>
      <c r="BN29" s="25">
        <v>0</v>
      </c>
      <c r="BO29" s="28">
        <v>0</v>
      </c>
      <c r="BP29" s="29">
        <v>0</v>
      </c>
      <c r="BQ29" s="24">
        <v>0</v>
      </c>
      <c r="BR29" s="25">
        <v>0</v>
      </c>
      <c r="BS29" s="26">
        <v>0</v>
      </c>
      <c r="BT29" s="27">
        <v>0</v>
      </c>
      <c r="BU29" s="25">
        <v>3625</v>
      </c>
      <c r="BV29" s="25">
        <v>22444</v>
      </c>
      <c r="BW29" s="25">
        <v>29005</v>
      </c>
      <c r="BX29" s="25">
        <v>37050</v>
      </c>
      <c r="BY29" s="25">
        <v>21430</v>
      </c>
      <c r="BZ29" s="28">
        <v>113554</v>
      </c>
      <c r="CA29" s="29">
        <v>113554</v>
      </c>
      <c r="CB29" s="24">
        <v>0</v>
      </c>
      <c r="CC29" s="25">
        <v>0</v>
      </c>
      <c r="CD29" s="26">
        <v>0</v>
      </c>
      <c r="CE29" s="27">
        <v>0</v>
      </c>
      <c r="CF29" s="25">
        <v>0</v>
      </c>
      <c r="CG29" s="25">
        <v>1335</v>
      </c>
      <c r="CH29" s="25">
        <v>0</v>
      </c>
      <c r="CI29" s="25">
        <v>1885</v>
      </c>
      <c r="CJ29" s="25">
        <v>0</v>
      </c>
      <c r="CK29" s="28">
        <v>3220</v>
      </c>
      <c r="CL29" s="29">
        <v>3220</v>
      </c>
      <c r="CM29" s="24">
        <v>0</v>
      </c>
      <c r="CN29" s="25">
        <v>0</v>
      </c>
      <c r="CO29" s="26">
        <v>0</v>
      </c>
      <c r="CP29" s="27">
        <v>0</v>
      </c>
      <c r="CQ29" s="25">
        <v>0</v>
      </c>
      <c r="CR29" s="25">
        <v>0</v>
      </c>
      <c r="CS29" s="25">
        <v>0</v>
      </c>
      <c r="CT29" s="25">
        <v>0</v>
      </c>
      <c r="CU29" s="25">
        <v>0</v>
      </c>
      <c r="CV29" s="28">
        <v>0</v>
      </c>
      <c r="CW29" s="29">
        <v>0</v>
      </c>
      <c r="CX29" s="24">
        <v>0</v>
      </c>
      <c r="CY29" s="25">
        <v>0</v>
      </c>
      <c r="CZ29" s="26">
        <v>0</v>
      </c>
      <c r="DA29" s="404">
        <v>0</v>
      </c>
      <c r="DB29" s="25">
        <v>0</v>
      </c>
      <c r="DC29" s="25">
        <v>0</v>
      </c>
      <c r="DD29" s="25">
        <v>0</v>
      </c>
      <c r="DE29" s="25">
        <v>0</v>
      </c>
      <c r="DF29" s="25">
        <v>0</v>
      </c>
      <c r="DG29" s="28">
        <v>0</v>
      </c>
      <c r="DH29" s="29">
        <v>0</v>
      </c>
      <c r="DI29" s="24">
        <v>0</v>
      </c>
      <c r="DJ29" s="25">
        <v>0</v>
      </c>
      <c r="DK29" s="26">
        <v>0</v>
      </c>
      <c r="DL29" s="27">
        <v>0</v>
      </c>
      <c r="DM29" s="25">
        <v>19371</v>
      </c>
      <c r="DN29" s="25">
        <v>92874</v>
      </c>
      <c r="DO29" s="25">
        <v>299299</v>
      </c>
      <c r="DP29" s="25">
        <v>815852</v>
      </c>
      <c r="DQ29" s="25">
        <v>421746</v>
      </c>
      <c r="DR29" s="28">
        <v>1649142</v>
      </c>
      <c r="DS29" s="30">
        <v>1649142</v>
      </c>
      <c r="DT29" s="24">
        <v>0</v>
      </c>
      <c r="DU29" s="25">
        <v>0</v>
      </c>
      <c r="DV29" s="26">
        <v>0</v>
      </c>
      <c r="DW29" s="404">
        <v>0</v>
      </c>
      <c r="DX29" s="25">
        <v>0</v>
      </c>
      <c r="DY29" s="25">
        <v>54300</v>
      </c>
      <c r="DZ29" s="25">
        <v>226515</v>
      </c>
      <c r="EA29" s="25">
        <v>683115</v>
      </c>
      <c r="EB29" s="25">
        <v>374432</v>
      </c>
      <c r="EC29" s="28">
        <v>1338362</v>
      </c>
      <c r="ED29" s="29">
        <v>1338362</v>
      </c>
      <c r="EE29" s="24">
        <v>0</v>
      </c>
      <c r="EF29" s="25">
        <v>0</v>
      </c>
      <c r="EG29" s="26">
        <v>0</v>
      </c>
      <c r="EH29" s="404">
        <v>0</v>
      </c>
      <c r="EI29" s="25">
        <v>210</v>
      </c>
      <c r="EJ29" s="25">
        <v>1050</v>
      </c>
      <c r="EK29" s="25">
        <v>35567</v>
      </c>
      <c r="EL29" s="25">
        <v>59898</v>
      </c>
      <c r="EM29" s="25">
        <v>12150</v>
      </c>
      <c r="EN29" s="28">
        <v>108875</v>
      </c>
      <c r="EO29" s="29">
        <v>108875</v>
      </c>
      <c r="EP29" s="24">
        <v>0</v>
      </c>
      <c r="EQ29" s="25">
        <v>0</v>
      </c>
      <c r="ER29" s="26">
        <v>0</v>
      </c>
      <c r="ES29" s="404">
        <v>0</v>
      </c>
      <c r="ET29" s="25">
        <v>0</v>
      </c>
      <c r="EU29" s="25">
        <v>0</v>
      </c>
      <c r="EV29" s="25">
        <v>0</v>
      </c>
      <c r="EW29" s="25">
        <v>0</v>
      </c>
      <c r="EX29" s="25">
        <v>0</v>
      </c>
      <c r="EY29" s="28">
        <v>0</v>
      </c>
      <c r="EZ29" s="29">
        <v>0</v>
      </c>
      <c r="FA29" s="24">
        <v>0</v>
      </c>
      <c r="FB29" s="25">
        <v>0</v>
      </c>
      <c r="FC29" s="26">
        <v>0</v>
      </c>
      <c r="FD29" s="404">
        <v>0</v>
      </c>
      <c r="FE29" s="25">
        <v>0</v>
      </c>
      <c r="FF29" s="25">
        <v>0</v>
      </c>
      <c r="FG29" s="25">
        <v>210</v>
      </c>
      <c r="FH29" s="25">
        <v>210</v>
      </c>
      <c r="FI29" s="25">
        <v>420</v>
      </c>
      <c r="FJ29" s="28">
        <v>840</v>
      </c>
      <c r="FK29" s="29">
        <v>840</v>
      </c>
      <c r="FL29" s="24">
        <v>0</v>
      </c>
      <c r="FM29" s="25">
        <v>0</v>
      </c>
      <c r="FN29" s="26">
        <v>0</v>
      </c>
      <c r="FO29" s="404">
        <v>0</v>
      </c>
      <c r="FP29" s="25">
        <v>0</v>
      </c>
      <c r="FQ29" s="25">
        <v>0</v>
      </c>
      <c r="FR29" s="25">
        <v>0</v>
      </c>
      <c r="FS29" s="25">
        <v>0</v>
      </c>
      <c r="FT29" s="25">
        <v>0</v>
      </c>
      <c r="FU29" s="28">
        <v>0</v>
      </c>
      <c r="FV29" s="29">
        <v>0</v>
      </c>
      <c r="FW29" s="24">
        <v>0</v>
      </c>
      <c r="FX29" s="25">
        <v>0</v>
      </c>
      <c r="FY29" s="26">
        <v>0</v>
      </c>
      <c r="FZ29" s="27">
        <v>0</v>
      </c>
      <c r="GA29" s="25">
        <v>19161</v>
      </c>
      <c r="GB29" s="25">
        <v>36450</v>
      </c>
      <c r="GC29" s="25">
        <v>37007</v>
      </c>
      <c r="GD29" s="25">
        <v>72538</v>
      </c>
      <c r="GE29" s="25">
        <v>34744</v>
      </c>
      <c r="GF29" s="28">
        <v>199900</v>
      </c>
      <c r="GG29" s="29">
        <v>199900</v>
      </c>
      <c r="GH29" s="24">
        <v>0</v>
      </c>
      <c r="GI29" s="25">
        <v>0</v>
      </c>
      <c r="GJ29" s="26">
        <v>0</v>
      </c>
      <c r="GK29" s="27">
        <v>0</v>
      </c>
      <c r="GL29" s="25">
        <v>0</v>
      </c>
      <c r="GM29" s="25">
        <v>1074</v>
      </c>
      <c r="GN29" s="25">
        <v>0</v>
      </c>
      <c r="GO29" s="25">
        <v>91</v>
      </c>
      <c r="GP29" s="25">
        <v>0</v>
      </c>
      <c r="GQ29" s="28">
        <v>1165</v>
      </c>
      <c r="GR29" s="29">
        <v>1165</v>
      </c>
      <c r="GS29" s="24">
        <v>0</v>
      </c>
      <c r="GT29" s="25">
        <v>0</v>
      </c>
      <c r="GU29" s="26">
        <v>0</v>
      </c>
      <c r="GV29" s="27">
        <v>0</v>
      </c>
      <c r="GW29" s="25">
        <v>0</v>
      </c>
      <c r="GX29" s="25">
        <v>0</v>
      </c>
      <c r="GY29" s="25">
        <v>0</v>
      </c>
      <c r="GZ29" s="25">
        <v>0</v>
      </c>
      <c r="HA29" s="25">
        <v>0</v>
      </c>
      <c r="HB29" s="28">
        <v>0</v>
      </c>
      <c r="HC29" s="29">
        <v>0</v>
      </c>
      <c r="HD29" s="24">
        <v>0</v>
      </c>
      <c r="HE29" s="25">
        <v>0</v>
      </c>
      <c r="HF29" s="26">
        <v>0</v>
      </c>
      <c r="HG29" s="404">
        <v>0</v>
      </c>
      <c r="HH29" s="25">
        <v>0</v>
      </c>
      <c r="HI29" s="25">
        <v>0</v>
      </c>
      <c r="HJ29" s="25">
        <v>0</v>
      </c>
      <c r="HK29" s="25">
        <v>0</v>
      </c>
      <c r="HL29" s="25">
        <v>0</v>
      </c>
      <c r="HM29" s="28">
        <v>0</v>
      </c>
      <c r="HN29" s="29">
        <v>0</v>
      </c>
      <c r="HO29" s="24">
        <v>0</v>
      </c>
      <c r="HP29" s="25">
        <v>0</v>
      </c>
      <c r="HQ29" s="26">
        <v>0</v>
      </c>
      <c r="HR29" s="27">
        <v>0</v>
      </c>
      <c r="HS29" s="25">
        <v>54646</v>
      </c>
      <c r="HT29" s="25">
        <v>188803</v>
      </c>
      <c r="HU29" s="25">
        <v>678429</v>
      </c>
      <c r="HV29" s="25">
        <v>1649825</v>
      </c>
      <c r="HW29" s="25">
        <v>916326</v>
      </c>
      <c r="HX29" s="28">
        <v>3488029</v>
      </c>
      <c r="HY29" s="29">
        <v>3488029</v>
      </c>
    </row>
    <row r="30" spans="2:233" ht="21" customHeight="1" x14ac:dyDescent="0.2">
      <c r="B30" s="106" t="s">
        <v>27</v>
      </c>
      <c r="C30" s="24">
        <v>0</v>
      </c>
      <c r="D30" s="25">
        <v>0</v>
      </c>
      <c r="E30" s="26">
        <v>0</v>
      </c>
      <c r="F30" s="27">
        <v>0</v>
      </c>
      <c r="G30" s="25">
        <v>42933</v>
      </c>
      <c r="H30" s="25">
        <v>119410</v>
      </c>
      <c r="I30" s="25">
        <v>519837</v>
      </c>
      <c r="J30" s="25">
        <v>889455</v>
      </c>
      <c r="K30" s="25">
        <v>368835</v>
      </c>
      <c r="L30" s="28">
        <v>1940470</v>
      </c>
      <c r="M30" s="29">
        <v>1940470</v>
      </c>
      <c r="N30" s="24">
        <v>0</v>
      </c>
      <c r="O30" s="25">
        <v>0</v>
      </c>
      <c r="P30" s="26">
        <v>0</v>
      </c>
      <c r="Q30" s="404">
        <v>0</v>
      </c>
      <c r="R30" s="25">
        <v>31650</v>
      </c>
      <c r="S30" s="25">
        <v>0</v>
      </c>
      <c r="T30" s="25">
        <v>305695</v>
      </c>
      <c r="U30" s="25">
        <v>668820</v>
      </c>
      <c r="V30" s="25">
        <v>363735</v>
      </c>
      <c r="W30" s="28">
        <v>1369900</v>
      </c>
      <c r="X30" s="29">
        <v>1369900</v>
      </c>
      <c r="Y30" s="24">
        <v>0</v>
      </c>
      <c r="Z30" s="25">
        <v>0</v>
      </c>
      <c r="AA30" s="26">
        <v>0</v>
      </c>
      <c r="AB30" s="404">
        <v>0</v>
      </c>
      <c r="AC30" s="25">
        <v>7650</v>
      </c>
      <c r="AD30" s="25">
        <v>113550</v>
      </c>
      <c r="AE30" s="25">
        <v>136605</v>
      </c>
      <c r="AF30" s="25">
        <v>184650</v>
      </c>
      <c r="AG30" s="25">
        <v>5100</v>
      </c>
      <c r="AH30" s="28">
        <v>447555</v>
      </c>
      <c r="AI30" s="29">
        <v>447555</v>
      </c>
      <c r="AJ30" s="24">
        <v>0</v>
      </c>
      <c r="AK30" s="25">
        <v>0</v>
      </c>
      <c r="AL30" s="26">
        <v>0</v>
      </c>
      <c r="AM30" s="404">
        <v>0</v>
      </c>
      <c r="AN30" s="25">
        <v>0</v>
      </c>
      <c r="AO30" s="25">
        <v>0</v>
      </c>
      <c r="AP30" s="25">
        <v>0</v>
      </c>
      <c r="AQ30" s="25">
        <v>0</v>
      </c>
      <c r="AR30" s="25">
        <v>0</v>
      </c>
      <c r="AS30" s="28">
        <v>0</v>
      </c>
      <c r="AT30" s="29">
        <v>0</v>
      </c>
      <c r="AU30" s="24">
        <v>0</v>
      </c>
      <c r="AV30" s="25">
        <v>0</v>
      </c>
      <c r="AW30" s="26">
        <v>0</v>
      </c>
      <c r="AX30" s="404">
        <v>0</v>
      </c>
      <c r="AY30" s="25">
        <v>0</v>
      </c>
      <c r="AZ30" s="25">
        <v>0</v>
      </c>
      <c r="BA30" s="25">
        <v>0</v>
      </c>
      <c r="BB30" s="25">
        <v>0</v>
      </c>
      <c r="BC30" s="25">
        <v>0</v>
      </c>
      <c r="BD30" s="28">
        <v>0</v>
      </c>
      <c r="BE30" s="29">
        <v>0</v>
      </c>
      <c r="BF30" s="24">
        <v>0</v>
      </c>
      <c r="BG30" s="25">
        <v>0</v>
      </c>
      <c r="BH30" s="26">
        <v>0</v>
      </c>
      <c r="BI30" s="404">
        <v>0</v>
      </c>
      <c r="BJ30" s="25">
        <v>0</v>
      </c>
      <c r="BK30" s="25">
        <v>0</v>
      </c>
      <c r="BL30" s="25">
        <v>58050</v>
      </c>
      <c r="BM30" s="25">
        <v>35985</v>
      </c>
      <c r="BN30" s="25">
        <v>0</v>
      </c>
      <c r="BO30" s="28">
        <v>94035</v>
      </c>
      <c r="BP30" s="29">
        <v>94035</v>
      </c>
      <c r="BQ30" s="24">
        <v>0</v>
      </c>
      <c r="BR30" s="25">
        <v>0</v>
      </c>
      <c r="BS30" s="26">
        <v>0</v>
      </c>
      <c r="BT30" s="27">
        <v>0</v>
      </c>
      <c r="BU30" s="25">
        <v>3633</v>
      </c>
      <c r="BV30" s="25">
        <v>5860</v>
      </c>
      <c r="BW30" s="25">
        <v>19487</v>
      </c>
      <c r="BX30" s="25">
        <v>0</v>
      </c>
      <c r="BY30" s="25">
        <v>0</v>
      </c>
      <c r="BZ30" s="28">
        <v>28980</v>
      </c>
      <c r="CA30" s="29">
        <v>28980</v>
      </c>
      <c r="CB30" s="24">
        <v>0</v>
      </c>
      <c r="CC30" s="25">
        <v>0</v>
      </c>
      <c r="CD30" s="26">
        <v>0</v>
      </c>
      <c r="CE30" s="27">
        <v>0</v>
      </c>
      <c r="CF30" s="25">
        <v>0</v>
      </c>
      <c r="CG30" s="25">
        <v>0</v>
      </c>
      <c r="CH30" s="25">
        <v>0</v>
      </c>
      <c r="CI30" s="25">
        <v>0</v>
      </c>
      <c r="CJ30" s="25">
        <v>0</v>
      </c>
      <c r="CK30" s="28">
        <v>0</v>
      </c>
      <c r="CL30" s="29">
        <v>0</v>
      </c>
      <c r="CM30" s="24">
        <v>0</v>
      </c>
      <c r="CN30" s="25">
        <v>0</v>
      </c>
      <c r="CO30" s="26">
        <v>0</v>
      </c>
      <c r="CP30" s="27">
        <v>0</v>
      </c>
      <c r="CQ30" s="25">
        <v>0</v>
      </c>
      <c r="CR30" s="25">
        <v>0</v>
      </c>
      <c r="CS30" s="25">
        <v>0</v>
      </c>
      <c r="CT30" s="25">
        <v>0</v>
      </c>
      <c r="CU30" s="25">
        <v>0</v>
      </c>
      <c r="CV30" s="28">
        <v>0</v>
      </c>
      <c r="CW30" s="29">
        <v>0</v>
      </c>
      <c r="CX30" s="24">
        <v>0</v>
      </c>
      <c r="CY30" s="25">
        <v>0</v>
      </c>
      <c r="CZ30" s="26">
        <v>0</v>
      </c>
      <c r="DA30" s="404">
        <v>0</v>
      </c>
      <c r="DB30" s="25">
        <v>0</v>
      </c>
      <c r="DC30" s="25">
        <v>0</v>
      </c>
      <c r="DD30" s="25">
        <v>0</v>
      </c>
      <c r="DE30" s="25">
        <v>0</v>
      </c>
      <c r="DF30" s="25">
        <v>0</v>
      </c>
      <c r="DG30" s="28">
        <v>0</v>
      </c>
      <c r="DH30" s="29">
        <v>0</v>
      </c>
      <c r="DI30" s="24">
        <v>0</v>
      </c>
      <c r="DJ30" s="25">
        <v>0</v>
      </c>
      <c r="DK30" s="26">
        <v>0</v>
      </c>
      <c r="DL30" s="27">
        <v>0</v>
      </c>
      <c r="DM30" s="25">
        <v>32045</v>
      </c>
      <c r="DN30" s="25">
        <v>7947</v>
      </c>
      <c r="DO30" s="25">
        <v>370155</v>
      </c>
      <c r="DP30" s="25">
        <v>736861</v>
      </c>
      <c r="DQ30" s="25">
        <v>356240</v>
      </c>
      <c r="DR30" s="28">
        <v>1503248</v>
      </c>
      <c r="DS30" s="30">
        <v>1503248</v>
      </c>
      <c r="DT30" s="24">
        <v>0</v>
      </c>
      <c r="DU30" s="25">
        <v>0</v>
      </c>
      <c r="DV30" s="26">
        <v>0</v>
      </c>
      <c r="DW30" s="404">
        <v>0</v>
      </c>
      <c r="DX30" s="25">
        <v>14100</v>
      </c>
      <c r="DY30" s="25">
        <v>0</v>
      </c>
      <c r="DZ30" s="25">
        <v>276400</v>
      </c>
      <c r="EA30" s="25">
        <v>561445</v>
      </c>
      <c r="EB30" s="25">
        <v>346130</v>
      </c>
      <c r="EC30" s="28">
        <v>1198075</v>
      </c>
      <c r="ED30" s="29">
        <v>1198075</v>
      </c>
      <c r="EE30" s="24">
        <v>0</v>
      </c>
      <c r="EF30" s="25">
        <v>0</v>
      </c>
      <c r="EG30" s="26">
        <v>0</v>
      </c>
      <c r="EH30" s="404">
        <v>0</v>
      </c>
      <c r="EI30" s="25">
        <v>10320</v>
      </c>
      <c r="EJ30" s="25">
        <v>1050</v>
      </c>
      <c r="EK30" s="25">
        <v>1260</v>
      </c>
      <c r="EL30" s="25">
        <v>104340</v>
      </c>
      <c r="EM30" s="25">
        <v>10110</v>
      </c>
      <c r="EN30" s="28">
        <v>127080</v>
      </c>
      <c r="EO30" s="29">
        <v>127080</v>
      </c>
      <c r="EP30" s="24">
        <v>0</v>
      </c>
      <c r="EQ30" s="25">
        <v>0</v>
      </c>
      <c r="ER30" s="26">
        <v>0</v>
      </c>
      <c r="ES30" s="404">
        <v>0</v>
      </c>
      <c r="ET30" s="25">
        <v>0</v>
      </c>
      <c r="EU30" s="25">
        <v>0</v>
      </c>
      <c r="EV30" s="25">
        <v>0</v>
      </c>
      <c r="EW30" s="25">
        <v>0</v>
      </c>
      <c r="EX30" s="25">
        <v>0</v>
      </c>
      <c r="EY30" s="28">
        <v>0</v>
      </c>
      <c r="EZ30" s="29">
        <v>0</v>
      </c>
      <c r="FA30" s="24">
        <v>0</v>
      </c>
      <c r="FB30" s="25">
        <v>0</v>
      </c>
      <c r="FC30" s="26">
        <v>0</v>
      </c>
      <c r="FD30" s="404">
        <v>0</v>
      </c>
      <c r="FE30" s="25">
        <v>0</v>
      </c>
      <c r="FF30" s="25">
        <v>0</v>
      </c>
      <c r="FG30" s="25">
        <v>0</v>
      </c>
      <c r="FH30" s="25">
        <v>0</v>
      </c>
      <c r="FI30" s="25">
        <v>0</v>
      </c>
      <c r="FJ30" s="28">
        <v>0</v>
      </c>
      <c r="FK30" s="29">
        <v>0</v>
      </c>
      <c r="FL30" s="24">
        <v>0</v>
      </c>
      <c r="FM30" s="25">
        <v>0</v>
      </c>
      <c r="FN30" s="26">
        <v>0</v>
      </c>
      <c r="FO30" s="404">
        <v>0</v>
      </c>
      <c r="FP30" s="25">
        <v>0</v>
      </c>
      <c r="FQ30" s="25">
        <v>0</v>
      </c>
      <c r="FR30" s="25">
        <v>77340</v>
      </c>
      <c r="FS30" s="25">
        <v>71076</v>
      </c>
      <c r="FT30" s="25">
        <v>0</v>
      </c>
      <c r="FU30" s="28">
        <v>148416</v>
      </c>
      <c r="FV30" s="29">
        <v>148416</v>
      </c>
      <c r="FW30" s="24">
        <v>0</v>
      </c>
      <c r="FX30" s="25">
        <v>0</v>
      </c>
      <c r="FY30" s="26">
        <v>0</v>
      </c>
      <c r="FZ30" s="27">
        <v>0</v>
      </c>
      <c r="GA30" s="25">
        <v>7625</v>
      </c>
      <c r="GB30" s="25">
        <v>6897</v>
      </c>
      <c r="GC30" s="25">
        <v>15155</v>
      </c>
      <c r="GD30" s="25">
        <v>0</v>
      </c>
      <c r="GE30" s="25">
        <v>0</v>
      </c>
      <c r="GF30" s="28">
        <v>29677</v>
      </c>
      <c r="GG30" s="29">
        <v>29677</v>
      </c>
      <c r="GH30" s="24">
        <v>0</v>
      </c>
      <c r="GI30" s="25">
        <v>0</v>
      </c>
      <c r="GJ30" s="26">
        <v>0</v>
      </c>
      <c r="GK30" s="27">
        <v>0</v>
      </c>
      <c r="GL30" s="25">
        <v>0</v>
      </c>
      <c r="GM30" s="25">
        <v>0</v>
      </c>
      <c r="GN30" s="25">
        <v>0</v>
      </c>
      <c r="GO30" s="25">
        <v>0</v>
      </c>
      <c r="GP30" s="25">
        <v>0</v>
      </c>
      <c r="GQ30" s="28">
        <v>0</v>
      </c>
      <c r="GR30" s="29">
        <v>0</v>
      </c>
      <c r="GS30" s="24">
        <v>0</v>
      </c>
      <c r="GT30" s="25">
        <v>0</v>
      </c>
      <c r="GU30" s="26">
        <v>0</v>
      </c>
      <c r="GV30" s="27">
        <v>0</v>
      </c>
      <c r="GW30" s="25">
        <v>0</v>
      </c>
      <c r="GX30" s="25">
        <v>0</v>
      </c>
      <c r="GY30" s="25">
        <v>0</v>
      </c>
      <c r="GZ30" s="25">
        <v>0</v>
      </c>
      <c r="HA30" s="25">
        <v>0</v>
      </c>
      <c r="HB30" s="28">
        <v>0</v>
      </c>
      <c r="HC30" s="29">
        <v>0</v>
      </c>
      <c r="HD30" s="24">
        <v>0</v>
      </c>
      <c r="HE30" s="25">
        <v>0</v>
      </c>
      <c r="HF30" s="26">
        <v>0</v>
      </c>
      <c r="HG30" s="404">
        <v>0</v>
      </c>
      <c r="HH30" s="25">
        <v>0</v>
      </c>
      <c r="HI30" s="25">
        <v>0</v>
      </c>
      <c r="HJ30" s="25">
        <v>0</v>
      </c>
      <c r="HK30" s="25">
        <v>0</v>
      </c>
      <c r="HL30" s="25">
        <v>0</v>
      </c>
      <c r="HM30" s="28">
        <v>0</v>
      </c>
      <c r="HN30" s="29">
        <v>0</v>
      </c>
      <c r="HO30" s="24">
        <v>0</v>
      </c>
      <c r="HP30" s="25">
        <v>0</v>
      </c>
      <c r="HQ30" s="26">
        <v>0</v>
      </c>
      <c r="HR30" s="27">
        <v>0</v>
      </c>
      <c r="HS30" s="25">
        <v>74978</v>
      </c>
      <c r="HT30" s="25">
        <v>127357</v>
      </c>
      <c r="HU30" s="25">
        <v>889992</v>
      </c>
      <c r="HV30" s="25">
        <v>1626316</v>
      </c>
      <c r="HW30" s="25">
        <v>725075</v>
      </c>
      <c r="HX30" s="28">
        <v>3443718</v>
      </c>
      <c r="HY30" s="29">
        <v>3443718</v>
      </c>
    </row>
    <row r="31" spans="2:233" ht="21" customHeight="1" x14ac:dyDescent="0.2">
      <c r="B31" s="106" t="s">
        <v>28</v>
      </c>
      <c r="C31" s="24">
        <v>0</v>
      </c>
      <c r="D31" s="25">
        <v>0</v>
      </c>
      <c r="E31" s="26">
        <v>0</v>
      </c>
      <c r="F31" s="27">
        <v>0</v>
      </c>
      <c r="G31" s="25">
        <v>0</v>
      </c>
      <c r="H31" s="25">
        <v>36750</v>
      </c>
      <c r="I31" s="25">
        <v>245655</v>
      </c>
      <c r="J31" s="25">
        <v>250867</v>
      </c>
      <c r="K31" s="25">
        <v>102105</v>
      </c>
      <c r="L31" s="28">
        <v>635377</v>
      </c>
      <c r="M31" s="29">
        <v>635377</v>
      </c>
      <c r="N31" s="24">
        <v>0</v>
      </c>
      <c r="O31" s="25">
        <v>0</v>
      </c>
      <c r="P31" s="26">
        <v>0</v>
      </c>
      <c r="Q31" s="404">
        <v>0</v>
      </c>
      <c r="R31" s="25">
        <v>0</v>
      </c>
      <c r="S31" s="25">
        <v>0</v>
      </c>
      <c r="T31" s="25">
        <v>185250</v>
      </c>
      <c r="U31" s="25">
        <v>236750</v>
      </c>
      <c r="V31" s="25">
        <v>79050</v>
      </c>
      <c r="W31" s="28">
        <v>501050</v>
      </c>
      <c r="X31" s="29">
        <v>501050</v>
      </c>
      <c r="Y31" s="24">
        <v>0</v>
      </c>
      <c r="Z31" s="25">
        <v>0</v>
      </c>
      <c r="AA31" s="26">
        <v>0</v>
      </c>
      <c r="AB31" s="404">
        <v>0</v>
      </c>
      <c r="AC31" s="25">
        <v>0</v>
      </c>
      <c r="AD31" s="25">
        <v>36750</v>
      </c>
      <c r="AE31" s="25">
        <v>60405</v>
      </c>
      <c r="AF31" s="25">
        <v>2550</v>
      </c>
      <c r="AG31" s="25">
        <v>23055</v>
      </c>
      <c r="AH31" s="28">
        <v>122760</v>
      </c>
      <c r="AI31" s="29">
        <v>122760</v>
      </c>
      <c r="AJ31" s="24">
        <v>0</v>
      </c>
      <c r="AK31" s="25">
        <v>0</v>
      </c>
      <c r="AL31" s="26">
        <v>0</v>
      </c>
      <c r="AM31" s="404">
        <v>0</v>
      </c>
      <c r="AN31" s="25">
        <v>0</v>
      </c>
      <c r="AO31" s="25">
        <v>0</v>
      </c>
      <c r="AP31" s="25">
        <v>0</v>
      </c>
      <c r="AQ31" s="25">
        <v>0</v>
      </c>
      <c r="AR31" s="25">
        <v>0</v>
      </c>
      <c r="AS31" s="28">
        <v>0</v>
      </c>
      <c r="AT31" s="29">
        <v>0</v>
      </c>
      <c r="AU31" s="24">
        <v>0</v>
      </c>
      <c r="AV31" s="25">
        <v>0</v>
      </c>
      <c r="AW31" s="26">
        <v>0</v>
      </c>
      <c r="AX31" s="404">
        <v>0</v>
      </c>
      <c r="AY31" s="25">
        <v>0</v>
      </c>
      <c r="AZ31" s="25">
        <v>0</v>
      </c>
      <c r="BA31" s="25">
        <v>0</v>
      </c>
      <c r="BB31" s="25">
        <v>0</v>
      </c>
      <c r="BC31" s="25">
        <v>0</v>
      </c>
      <c r="BD31" s="28">
        <v>0</v>
      </c>
      <c r="BE31" s="29">
        <v>0</v>
      </c>
      <c r="BF31" s="24">
        <v>0</v>
      </c>
      <c r="BG31" s="25">
        <v>0</v>
      </c>
      <c r="BH31" s="26">
        <v>0</v>
      </c>
      <c r="BI31" s="404">
        <v>0</v>
      </c>
      <c r="BJ31" s="25">
        <v>0</v>
      </c>
      <c r="BK31" s="25">
        <v>0</v>
      </c>
      <c r="BL31" s="25">
        <v>0</v>
      </c>
      <c r="BM31" s="25">
        <v>0</v>
      </c>
      <c r="BN31" s="25">
        <v>0</v>
      </c>
      <c r="BO31" s="28">
        <v>0</v>
      </c>
      <c r="BP31" s="29">
        <v>0</v>
      </c>
      <c r="BQ31" s="24">
        <v>0</v>
      </c>
      <c r="BR31" s="25">
        <v>0</v>
      </c>
      <c r="BS31" s="26">
        <v>0</v>
      </c>
      <c r="BT31" s="27">
        <v>0</v>
      </c>
      <c r="BU31" s="25">
        <v>0</v>
      </c>
      <c r="BV31" s="25">
        <v>0</v>
      </c>
      <c r="BW31" s="25">
        <v>0</v>
      </c>
      <c r="BX31" s="25">
        <v>11567</v>
      </c>
      <c r="BY31" s="25">
        <v>0</v>
      </c>
      <c r="BZ31" s="28">
        <v>11567</v>
      </c>
      <c r="CA31" s="29">
        <v>11567</v>
      </c>
      <c r="CB31" s="24">
        <v>0</v>
      </c>
      <c r="CC31" s="25">
        <v>0</v>
      </c>
      <c r="CD31" s="26">
        <v>0</v>
      </c>
      <c r="CE31" s="27">
        <v>0</v>
      </c>
      <c r="CF31" s="25">
        <v>0</v>
      </c>
      <c r="CG31" s="25">
        <v>0</v>
      </c>
      <c r="CH31" s="25">
        <v>0</v>
      </c>
      <c r="CI31" s="25">
        <v>0</v>
      </c>
      <c r="CJ31" s="25">
        <v>0</v>
      </c>
      <c r="CK31" s="28">
        <v>0</v>
      </c>
      <c r="CL31" s="29">
        <v>0</v>
      </c>
      <c r="CM31" s="24">
        <v>0</v>
      </c>
      <c r="CN31" s="25">
        <v>0</v>
      </c>
      <c r="CO31" s="26">
        <v>0</v>
      </c>
      <c r="CP31" s="27">
        <v>0</v>
      </c>
      <c r="CQ31" s="25">
        <v>0</v>
      </c>
      <c r="CR31" s="25">
        <v>0</v>
      </c>
      <c r="CS31" s="25">
        <v>0</v>
      </c>
      <c r="CT31" s="25">
        <v>0</v>
      </c>
      <c r="CU31" s="25">
        <v>0</v>
      </c>
      <c r="CV31" s="28">
        <v>0</v>
      </c>
      <c r="CW31" s="29">
        <v>0</v>
      </c>
      <c r="CX31" s="24">
        <v>0</v>
      </c>
      <c r="CY31" s="25">
        <v>0</v>
      </c>
      <c r="CZ31" s="26">
        <v>0</v>
      </c>
      <c r="DA31" s="404">
        <v>0</v>
      </c>
      <c r="DB31" s="25">
        <v>0</v>
      </c>
      <c r="DC31" s="25">
        <v>0</v>
      </c>
      <c r="DD31" s="25">
        <v>0</v>
      </c>
      <c r="DE31" s="25">
        <v>0</v>
      </c>
      <c r="DF31" s="25">
        <v>0</v>
      </c>
      <c r="DG31" s="28">
        <v>0</v>
      </c>
      <c r="DH31" s="29">
        <v>0</v>
      </c>
      <c r="DI31" s="24">
        <v>0</v>
      </c>
      <c r="DJ31" s="25">
        <v>0</v>
      </c>
      <c r="DK31" s="26">
        <v>0</v>
      </c>
      <c r="DL31" s="27">
        <v>0</v>
      </c>
      <c r="DM31" s="25">
        <v>0</v>
      </c>
      <c r="DN31" s="25">
        <v>11160</v>
      </c>
      <c r="DO31" s="25">
        <v>205470</v>
      </c>
      <c r="DP31" s="25">
        <v>201605</v>
      </c>
      <c r="DQ31" s="25">
        <v>137543</v>
      </c>
      <c r="DR31" s="28">
        <v>555778</v>
      </c>
      <c r="DS31" s="30">
        <v>555778</v>
      </c>
      <c r="DT31" s="24">
        <v>0</v>
      </c>
      <c r="DU31" s="25">
        <v>0</v>
      </c>
      <c r="DV31" s="26">
        <v>0</v>
      </c>
      <c r="DW31" s="404">
        <v>0</v>
      </c>
      <c r="DX31" s="25">
        <v>0</v>
      </c>
      <c r="DY31" s="25">
        <v>0</v>
      </c>
      <c r="DZ31" s="25">
        <v>163290</v>
      </c>
      <c r="EA31" s="25">
        <v>190480</v>
      </c>
      <c r="EB31" s="25">
        <v>137340</v>
      </c>
      <c r="EC31" s="28">
        <v>491110</v>
      </c>
      <c r="ED31" s="29">
        <v>491110</v>
      </c>
      <c r="EE31" s="24">
        <v>0</v>
      </c>
      <c r="EF31" s="25">
        <v>0</v>
      </c>
      <c r="EG31" s="26">
        <v>0</v>
      </c>
      <c r="EH31" s="404">
        <v>0</v>
      </c>
      <c r="EI31" s="25">
        <v>0</v>
      </c>
      <c r="EJ31" s="25">
        <v>11160</v>
      </c>
      <c r="EK31" s="25">
        <v>42180</v>
      </c>
      <c r="EL31" s="25">
        <v>180</v>
      </c>
      <c r="EM31" s="25">
        <v>203</v>
      </c>
      <c r="EN31" s="28">
        <v>53723</v>
      </c>
      <c r="EO31" s="29">
        <v>53723</v>
      </c>
      <c r="EP31" s="24">
        <v>0</v>
      </c>
      <c r="EQ31" s="25">
        <v>0</v>
      </c>
      <c r="ER31" s="26">
        <v>0</v>
      </c>
      <c r="ES31" s="404">
        <v>0</v>
      </c>
      <c r="ET31" s="25">
        <v>0</v>
      </c>
      <c r="EU31" s="25">
        <v>0</v>
      </c>
      <c r="EV31" s="25">
        <v>0</v>
      </c>
      <c r="EW31" s="25">
        <v>0</v>
      </c>
      <c r="EX31" s="25">
        <v>0</v>
      </c>
      <c r="EY31" s="28">
        <v>0</v>
      </c>
      <c r="EZ31" s="29">
        <v>0</v>
      </c>
      <c r="FA31" s="24">
        <v>0</v>
      </c>
      <c r="FB31" s="25">
        <v>0</v>
      </c>
      <c r="FC31" s="26">
        <v>0</v>
      </c>
      <c r="FD31" s="404">
        <v>0</v>
      </c>
      <c r="FE31" s="25">
        <v>0</v>
      </c>
      <c r="FF31" s="25">
        <v>0</v>
      </c>
      <c r="FG31" s="25">
        <v>0</v>
      </c>
      <c r="FH31" s="25">
        <v>0</v>
      </c>
      <c r="FI31" s="25">
        <v>0</v>
      </c>
      <c r="FJ31" s="28">
        <v>0</v>
      </c>
      <c r="FK31" s="29">
        <v>0</v>
      </c>
      <c r="FL31" s="24">
        <v>0</v>
      </c>
      <c r="FM31" s="25">
        <v>0</v>
      </c>
      <c r="FN31" s="26">
        <v>0</v>
      </c>
      <c r="FO31" s="404">
        <v>0</v>
      </c>
      <c r="FP31" s="25">
        <v>0</v>
      </c>
      <c r="FQ31" s="25">
        <v>0</v>
      </c>
      <c r="FR31" s="25">
        <v>0</v>
      </c>
      <c r="FS31" s="25">
        <v>0</v>
      </c>
      <c r="FT31" s="25">
        <v>0</v>
      </c>
      <c r="FU31" s="28">
        <v>0</v>
      </c>
      <c r="FV31" s="29">
        <v>0</v>
      </c>
      <c r="FW31" s="24">
        <v>0</v>
      </c>
      <c r="FX31" s="25">
        <v>0</v>
      </c>
      <c r="FY31" s="26">
        <v>0</v>
      </c>
      <c r="FZ31" s="27">
        <v>0</v>
      </c>
      <c r="GA31" s="25">
        <v>0</v>
      </c>
      <c r="GB31" s="25">
        <v>0</v>
      </c>
      <c r="GC31" s="25">
        <v>0</v>
      </c>
      <c r="GD31" s="25">
        <v>10945</v>
      </c>
      <c r="GE31" s="25">
        <v>0</v>
      </c>
      <c r="GF31" s="28">
        <v>10945</v>
      </c>
      <c r="GG31" s="29">
        <v>10945</v>
      </c>
      <c r="GH31" s="24">
        <v>0</v>
      </c>
      <c r="GI31" s="25">
        <v>0</v>
      </c>
      <c r="GJ31" s="26">
        <v>0</v>
      </c>
      <c r="GK31" s="27">
        <v>0</v>
      </c>
      <c r="GL31" s="25">
        <v>0</v>
      </c>
      <c r="GM31" s="25">
        <v>0</v>
      </c>
      <c r="GN31" s="25">
        <v>0</v>
      </c>
      <c r="GO31" s="25">
        <v>0</v>
      </c>
      <c r="GP31" s="25">
        <v>0</v>
      </c>
      <c r="GQ31" s="28">
        <v>0</v>
      </c>
      <c r="GR31" s="29">
        <v>0</v>
      </c>
      <c r="GS31" s="24">
        <v>0</v>
      </c>
      <c r="GT31" s="25">
        <v>0</v>
      </c>
      <c r="GU31" s="26">
        <v>0</v>
      </c>
      <c r="GV31" s="27">
        <v>0</v>
      </c>
      <c r="GW31" s="25">
        <v>0</v>
      </c>
      <c r="GX31" s="25">
        <v>0</v>
      </c>
      <c r="GY31" s="25">
        <v>0</v>
      </c>
      <c r="GZ31" s="25">
        <v>0</v>
      </c>
      <c r="HA31" s="25">
        <v>0</v>
      </c>
      <c r="HB31" s="28">
        <v>0</v>
      </c>
      <c r="HC31" s="29">
        <v>0</v>
      </c>
      <c r="HD31" s="24">
        <v>0</v>
      </c>
      <c r="HE31" s="25">
        <v>0</v>
      </c>
      <c r="HF31" s="26">
        <v>0</v>
      </c>
      <c r="HG31" s="404">
        <v>0</v>
      </c>
      <c r="HH31" s="25">
        <v>0</v>
      </c>
      <c r="HI31" s="25">
        <v>0</v>
      </c>
      <c r="HJ31" s="25">
        <v>0</v>
      </c>
      <c r="HK31" s="25">
        <v>0</v>
      </c>
      <c r="HL31" s="25">
        <v>0</v>
      </c>
      <c r="HM31" s="28">
        <v>0</v>
      </c>
      <c r="HN31" s="29">
        <v>0</v>
      </c>
      <c r="HO31" s="24">
        <v>0</v>
      </c>
      <c r="HP31" s="25">
        <v>0</v>
      </c>
      <c r="HQ31" s="26">
        <v>0</v>
      </c>
      <c r="HR31" s="27">
        <v>0</v>
      </c>
      <c r="HS31" s="25">
        <v>0</v>
      </c>
      <c r="HT31" s="25">
        <v>47910</v>
      </c>
      <c r="HU31" s="25">
        <v>451125</v>
      </c>
      <c r="HV31" s="25">
        <v>452472</v>
      </c>
      <c r="HW31" s="25">
        <v>239648</v>
      </c>
      <c r="HX31" s="28">
        <v>1191155</v>
      </c>
      <c r="HY31" s="29">
        <v>1191155</v>
      </c>
    </row>
    <row r="32" spans="2:233" ht="21" customHeight="1" x14ac:dyDescent="0.2">
      <c r="B32" s="106" t="s">
        <v>29</v>
      </c>
      <c r="C32" s="24">
        <v>0</v>
      </c>
      <c r="D32" s="25">
        <v>0</v>
      </c>
      <c r="E32" s="26">
        <v>0</v>
      </c>
      <c r="F32" s="27">
        <v>0</v>
      </c>
      <c r="G32" s="25">
        <v>23850</v>
      </c>
      <c r="H32" s="25">
        <v>63155</v>
      </c>
      <c r="I32" s="25">
        <v>251710</v>
      </c>
      <c r="J32" s="25">
        <v>413250</v>
      </c>
      <c r="K32" s="25">
        <v>192190</v>
      </c>
      <c r="L32" s="28">
        <v>944155</v>
      </c>
      <c r="M32" s="29">
        <v>944155</v>
      </c>
      <c r="N32" s="24">
        <v>0</v>
      </c>
      <c r="O32" s="25">
        <v>0</v>
      </c>
      <c r="P32" s="26">
        <v>0</v>
      </c>
      <c r="Q32" s="404">
        <v>0</v>
      </c>
      <c r="R32" s="25">
        <v>0</v>
      </c>
      <c r="S32" s="25">
        <v>31650</v>
      </c>
      <c r="T32" s="25">
        <v>171750</v>
      </c>
      <c r="U32" s="25">
        <v>224550</v>
      </c>
      <c r="V32" s="25">
        <v>156940</v>
      </c>
      <c r="W32" s="28">
        <v>584890</v>
      </c>
      <c r="X32" s="29">
        <v>584890</v>
      </c>
      <c r="Y32" s="24">
        <v>0</v>
      </c>
      <c r="Z32" s="25">
        <v>0</v>
      </c>
      <c r="AA32" s="26">
        <v>0</v>
      </c>
      <c r="AB32" s="404">
        <v>0</v>
      </c>
      <c r="AC32" s="25">
        <v>23850</v>
      </c>
      <c r="AD32" s="25">
        <v>28950</v>
      </c>
      <c r="AE32" s="25">
        <v>34795</v>
      </c>
      <c r="AF32" s="25">
        <v>73650</v>
      </c>
      <c r="AG32" s="25">
        <v>31650</v>
      </c>
      <c r="AH32" s="28">
        <v>192895</v>
      </c>
      <c r="AI32" s="29">
        <v>192895</v>
      </c>
      <c r="AJ32" s="24">
        <v>0</v>
      </c>
      <c r="AK32" s="25">
        <v>0</v>
      </c>
      <c r="AL32" s="26">
        <v>0</v>
      </c>
      <c r="AM32" s="404">
        <v>0</v>
      </c>
      <c r="AN32" s="25">
        <v>0</v>
      </c>
      <c r="AO32" s="25">
        <v>0</v>
      </c>
      <c r="AP32" s="25">
        <v>0</v>
      </c>
      <c r="AQ32" s="25">
        <v>0</v>
      </c>
      <c r="AR32" s="25">
        <v>0</v>
      </c>
      <c r="AS32" s="28">
        <v>0</v>
      </c>
      <c r="AT32" s="29">
        <v>0</v>
      </c>
      <c r="AU32" s="24">
        <v>0</v>
      </c>
      <c r="AV32" s="25">
        <v>0</v>
      </c>
      <c r="AW32" s="26">
        <v>0</v>
      </c>
      <c r="AX32" s="404">
        <v>0</v>
      </c>
      <c r="AY32" s="25">
        <v>0</v>
      </c>
      <c r="AZ32" s="25">
        <v>0</v>
      </c>
      <c r="BA32" s="25">
        <v>0</v>
      </c>
      <c r="BB32" s="25">
        <v>0</v>
      </c>
      <c r="BC32" s="25">
        <v>0</v>
      </c>
      <c r="BD32" s="28">
        <v>0</v>
      </c>
      <c r="BE32" s="29">
        <v>0</v>
      </c>
      <c r="BF32" s="24">
        <v>0</v>
      </c>
      <c r="BG32" s="25">
        <v>0</v>
      </c>
      <c r="BH32" s="26">
        <v>0</v>
      </c>
      <c r="BI32" s="404">
        <v>0</v>
      </c>
      <c r="BJ32" s="25">
        <v>0</v>
      </c>
      <c r="BK32" s="25">
        <v>0</v>
      </c>
      <c r="BL32" s="25">
        <v>41850</v>
      </c>
      <c r="BM32" s="25">
        <v>89700</v>
      </c>
      <c r="BN32" s="25">
        <v>2550</v>
      </c>
      <c r="BO32" s="28">
        <v>134100</v>
      </c>
      <c r="BP32" s="29">
        <v>134100</v>
      </c>
      <c r="BQ32" s="24">
        <v>0</v>
      </c>
      <c r="BR32" s="25">
        <v>0</v>
      </c>
      <c r="BS32" s="26">
        <v>0</v>
      </c>
      <c r="BT32" s="27">
        <v>0</v>
      </c>
      <c r="BU32" s="25">
        <v>0</v>
      </c>
      <c r="BV32" s="25">
        <v>2555</v>
      </c>
      <c r="BW32" s="25">
        <v>3315</v>
      </c>
      <c r="BX32" s="25">
        <v>21125</v>
      </c>
      <c r="BY32" s="25">
        <v>1050</v>
      </c>
      <c r="BZ32" s="28">
        <v>28045</v>
      </c>
      <c r="CA32" s="29">
        <v>28045</v>
      </c>
      <c r="CB32" s="24">
        <v>0</v>
      </c>
      <c r="CC32" s="25">
        <v>0</v>
      </c>
      <c r="CD32" s="26">
        <v>0</v>
      </c>
      <c r="CE32" s="27">
        <v>0</v>
      </c>
      <c r="CF32" s="25">
        <v>0</v>
      </c>
      <c r="CG32" s="25">
        <v>0</v>
      </c>
      <c r="CH32" s="25">
        <v>0</v>
      </c>
      <c r="CI32" s="25">
        <v>4225</v>
      </c>
      <c r="CJ32" s="25">
        <v>0</v>
      </c>
      <c r="CK32" s="28">
        <v>4225</v>
      </c>
      <c r="CL32" s="29">
        <v>4225</v>
      </c>
      <c r="CM32" s="24">
        <v>0</v>
      </c>
      <c r="CN32" s="25">
        <v>0</v>
      </c>
      <c r="CO32" s="26">
        <v>0</v>
      </c>
      <c r="CP32" s="27">
        <v>0</v>
      </c>
      <c r="CQ32" s="25">
        <v>0</v>
      </c>
      <c r="CR32" s="25">
        <v>0</v>
      </c>
      <c r="CS32" s="25">
        <v>0</v>
      </c>
      <c r="CT32" s="25">
        <v>0</v>
      </c>
      <c r="CU32" s="25">
        <v>0</v>
      </c>
      <c r="CV32" s="28">
        <v>0</v>
      </c>
      <c r="CW32" s="29">
        <v>0</v>
      </c>
      <c r="CX32" s="24">
        <v>0</v>
      </c>
      <c r="CY32" s="25">
        <v>0</v>
      </c>
      <c r="CZ32" s="26">
        <v>0</v>
      </c>
      <c r="DA32" s="404">
        <v>0</v>
      </c>
      <c r="DB32" s="25">
        <v>0</v>
      </c>
      <c r="DC32" s="25">
        <v>0</v>
      </c>
      <c r="DD32" s="25">
        <v>0</v>
      </c>
      <c r="DE32" s="25">
        <v>0</v>
      </c>
      <c r="DF32" s="25">
        <v>0</v>
      </c>
      <c r="DG32" s="28">
        <v>0</v>
      </c>
      <c r="DH32" s="29">
        <v>0</v>
      </c>
      <c r="DI32" s="24">
        <v>0</v>
      </c>
      <c r="DJ32" s="25">
        <v>0</v>
      </c>
      <c r="DK32" s="26">
        <v>0</v>
      </c>
      <c r="DL32" s="27">
        <v>0</v>
      </c>
      <c r="DM32" s="25">
        <v>210</v>
      </c>
      <c r="DN32" s="25">
        <v>35847</v>
      </c>
      <c r="DO32" s="25">
        <v>246309</v>
      </c>
      <c r="DP32" s="25">
        <v>383045</v>
      </c>
      <c r="DQ32" s="25">
        <v>153474</v>
      </c>
      <c r="DR32" s="28">
        <v>818885</v>
      </c>
      <c r="DS32" s="30">
        <v>818885</v>
      </c>
      <c r="DT32" s="24">
        <v>0</v>
      </c>
      <c r="DU32" s="25">
        <v>0</v>
      </c>
      <c r="DV32" s="26">
        <v>0</v>
      </c>
      <c r="DW32" s="404">
        <v>0</v>
      </c>
      <c r="DX32" s="25">
        <v>0</v>
      </c>
      <c r="DY32" s="25">
        <v>14550</v>
      </c>
      <c r="DZ32" s="25">
        <v>122880</v>
      </c>
      <c r="EA32" s="25">
        <v>233340</v>
      </c>
      <c r="EB32" s="25">
        <v>141764</v>
      </c>
      <c r="EC32" s="28">
        <v>512534</v>
      </c>
      <c r="ED32" s="29">
        <v>512534</v>
      </c>
      <c r="EE32" s="24">
        <v>0</v>
      </c>
      <c r="EF32" s="25">
        <v>0</v>
      </c>
      <c r="EG32" s="26">
        <v>0</v>
      </c>
      <c r="EH32" s="404">
        <v>0</v>
      </c>
      <c r="EI32" s="25">
        <v>210</v>
      </c>
      <c r="EJ32" s="25">
        <v>11160</v>
      </c>
      <c r="EK32" s="25">
        <v>468</v>
      </c>
      <c r="EL32" s="25">
        <v>12120</v>
      </c>
      <c r="EM32" s="25">
        <v>210</v>
      </c>
      <c r="EN32" s="28">
        <v>24168</v>
      </c>
      <c r="EO32" s="29">
        <v>24168</v>
      </c>
      <c r="EP32" s="24">
        <v>0</v>
      </c>
      <c r="EQ32" s="25">
        <v>0</v>
      </c>
      <c r="ER32" s="26">
        <v>0</v>
      </c>
      <c r="ES32" s="404">
        <v>0</v>
      </c>
      <c r="ET32" s="25">
        <v>0</v>
      </c>
      <c r="EU32" s="25">
        <v>0</v>
      </c>
      <c r="EV32" s="25">
        <v>0</v>
      </c>
      <c r="EW32" s="25">
        <v>0</v>
      </c>
      <c r="EX32" s="25">
        <v>0</v>
      </c>
      <c r="EY32" s="28">
        <v>0</v>
      </c>
      <c r="EZ32" s="29">
        <v>0</v>
      </c>
      <c r="FA32" s="24">
        <v>0</v>
      </c>
      <c r="FB32" s="25">
        <v>0</v>
      </c>
      <c r="FC32" s="26">
        <v>0</v>
      </c>
      <c r="FD32" s="404">
        <v>0</v>
      </c>
      <c r="FE32" s="25">
        <v>0</v>
      </c>
      <c r="FF32" s="25">
        <v>0</v>
      </c>
      <c r="FG32" s="25">
        <v>0</v>
      </c>
      <c r="FH32" s="25">
        <v>0</v>
      </c>
      <c r="FI32" s="25">
        <v>0</v>
      </c>
      <c r="FJ32" s="28">
        <v>0</v>
      </c>
      <c r="FK32" s="29">
        <v>0</v>
      </c>
      <c r="FL32" s="24">
        <v>0</v>
      </c>
      <c r="FM32" s="25">
        <v>0</v>
      </c>
      <c r="FN32" s="26">
        <v>0</v>
      </c>
      <c r="FO32" s="404">
        <v>0</v>
      </c>
      <c r="FP32" s="25">
        <v>0</v>
      </c>
      <c r="FQ32" s="25">
        <v>0</v>
      </c>
      <c r="FR32" s="25">
        <v>119100</v>
      </c>
      <c r="FS32" s="25">
        <v>112920</v>
      </c>
      <c r="FT32" s="25">
        <v>10530</v>
      </c>
      <c r="FU32" s="28">
        <v>242550</v>
      </c>
      <c r="FV32" s="29">
        <v>242550</v>
      </c>
      <c r="FW32" s="24">
        <v>0</v>
      </c>
      <c r="FX32" s="25">
        <v>0</v>
      </c>
      <c r="FY32" s="26">
        <v>0</v>
      </c>
      <c r="FZ32" s="27">
        <v>0</v>
      </c>
      <c r="GA32" s="25">
        <v>0</v>
      </c>
      <c r="GB32" s="25">
        <v>10137</v>
      </c>
      <c r="GC32" s="25">
        <v>3861</v>
      </c>
      <c r="GD32" s="25">
        <v>18775</v>
      </c>
      <c r="GE32" s="25">
        <v>970</v>
      </c>
      <c r="GF32" s="28">
        <v>33743</v>
      </c>
      <c r="GG32" s="29">
        <v>33743</v>
      </c>
      <c r="GH32" s="24">
        <v>0</v>
      </c>
      <c r="GI32" s="25">
        <v>0</v>
      </c>
      <c r="GJ32" s="26">
        <v>0</v>
      </c>
      <c r="GK32" s="27">
        <v>0</v>
      </c>
      <c r="GL32" s="25">
        <v>0</v>
      </c>
      <c r="GM32" s="25">
        <v>0</v>
      </c>
      <c r="GN32" s="25">
        <v>0</v>
      </c>
      <c r="GO32" s="25">
        <v>5890</v>
      </c>
      <c r="GP32" s="25">
        <v>0</v>
      </c>
      <c r="GQ32" s="28">
        <v>5890</v>
      </c>
      <c r="GR32" s="29">
        <v>5890</v>
      </c>
      <c r="GS32" s="24">
        <v>0</v>
      </c>
      <c r="GT32" s="25">
        <v>0</v>
      </c>
      <c r="GU32" s="26">
        <v>0</v>
      </c>
      <c r="GV32" s="27">
        <v>0</v>
      </c>
      <c r="GW32" s="25">
        <v>0</v>
      </c>
      <c r="GX32" s="25">
        <v>0</v>
      </c>
      <c r="GY32" s="25">
        <v>0</v>
      </c>
      <c r="GZ32" s="25">
        <v>0</v>
      </c>
      <c r="HA32" s="25">
        <v>0</v>
      </c>
      <c r="HB32" s="28">
        <v>0</v>
      </c>
      <c r="HC32" s="29">
        <v>0</v>
      </c>
      <c r="HD32" s="24">
        <v>0</v>
      </c>
      <c r="HE32" s="25">
        <v>0</v>
      </c>
      <c r="HF32" s="26">
        <v>0</v>
      </c>
      <c r="HG32" s="404">
        <v>0</v>
      </c>
      <c r="HH32" s="25">
        <v>0</v>
      </c>
      <c r="HI32" s="25">
        <v>0</v>
      </c>
      <c r="HJ32" s="25">
        <v>0</v>
      </c>
      <c r="HK32" s="25">
        <v>0</v>
      </c>
      <c r="HL32" s="25">
        <v>0</v>
      </c>
      <c r="HM32" s="28">
        <v>0</v>
      </c>
      <c r="HN32" s="29">
        <v>0</v>
      </c>
      <c r="HO32" s="24">
        <v>0</v>
      </c>
      <c r="HP32" s="25">
        <v>0</v>
      </c>
      <c r="HQ32" s="26">
        <v>0</v>
      </c>
      <c r="HR32" s="27">
        <v>0</v>
      </c>
      <c r="HS32" s="25">
        <v>24060</v>
      </c>
      <c r="HT32" s="25">
        <v>99002</v>
      </c>
      <c r="HU32" s="25">
        <v>498019</v>
      </c>
      <c r="HV32" s="25">
        <v>796295</v>
      </c>
      <c r="HW32" s="25">
        <v>345664</v>
      </c>
      <c r="HX32" s="28">
        <v>1763040</v>
      </c>
      <c r="HY32" s="29">
        <v>1763040</v>
      </c>
    </row>
    <row r="33" spans="2:233" ht="21" customHeight="1" x14ac:dyDescent="0.2">
      <c r="B33" s="106" t="s">
        <v>30</v>
      </c>
      <c r="C33" s="24">
        <v>0</v>
      </c>
      <c r="D33" s="25">
        <v>0</v>
      </c>
      <c r="E33" s="26">
        <v>0</v>
      </c>
      <c r="F33" s="27">
        <v>0</v>
      </c>
      <c r="G33" s="25">
        <v>87000</v>
      </c>
      <c r="H33" s="25">
        <v>75550</v>
      </c>
      <c r="I33" s="25">
        <v>158155</v>
      </c>
      <c r="J33" s="25">
        <v>313685</v>
      </c>
      <c r="K33" s="25">
        <v>202320</v>
      </c>
      <c r="L33" s="28">
        <v>836710</v>
      </c>
      <c r="M33" s="29">
        <v>836710</v>
      </c>
      <c r="N33" s="24">
        <v>0</v>
      </c>
      <c r="O33" s="25">
        <v>0</v>
      </c>
      <c r="P33" s="26">
        <v>0</v>
      </c>
      <c r="Q33" s="404">
        <v>0</v>
      </c>
      <c r="R33" s="25">
        <v>0</v>
      </c>
      <c r="S33" s="25">
        <v>58050</v>
      </c>
      <c r="T33" s="25">
        <v>99900</v>
      </c>
      <c r="U33" s="25">
        <v>289835</v>
      </c>
      <c r="V33" s="25">
        <v>143100</v>
      </c>
      <c r="W33" s="28">
        <v>590885</v>
      </c>
      <c r="X33" s="29">
        <v>590885</v>
      </c>
      <c r="Y33" s="24">
        <v>0</v>
      </c>
      <c r="Z33" s="25">
        <v>0</v>
      </c>
      <c r="AA33" s="26">
        <v>0</v>
      </c>
      <c r="AB33" s="404">
        <v>0</v>
      </c>
      <c r="AC33" s="25">
        <v>87000</v>
      </c>
      <c r="AD33" s="25">
        <v>7565</v>
      </c>
      <c r="AE33" s="25">
        <v>31650</v>
      </c>
      <c r="AF33" s="25">
        <v>23850</v>
      </c>
      <c r="AG33" s="25">
        <v>5100</v>
      </c>
      <c r="AH33" s="28">
        <v>155165</v>
      </c>
      <c r="AI33" s="29">
        <v>155165</v>
      </c>
      <c r="AJ33" s="24">
        <v>0</v>
      </c>
      <c r="AK33" s="25">
        <v>0</v>
      </c>
      <c r="AL33" s="26">
        <v>0</v>
      </c>
      <c r="AM33" s="404">
        <v>0</v>
      </c>
      <c r="AN33" s="25">
        <v>0</v>
      </c>
      <c r="AO33" s="25">
        <v>0</v>
      </c>
      <c r="AP33" s="25">
        <v>0</v>
      </c>
      <c r="AQ33" s="25">
        <v>0</v>
      </c>
      <c r="AR33" s="25">
        <v>0</v>
      </c>
      <c r="AS33" s="28">
        <v>0</v>
      </c>
      <c r="AT33" s="29">
        <v>0</v>
      </c>
      <c r="AU33" s="24">
        <v>0</v>
      </c>
      <c r="AV33" s="25">
        <v>0</v>
      </c>
      <c r="AW33" s="26">
        <v>0</v>
      </c>
      <c r="AX33" s="404">
        <v>0</v>
      </c>
      <c r="AY33" s="25">
        <v>0</v>
      </c>
      <c r="AZ33" s="25">
        <v>0</v>
      </c>
      <c r="BA33" s="25">
        <v>0</v>
      </c>
      <c r="BB33" s="25">
        <v>0</v>
      </c>
      <c r="BC33" s="25">
        <v>49420</v>
      </c>
      <c r="BD33" s="28">
        <v>49420</v>
      </c>
      <c r="BE33" s="29">
        <v>49420</v>
      </c>
      <c r="BF33" s="24">
        <v>0</v>
      </c>
      <c r="BG33" s="25">
        <v>0</v>
      </c>
      <c r="BH33" s="26">
        <v>0</v>
      </c>
      <c r="BI33" s="404">
        <v>0</v>
      </c>
      <c r="BJ33" s="25">
        <v>0</v>
      </c>
      <c r="BK33" s="25">
        <v>0</v>
      </c>
      <c r="BL33" s="25">
        <v>0</v>
      </c>
      <c r="BM33" s="25">
        <v>0</v>
      </c>
      <c r="BN33" s="25">
        <v>0</v>
      </c>
      <c r="BO33" s="28">
        <v>0</v>
      </c>
      <c r="BP33" s="29">
        <v>0</v>
      </c>
      <c r="BQ33" s="24">
        <v>0</v>
      </c>
      <c r="BR33" s="25">
        <v>0</v>
      </c>
      <c r="BS33" s="26">
        <v>0</v>
      </c>
      <c r="BT33" s="27">
        <v>0</v>
      </c>
      <c r="BU33" s="25">
        <v>0</v>
      </c>
      <c r="BV33" s="25">
        <v>9935</v>
      </c>
      <c r="BW33" s="25">
        <v>26605</v>
      </c>
      <c r="BX33" s="25">
        <v>0</v>
      </c>
      <c r="BY33" s="25">
        <v>4700</v>
      </c>
      <c r="BZ33" s="28">
        <v>41240</v>
      </c>
      <c r="CA33" s="29">
        <v>41240</v>
      </c>
      <c r="CB33" s="24">
        <v>0</v>
      </c>
      <c r="CC33" s="25">
        <v>0</v>
      </c>
      <c r="CD33" s="26">
        <v>0</v>
      </c>
      <c r="CE33" s="27">
        <v>0</v>
      </c>
      <c r="CF33" s="25">
        <v>0</v>
      </c>
      <c r="CG33" s="25">
        <v>0</v>
      </c>
      <c r="CH33" s="25">
        <v>0</v>
      </c>
      <c r="CI33" s="25">
        <v>0</v>
      </c>
      <c r="CJ33" s="25">
        <v>0</v>
      </c>
      <c r="CK33" s="28">
        <v>0</v>
      </c>
      <c r="CL33" s="29">
        <v>0</v>
      </c>
      <c r="CM33" s="24">
        <v>0</v>
      </c>
      <c r="CN33" s="25">
        <v>0</v>
      </c>
      <c r="CO33" s="26">
        <v>0</v>
      </c>
      <c r="CP33" s="27">
        <v>0</v>
      </c>
      <c r="CQ33" s="25">
        <v>0</v>
      </c>
      <c r="CR33" s="25">
        <v>0</v>
      </c>
      <c r="CS33" s="25">
        <v>0</v>
      </c>
      <c r="CT33" s="25">
        <v>0</v>
      </c>
      <c r="CU33" s="25">
        <v>0</v>
      </c>
      <c r="CV33" s="28">
        <v>0</v>
      </c>
      <c r="CW33" s="29">
        <v>0</v>
      </c>
      <c r="CX33" s="24">
        <v>0</v>
      </c>
      <c r="CY33" s="25">
        <v>0</v>
      </c>
      <c r="CZ33" s="26">
        <v>0</v>
      </c>
      <c r="DA33" s="404">
        <v>0</v>
      </c>
      <c r="DB33" s="25">
        <v>0</v>
      </c>
      <c r="DC33" s="25">
        <v>0</v>
      </c>
      <c r="DD33" s="25">
        <v>0</v>
      </c>
      <c r="DE33" s="25">
        <v>0</v>
      </c>
      <c r="DF33" s="25">
        <v>0</v>
      </c>
      <c r="DG33" s="28">
        <v>0</v>
      </c>
      <c r="DH33" s="29">
        <v>0</v>
      </c>
      <c r="DI33" s="24">
        <v>0</v>
      </c>
      <c r="DJ33" s="25">
        <v>0</v>
      </c>
      <c r="DK33" s="26">
        <v>0</v>
      </c>
      <c r="DL33" s="27">
        <v>0</v>
      </c>
      <c r="DM33" s="25">
        <v>35550</v>
      </c>
      <c r="DN33" s="25">
        <v>95165</v>
      </c>
      <c r="DO33" s="25">
        <v>251021</v>
      </c>
      <c r="DP33" s="25">
        <v>372726</v>
      </c>
      <c r="DQ33" s="25">
        <v>175620</v>
      </c>
      <c r="DR33" s="28">
        <v>930082</v>
      </c>
      <c r="DS33" s="30">
        <v>930082</v>
      </c>
      <c r="DT33" s="24">
        <v>0</v>
      </c>
      <c r="DU33" s="25">
        <v>0</v>
      </c>
      <c r="DV33" s="26">
        <v>0</v>
      </c>
      <c r="DW33" s="404">
        <v>0</v>
      </c>
      <c r="DX33" s="25">
        <v>0</v>
      </c>
      <c r="DY33" s="25">
        <v>71010</v>
      </c>
      <c r="DZ33" s="25">
        <v>199320</v>
      </c>
      <c r="EA33" s="25">
        <v>372516</v>
      </c>
      <c r="EB33" s="25">
        <v>157860</v>
      </c>
      <c r="EC33" s="28">
        <v>800706</v>
      </c>
      <c r="ED33" s="29">
        <v>800706</v>
      </c>
      <c r="EE33" s="24">
        <v>0</v>
      </c>
      <c r="EF33" s="25">
        <v>0</v>
      </c>
      <c r="EG33" s="26">
        <v>0</v>
      </c>
      <c r="EH33" s="404">
        <v>0</v>
      </c>
      <c r="EI33" s="25">
        <v>35550</v>
      </c>
      <c r="EJ33" s="25">
        <v>13421</v>
      </c>
      <c r="EK33" s="25">
        <v>210</v>
      </c>
      <c r="EL33" s="25">
        <v>210</v>
      </c>
      <c r="EM33" s="25">
        <v>420</v>
      </c>
      <c r="EN33" s="28">
        <v>49811</v>
      </c>
      <c r="EO33" s="29">
        <v>49811</v>
      </c>
      <c r="EP33" s="24">
        <v>0</v>
      </c>
      <c r="EQ33" s="25">
        <v>0</v>
      </c>
      <c r="ER33" s="26">
        <v>0</v>
      </c>
      <c r="ES33" s="404">
        <v>0</v>
      </c>
      <c r="ET33" s="25">
        <v>0</v>
      </c>
      <c r="EU33" s="25">
        <v>0</v>
      </c>
      <c r="EV33" s="25">
        <v>0</v>
      </c>
      <c r="EW33" s="25">
        <v>0</v>
      </c>
      <c r="EX33" s="25">
        <v>0</v>
      </c>
      <c r="EY33" s="28">
        <v>0</v>
      </c>
      <c r="EZ33" s="29">
        <v>0</v>
      </c>
      <c r="FA33" s="24">
        <v>0</v>
      </c>
      <c r="FB33" s="25">
        <v>0</v>
      </c>
      <c r="FC33" s="26">
        <v>0</v>
      </c>
      <c r="FD33" s="404">
        <v>0</v>
      </c>
      <c r="FE33" s="25">
        <v>0</v>
      </c>
      <c r="FF33" s="25">
        <v>0</v>
      </c>
      <c r="FG33" s="25">
        <v>0</v>
      </c>
      <c r="FH33" s="25">
        <v>0</v>
      </c>
      <c r="FI33" s="25">
        <v>11520</v>
      </c>
      <c r="FJ33" s="28">
        <v>11520</v>
      </c>
      <c r="FK33" s="29">
        <v>11520</v>
      </c>
      <c r="FL33" s="24">
        <v>0</v>
      </c>
      <c r="FM33" s="25">
        <v>0</v>
      </c>
      <c r="FN33" s="26">
        <v>0</v>
      </c>
      <c r="FO33" s="404">
        <v>0</v>
      </c>
      <c r="FP33" s="25">
        <v>0</v>
      </c>
      <c r="FQ33" s="25">
        <v>0</v>
      </c>
      <c r="FR33" s="25">
        <v>0</v>
      </c>
      <c r="FS33" s="25">
        <v>0</v>
      </c>
      <c r="FT33" s="25">
        <v>0</v>
      </c>
      <c r="FU33" s="28">
        <v>0</v>
      </c>
      <c r="FV33" s="29">
        <v>0</v>
      </c>
      <c r="FW33" s="24">
        <v>0</v>
      </c>
      <c r="FX33" s="25">
        <v>0</v>
      </c>
      <c r="FY33" s="26">
        <v>0</v>
      </c>
      <c r="FZ33" s="27">
        <v>0</v>
      </c>
      <c r="GA33" s="25">
        <v>0</v>
      </c>
      <c r="GB33" s="25">
        <v>10734</v>
      </c>
      <c r="GC33" s="25">
        <v>51491</v>
      </c>
      <c r="GD33" s="25">
        <v>0</v>
      </c>
      <c r="GE33" s="25">
        <v>5820</v>
      </c>
      <c r="GF33" s="28">
        <v>68045</v>
      </c>
      <c r="GG33" s="29">
        <v>68045</v>
      </c>
      <c r="GH33" s="24">
        <v>0</v>
      </c>
      <c r="GI33" s="25">
        <v>0</v>
      </c>
      <c r="GJ33" s="26">
        <v>0</v>
      </c>
      <c r="GK33" s="27">
        <v>0</v>
      </c>
      <c r="GL33" s="25">
        <v>0</v>
      </c>
      <c r="GM33" s="25">
        <v>0</v>
      </c>
      <c r="GN33" s="25">
        <v>0</v>
      </c>
      <c r="GO33" s="25">
        <v>0</v>
      </c>
      <c r="GP33" s="25">
        <v>0</v>
      </c>
      <c r="GQ33" s="28">
        <v>0</v>
      </c>
      <c r="GR33" s="29">
        <v>0</v>
      </c>
      <c r="GS33" s="24">
        <v>0</v>
      </c>
      <c r="GT33" s="25">
        <v>0</v>
      </c>
      <c r="GU33" s="26">
        <v>0</v>
      </c>
      <c r="GV33" s="27">
        <v>0</v>
      </c>
      <c r="GW33" s="25">
        <v>0</v>
      </c>
      <c r="GX33" s="25">
        <v>0</v>
      </c>
      <c r="GY33" s="25">
        <v>0</v>
      </c>
      <c r="GZ33" s="25">
        <v>0</v>
      </c>
      <c r="HA33" s="25">
        <v>0</v>
      </c>
      <c r="HB33" s="28">
        <v>0</v>
      </c>
      <c r="HC33" s="29">
        <v>0</v>
      </c>
      <c r="HD33" s="24">
        <v>0</v>
      </c>
      <c r="HE33" s="25">
        <v>0</v>
      </c>
      <c r="HF33" s="26">
        <v>0</v>
      </c>
      <c r="HG33" s="404">
        <v>0</v>
      </c>
      <c r="HH33" s="25">
        <v>0</v>
      </c>
      <c r="HI33" s="25">
        <v>0</v>
      </c>
      <c r="HJ33" s="25">
        <v>0</v>
      </c>
      <c r="HK33" s="25">
        <v>0</v>
      </c>
      <c r="HL33" s="25">
        <v>0</v>
      </c>
      <c r="HM33" s="28">
        <v>0</v>
      </c>
      <c r="HN33" s="29">
        <v>0</v>
      </c>
      <c r="HO33" s="24">
        <v>0</v>
      </c>
      <c r="HP33" s="25">
        <v>0</v>
      </c>
      <c r="HQ33" s="26">
        <v>0</v>
      </c>
      <c r="HR33" s="27">
        <v>0</v>
      </c>
      <c r="HS33" s="25">
        <v>122550</v>
      </c>
      <c r="HT33" s="25">
        <v>170715</v>
      </c>
      <c r="HU33" s="25">
        <v>409176</v>
      </c>
      <c r="HV33" s="25">
        <v>686411</v>
      </c>
      <c r="HW33" s="25">
        <v>377940</v>
      </c>
      <c r="HX33" s="28">
        <v>1766792</v>
      </c>
      <c r="HY33" s="29">
        <v>1766792</v>
      </c>
    </row>
    <row r="34" spans="2:233" ht="21" customHeight="1" x14ac:dyDescent="0.2">
      <c r="B34" s="106" t="s">
        <v>31</v>
      </c>
      <c r="C34" s="24">
        <v>0</v>
      </c>
      <c r="D34" s="25">
        <v>0</v>
      </c>
      <c r="E34" s="26">
        <v>0</v>
      </c>
      <c r="F34" s="27">
        <v>0</v>
      </c>
      <c r="G34" s="25">
        <v>61180</v>
      </c>
      <c r="H34" s="25">
        <v>155180</v>
      </c>
      <c r="I34" s="25">
        <v>172940</v>
      </c>
      <c r="J34" s="25">
        <v>177525</v>
      </c>
      <c r="K34" s="25">
        <v>181675</v>
      </c>
      <c r="L34" s="28">
        <v>748500</v>
      </c>
      <c r="M34" s="29">
        <v>748500</v>
      </c>
      <c r="N34" s="24">
        <v>0</v>
      </c>
      <c r="O34" s="25">
        <v>0</v>
      </c>
      <c r="P34" s="26">
        <v>0</v>
      </c>
      <c r="Q34" s="404">
        <v>0</v>
      </c>
      <c r="R34" s="25">
        <v>26400</v>
      </c>
      <c r="S34" s="25">
        <v>89850</v>
      </c>
      <c r="T34" s="25">
        <v>158100</v>
      </c>
      <c r="U34" s="25">
        <v>77900</v>
      </c>
      <c r="V34" s="25">
        <v>144385</v>
      </c>
      <c r="W34" s="28">
        <v>496635</v>
      </c>
      <c r="X34" s="29">
        <v>496635</v>
      </c>
      <c r="Y34" s="24">
        <v>0</v>
      </c>
      <c r="Z34" s="25">
        <v>0</v>
      </c>
      <c r="AA34" s="26">
        <v>0</v>
      </c>
      <c r="AB34" s="404">
        <v>0</v>
      </c>
      <c r="AC34" s="25">
        <v>2550</v>
      </c>
      <c r="AD34" s="25">
        <v>50250</v>
      </c>
      <c r="AE34" s="25">
        <v>10200</v>
      </c>
      <c r="AF34" s="25">
        <v>63300</v>
      </c>
      <c r="AG34" s="25">
        <v>2550</v>
      </c>
      <c r="AH34" s="28">
        <v>128850</v>
      </c>
      <c r="AI34" s="29">
        <v>128850</v>
      </c>
      <c r="AJ34" s="24">
        <v>0</v>
      </c>
      <c r="AK34" s="25">
        <v>0</v>
      </c>
      <c r="AL34" s="26">
        <v>0</v>
      </c>
      <c r="AM34" s="404">
        <v>0</v>
      </c>
      <c r="AN34" s="25">
        <v>0</v>
      </c>
      <c r="AO34" s="25">
        <v>0</v>
      </c>
      <c r="AP34" s="25">
        <v>0</v>
      </c>
      <c r="AQ34" s="25">
        <v>0</v>
      </c>
      <c r="AR34" s="25">
        <v>0</v>
      </c>
      <c r="AS34" s="28">
        <v>0</v>
      </c>
      <c r="AT34" s="29">
        <v>0</v>
      </c>
      <c r="AU34" s="24">
        <v>0</v>
      </c>
      <c r="AV34" s="25">
        <v>0</v>
      </c>
      <c r="AW34" s="26">
        <v>0</v>
      </c>
      <c r="AX34" s="404">
        <v>0</v>
      </c>
      <c r="AY34" s="25">
        <v>31650</v>
      </c>
      <c r="AZ34" s="25">
        <v>0</v>
      </c>
      <c r="BA34" s="25">
        <v>0</v>
      </c>
      <c r="BB34" s="25">
        <v>0</v>
      </c>
      <c r="BC34" s="25">
        <v>31650</v>
      </c>
      <c r="BD34" s="28">
        <v>63300</v>
      </c>
      <c r="BE34" s="29">
        <v>63300</v>
      </c>
      <c r="BF34" s="24">
        <v>0</v>
      </c>
      <c r="BG34" s="25">
        <v>0</v>
      </c>
      <c r="BH34" s="26">
        <v>0</v>
      </c>
      <c r="BI34" s="404">
        <v>0</v>
      </c>
      <c r="BJ34" s="25">
        <v>0</v>
      </c>
      <c r="BK34" s="25">
        <v>0</v>
      </c>
      <c r="BL34" s="25">
        <v>0</v>
      </c>
      <c r="BM34" s="25">
        <v>0</v>
      </c>
      <c r="BN34" s="25">
        <v>0</v>
      </c>
      <c r="BO34" s="28">
        <v>0</v>
      </c>
      <c r="BP34" s="29">
        <v>0</v>
      </c>
      <c r="BQ34" s="24">
        <v>0</v>
      </c>
      <c r="BR34" s="25">
        <v>0</v>
      </c>
      <c r="BS34" s="26">
        <v>0</v>
      </c>
      <c r="BT34" s="27">
        <v>0</v>
      </c>
      <c r="BU34" s="25">
        <v>580</v>
      </c>
      <c r="BV34" s="25">
        <v>15080</v>
      </c>
      <c r="BW34" s="25">
        <v>3915</v>
      </c>
      <c r="BX34" s="25">
        <v>36325</v>
      </c>
      <c r="BY34" s="25">
        <v>3090</v>
      </c>
      <c r="BZ34" s="28">
        <v>58990</v>
      </c>
      <c r="CA34" s="29">
        <v>58990</v>
      </c>
      <c r="CB34" s="24">
        <v>0</v>
      </c>
      <c r="CC34" s="25">
        <v>0</v>
      </c>
      <c r="CD34" s="26">
        <v>0</v>
      </c>
      <c r="CE34" s="27">
        <v>0</v>
      </c>
      <c r="CF34" s="25">
        <v>0</v>
      </c>
      <c r="CG34" s="25">
        <v>0</v>
      </c>
      <c r="CH34" s="25">
        <v>725</v>
      </c>
      <c r="CI34" s="25">
        <v>0</v>
      </c>
      <c r="CJ34" s="25">
        <v>0</v>
      </c>
      <c r="CK34" s="28">
        <v>725</v>
      </c>
      <c r="CL34" s="29">
        <v>725</v>
      </c>
      <c r="CM34" s="24">
        <v>0</v>
      </c>
      <c r="CN34" s="25">
        <v>0</v>
      </c>
      <c r="CO34" s="26">
        <v>0</v>
      </c>
      <c r="CP34" s="27">
        <v>0</v>
      </c>
      <c r="CQ34" s="25">
        <v>0</v>
      </c>
      <c r="CR34" s="25">
        <v>0</v>
      </c>
      <c r="CS34" s="25">
        <v>0</v>
      </c>
      <c r="CT34" s="25">
        <v>0</v>
      </c>
      <c r="CU34" s="25">
        <v>0</v>
      </c>
      <c r="CV34" s="28">
        <v>0</v>
      </c>
      <c r="CW34" s="29">
        <v>0</v>
      </c>
      <c r="CX34" s="24">
        <v>0</v>
      </c>
      <c r="CY34" s="25">
        <v>0</v>
      </c>
      <c r="CZ34" s="26">
        <v>0</v>
      </c>
      <c r="DA34" s="404">
        <v>0</v>
      </c>
      <c r="DB34" s="25">
        <v>0</v>
      </c>
      <c r="DC34" s="25">
        <v>0</v>
      </c>
      <c r="DD34" s="25">
        <v>0</v>
      </c>
      <c r="DE34" s="25">
        <v>0</v>
      </c>
      <c r="DF34" s="25">
        <v>0</v>
      </c>
      <c r="DG34" s="28">
        <v>0</v>
      </c>
      <c r="DH34" s="29">
        <v>0</v>
      </c>
      <c r="DI34" s="24">
        <v>0</v>
      </c>
      <c r="DJ34" s="25">
        <v>0</v>
      </c>
      <c r="DK34" s="26">
        <v>0</v>
      </c>
      <c r="DL34" s="27">
        <v>0</v>
      </c>
      <c r="DM34" s="25">
        <v>38307</v>
      </c>
      <c r="DN34" s="25">
        <v>74580</v>
      </c>
      <c r="DO34" s="25">
        <v>210455</v>
      </c>
      <c r="DP34" s="25">
        <v>177934</v>
      </c>
      <c r="DQ34" s="25">
        <v>273505</v>
      </c>
      <c r="DR34" s="28">
        <v>774781</v>
      </c>
      <c r="DS34" s="30">
        <v>774781</v>
      </c>
      <c r="DT34" s="24">
        <v>0</v>
      </c>
      <c r="DU34" s="25">
        <v>0</v>
      </c>
      <c r="DV34" s="26">
        <v>0</v>
      </c>
      <c r="DW34" s="404">
        <v>0</v>
      </c>
      <c r="DX34" s="25">
        <v>35430</v>
      </c>
      <c r="DY34" s="25">
        <v>54750</v>
      </c>
      <c r="DZ34" s="25">
        <v>196230</v>
      </c>
      <c r="EA34" s="25">
        <v>142155</v>
      </c>
      <c r="EB34" s="25">
        <v>267155</v>
      </c>
      <c r="EC34" s="28">
        <v>695720</v>
      </c>
      <c r="ED34" s="29">
        <v>695720</v>
      </c>
      <c r="EE34" s="24">
        <v>0</v>
      </c>
      <c r="EF34" s="25">
        <v>0</v>
      </c>
      <c r="EG34" s="26">
        <v>0</v>
      </c>
      <c r="EH34" s="404">
        <v>0</v>
      </c>
      <c r="EI34" s="25">
        <v>210</v>
      </c>
      <c r="EJ34" s="25">
        <v>570</v>
      </c>
      <c r="EK34" s="25">
        <v>840</v>
      </c>
      <c r="EL34" s="25">
        <v>420</v>
      </c>
      <c r="EM34" s="25">
        <v>210</v>
      </c>
      <c r="EN34" s="28">
        <v>2250</v>
      </c>
      <c r="EO34" s="29">
        <v>2250</v>
      </c>
      <c r="EP34" s="24">
        <v>0</v>
      </c>
      <c r="EQ34" s="25">
        <v>0</v>
      </c>
      <c r="ER34" s="26">
        <v>0</v>
      </c>
      <c r="ES34" s="404">
        <v>0</v>
      </c>
      <c r="ET34" s="25">
        <v>0</v>
      </c>
      <c r="EU34" s="25">
        <v>0</v>
      </c>
      <c r="EV34" s="25">
        <v>0</v>
      </c>
      <c r="EW34" s="25">
        <v>0</v>
      </c>
      <c r="EX34" s="25">
        <v>0</v>
      </c>
      <c r="EY34" s="28">
        <v>0</v>
      </c>
      <c r="EZ34" s="29">
        <v>0</v>
      </c>
      <c r="FA34" s="24">
        <v>0</v>
      </c>
      <c r="FB34" s="25">
        <v>0</v>
      </c>
      <c r="FC34" s="26">
        <v>0</v>
      </c>
      <c r="FD34" s="404">
        <v>0</v>
      </c>
      <c r="FE34" s="25">
        <v>210</v>
      </c>
      <c r="FF34" s="25">
        <v>0</v>
      </c>
      <c r="FG34" s="25">
        <v>0</v>
      </c>
      <c r="FH34" s="25">
        <v>0</v>
      </c>
      <c r="FI34" s="25">
        <v>210</v>
      </c>
      <c r="FJ34" s="28">
        <v>420</v>
      </c>
      <c r="FK34" s="29">
        <v>420</v>
      </c>
      <c r="FL34" s="24">
        <v>0</v>
      </c>
      <c r="FM34" s="25">
        <v>0</v>
      </c>
      <c r="FN34" s="26">
        <v>0</v>
      </c>
      <c r="FO34" s="404">
        <v>0</v>
      </c>
      <c r="FP34" s="25">
        <v>0</v>
      </c>
      <c r="FQ34" s="25">
        <v>0</v>
      </c>
      <c r="FR34" s="25">
        <v>0</v>
      </c>
      <c r="FS34" s="25">
        <v>0</v>
      </c>
      <c r="FT34" s="25">
        <v>0</v>
      </c>
      <c r="FU34" s="28">
        <v>0</v>
      </c>
      <c r="FV34" s="29">
        <v>0</v>
      </c>
      <c r="FW34" s="24">
        <v>0</v>
      </c>
      <c r="FX34" s="25">
        <v>0</v>
      </c>
      <c r="FY34" s="26">
        <v>0</v>
      </c>
      <c r="FZ34" s="27">
        <v>0</v>
      </c>
      <c r="GA34" s="25">
        <v>2457</v>
      </c>
      <c r="GB34" s="25">
        <v>19260</v>
      </c>
      <c r="GC34" s="25">
        <v>11595</v>
      </c>
      <c r="GD34" s="25">
        <v>35359</v>
      </c>
      <c r="GE34" s="25">
        <v>5930</v>
      </c>
      <c r="GF34" s="28">
        <v>74601</v>
      </c>
      <c r="GG34" s="29">
        <v>74601</v>
      </c>
      <c r="GH34" s="24">
        <v>0</v>
      </c>
      <c r="GI34" s="25">
        <v>0</v>
      </c>
      <c r="GJ34" s="26">
        <v>0</v>
      </c>
      <c r="GK34" s="27">
        <v>0</v>
      </c>
      <c r="GL34" s="25">
        <v>0</v>
      </c>
      <c r="GM34" s="25">
        <v>0</v>
      </c>
      <c r="GN34" s="25">
        <v>1790</v>
      </c>
      <c r="GO34" s="25">
        <v>0</v>
      </c>
      <c r="GP34" s="25">
        <v>0</v>
      </c>
      <c r="GQ34" s="28">
        <v>1790</v>
      </c>
      <c r="GR34" s="29">
        <v>1790</v>
      </c>
      <c r="GS34" s="24">
        <v>0</v>
      </c>
      <c r="GT34" s="25">
        <v>0</v>
      </c>
      <c r="GU34" s="26">
        <v>0</v>
      </c>
      <c r="GV34" s="27">
        <v>0</v>
      </c>
      <c r="GW34" s="25">
        <v>0</v>
      </c>
      <c r="GX34" s="25">
        <v>0</v>
      </c>
      <c r="GY34" s="25">
        <v>0</v>
      </c>
      <c r="GZ34" s="25">
        <v>0</v>
      </c>
      <c r="HA34" s="25">
        <v>0</v>
      </c>
      <c r="HB34" s="28">
        <v>0</v>
      </c>
      <c r="HC34" s="29">
        <v>0</v>
      </c>
      <c r="HD34" s="24">
        <v>0</v>
      </c>
      <c r="HE34" s="25">
        <v>0</v>
      </c>
      <c r="HF34" s="26">
        <v>0</v>
      </c>
      <c r="HG34" s="404">
        <v>0</v>
      </c>
      <c r="HH34" s="25">
        <v>0</v>
      </c>
      <c r="HI34" s="25">
        <v>0</v>
      </c>
      <c r="HJ34" s="25">
        <v>0</v>
      </c>
      <c r="HK34" s="25">
        <v>0</v>
      </c>
      <c r="HL34" s="25">
        <v>0</v>
      </c>
      <c r="HM34" s="28">
        <v>0</v>
      </c>
      <c r="HN34" s="29">
        <v>0</v>
      </c>
      <c r="HO34" s="24">
        <v>0</v>
      </c>
      <c r="HP34" s="25">
        <v>0</v>
      </c>
      <c r="HQ34" s="26">
        <v>0</v>
      </c>
      <c r="HR34" s="27">
        <v>0</v>
      </c>
      <c r="HS34" s="25">
        <v>99487</v>
      </c>
      <c r="HT34" s="25">
        <v>229760</v>
      </c>
      <c r="HU34" s="25">
        <v>383395</v>
      </c>
      <c r="HV34" s="25">
        <v>355459</v>
      </c>
      <c r="HW34" s="25">
        <v>455180</v>
      </c>
      <c r="HX34" s="28">
        <v>1523281</v>
      </c>
      <c r="HY34" s="29">
        <v>1523281</v>
      </c>
    </row>
    <row r="35" spans="2:233" ht="21" customHeight="1" x14ac:dyDescent="0.2">
      <c r="B35" s="106" t="s">
        <v>32</v>
      </c>
      <c r="C35" s="24">
        <v>0</v>
      </c>
      <c r="D35" s="25">
        <v>0</v>
      </c>
      <c r="E35" s="26">
        <v>0</v>
      </c>
      <c r="F35" s="27">
        <v>0</v>
      </c>
      <c r="G35" s="25">
        <v>2550</v>
      </c>
      <c r="H35" s="25">
        <v>75840</v>
      </c>
      <c r="I35" s="25">
        <v>248865</v>
      </c>
      <c r="J35" s="25">
        <v>437355</v>
      </c>
      <c r="K35" s="25">
        <v>255030</v>
      </c>
      <c r="L35" s="28">
        <v>1019640</v>
      </c>
      <c r="M35" s="29">
        <v>1019640</v>
      </c>
      <c r="N35" s="24">
        <v>0</v>
      </c>
      <c r="O35" s="25">
        <v>0</v>
      </c>
      <c r="P35" s="26">
        <v>0</v>
      </c>
      <c r="Q35" s="404">
        <v>0</v>
      </c>
      <c r="R35" s="25">
        <v>0</v>
      </c>
      <c r="S35" s="25">
        <v>0</v>
      </c>
      <c r="T35" s="25">
        <v>42145</v>
      </c>
      <c r="U35" s="25">
        <v>265950</v>
      </c>
      <c r="V35" s="25">
        <v>186600</v>
      </c>
      <c r="W35" s="28">
        <v>494695</v>
      </c>
      <c r="X35" s="29">
        <v>494695</v>
      </c>
      <c r="Y35" s="24">
        <v>0</v>
      </c>
      <c r="Z35" s="25">
        <v>0</v>
      </c>
      <c r="AA35" s="26">
        <v>0</v>
      </c>
      <c r="AB35" s="404">
        <v>0</v>
      </c>
      <c r="AC35" s="25">
        <v>2550</v>
      </c>
      <c r="AD35" s="25">
        <v>63300</v>
      </c>
      <c r="AE35" s="25">
        <v>31500</v>
      </c>
      <c r="AF35" s="25">
        <v>105300</v>
      </c>
      <c r="AG35" s="25">
        <v>2550</v>
      </c>
      <c r="AH35" s="28">
        <v>205200</v>
      </c>
      <c r="AI35" s="29">
        <v>205200</v>
      </c>
      <c r="AJ35" s="24">
        <v>0</v>
      </c>
      <c r="AK35" s="25">
        <v>0</v>
      </c>
      <c r="AL35" s="26">
        <v>0</v>
      </c>
      <c r="AM35" s="404">
        <v>0</v>
      </c>
      <c r="AN35" s="25">
        <v>0</v>
      </c>
      <c r="AO35" s="25">
        <v>0</v>
      </c>
      <c r="AP35" s="25">
        <v>0</v>
      </c>
      <c r="AQ35" s="25">
        <v>0</v>
      </c>
      <c r="AR35" s="25">
        <v>0</v>
      </c>
      <c r="AS35" s="28">
        <v>0</v>
      </c>
      <c r="AT35" s="29">
        <v>0</v>
      </c>
      <c r="AU35" s="24">
        <v>0</v>
      </c>
      <c r="AV35" s="25">
        <v>0</v>
      </c>
      <c r="AW35" s="26">
        <v>0</v>
      </c>
      <c r="AX35" s="404">
        <v>0</v>
      </c>
      <c r="AY35" s="25">
        <v>0</v>
      </c>
      <c r="AZ35" s="25">
        <v>0</v>
      </c>
      <c r="BA35" s="25">
        <v>0</v>
      </c>
      <c r="BB35" s="25">
        <v>0</v>
      </c>
      <c r="BC35" s="25">
        <v>31650</v>
      </c>
      <c r="BD35" s="28">
        <v>31650</v>
      </c>
      <c r="BE35" s="29">
        <v>31650</v>
      </c>
      <c r="BF35" s="24">
        <v>0</v>
      </c>
      <c r="BG35" s="25">
        <v>0</v>
      </c>
      <c r="BH35" s="26">
        <v>0</v>
      </c>
      <c r="BI35" s="404">
        <v>0</v>
      </c>
      <c r="BJ35" s="25">
        <v>0</v>
      </c>
      <c r="BK35" s="25">
        <v>0</v>
      </c>
      <c r="BL35" s="25">
        <v>153000</v>
      </c>
      <c r="BM35" s="25">
        <v>66105</v>
      </c>
      <c r="BN35" s="25">
        <v>26400</v>
      </c>
      <c r="BO35" s="28">
        <v>245505</v>
      </c>
      <c r="BP35" s="29">
        <v>245505</v>
      </c>
      <c r="BQ35" s="24">
        <v>0</v>
      </c>
      <c r="BR35" s="25">
        <v>0</v>
      </c>
      <c r="BS35" s="26">
        <v>0</v>
      </c>
      <c r="BT35" s="27">
        <v>0</v>
      </c>
      <c r="BU35" s="25">
        <v>0</v>
      </c>
      <c r="BV35" s="25">
        <v>11960</v>
      </c>
      <c r="BW35" s="25">
        <v>22220</v>
      </c>
      <c r="BX35" s="25">
        <v>0</v>
      </c>
      <c r="BY35" s="25">
        <v>7830</v>
      </c>
      <c r="BZ35" s="28">
        <v>42010</v>
      </c>
      <c r="CA35" s="29">
        <v>42010</v>
      </c>
      <c r="CB35" s="24">
        <v>0</v>
      </c>
      <c r="CC35" s="25">
        <v>0</v>
      </c>
      <c r="CD35" s="26">
        <v>0</v>
      </c>
      <c r="CE35" s="27">
        <v>0</v>
      </c>
      <c r="CF35" s="25">
        <v>0</v>
      </c>
      <c r="CG35" s="25">
        <v>580</v>
      </c>
      <c r="CH35" s="25">
        <v>0</v>
      </c>
      <c r="CI35" s="25">
        <v>0</v>
      </c>
      <c r="CJ35" s="25">
        <v>0</v>
      </c>
      <c r="CK35" s="28">
        <v>580</v>
      </c>
      <c r="CL35" s="29">
        <v>580</v>
      </c>
      <c r="CM35" s="24">
        <v>0</v>
      </c>
      <c r="CN35" s="25">
        <v>0</v>
      </c>
      <c r="CO35" s="26">
        <v>0</v>
      </c>
      <c r="CP35" s="27">
        <v>0</v>
      </c>
      <c r="CQ35" s="25">
        <v>0</v>
      </c>
      <c r="CR35" s="25">
        <v>0</v>
      </c>
      <c r="CS35" s="25">
        <v>0</v>
      </c>
      <c r="CT35" s="25">
        <v>0</v>
      </c>
      <c r="CU35" s="25">
        <v>0</v>
      </c>
      <c r="CV35" s="28">
        <v>0</v>
      </c>
      <c r="CW35" s="29">
        <v>0</v>
      </c>
      <c r="CX35" s="24">
        <v>0</v>
      </c>
      <c r="CY35" s="25">
        <v>0</v>
      </c>
      <c r="CZ35" s="26">
        <v>0</v>
      </c>
      <c r="DA35" s="404">
        <v>0</v>
      </c>
      <c r="DB35" s="25">
        <v>0</v>
      </c>
      <c r="DC35" s="25">
        <v>0</v>
      </c>
      <c r="DD35" s="25">
        <v>0</v>
      </c>
      <c r="DE35" s="25">
        <v>0</v>
      </c>
      <c r="DF35" s="25">
        <v>0</v>
      </c>
      <c r="DG35" s="28">
        <v>0</v>
      </c>
      <c r="DH35" s="29">
        <v>0</v>
      </c>
      <c r="DI35" s="24">
        <v>0</v>
      </c>
      <c r="DJ35" s="25">
        <v>0</v>
      </c>
      <c r="DK35" s="26">
        <v>0</v>
      </c>
      <c r="DL35" s="27">
        <v>0</v>
      </c>
      <c r="DM35" s="25">
        <v>210</v>
      </c>
      <c r="DN35" s="25">
        <v>13859</v>
      </c>
      <c r="DO35" s="25">
        <v>247962</v>
      </c>
      <c r="DP35" s="25">
        <v>474264</v>
      </c>
      <c r="DQ35" s="25">
        <v>235100</v>
      </c>
      <c r="DR35" s="28">
        <v>971395</v>
      </c>
      <c r="DS35" s="30">
        <v>971395</v>
      </c>
      <c r="DT35" s="24">
        <v>0</v>
      </c>
      <c r="DU35" s="25">
        <v>0</v>
      </c>
      <c r="DV35" s="26">
        <v>0</v>
      </c>
      <c r="DW35" s="404">
        <v>0</v>
      </c>
      <c r="DX35" s="25">
        <v>0</v>
      </c>
      <c r="DY35" s="25">
        <v>0</v>
      </c>
      <c r="DZ35" s="25">
        <v>68075</v>
      </c>
      <c r="EA35" s="25">
        <v>370620</v>
      </c>
      <c r="EB35" s="25">
        <v>185490</v>
      </c>
      <c r="EC35" s="28">
        <v>624185</v>
      </c>
      <c r="ED35" s="29">
        <v>624185</v>
      </c>
      <c r="EE35" s="24">
        <v>0</v>
      </c>
      <c r="EF35" s="25">
        <v>0</v>
      </c>
      <c r="EG35" s="26">
        <v>0</v>
      </c>
      <c r="EH35" s="404">
        <v>0</v>
      </c>
      <c r="EI35" s="25">
        <v>210</v>
      </c>
      <c r="EJ35" s="25">
        <v>390</v>
      </c>
      <c r="EK35" s="25">
        <v>11340</v>
      </c>
      <c r="EL35" s="25">
        <v>46650</v>
      </c>
      <c r="EM35" s="25">
        <v>210</v>
      </c>
      <c r="EN35" s="28">
        <v>58800</v>
      </c>
      <c r="EO35" s="29">
        <v>58800</v>
      </c>
      <c r="EP35" s="24">
        <v>0</v>
      </c>
      <c r="EQ35" s="25">
        <v>0</v>
      </c>
      <c r="ER35" s="26">
        <v>0</v>
      </c>
      <c r="ES35" s="404">
        <v>0</v>
      </c>
      <c r="ET35" s="25">
        <v>0</v>
      </c>
      <c r="EU35" s="25">
        <v>0</v>
      </c>
      <c r="EV35" s="25">
        <v>0</v>
      </c>
      <c r="EW35" s="25">
        <v>0</v>
      </c>
      <c r="EX35" s="25">
        <v>0</v>
      </c>
      <c r="EY35" s="28">
        <v>0</v>
      </c>
      <c r="EZ35" s="29">
        <v>0</v>
      </c>
      <c r="FA35" s="24">
        <v>0</v>
      </c>
      <c r="FB35" s="25">
        <v>0</v>
      </c>
      <c r="FC35" s="26">
        <v>0</v>
      </c>
      <c r="FD35" s="404">
        <v>0</v>
      </c>
      <c r="FE35" s="25">
        <v>0</v>
      </c>
      <c r="FF35" s="25">
        <v>0</v>
      </c>
      <c r="FG35" s="25">
        <v>0</v>
      </c>
      <c r="FH35" s="25">
        <v>0</v>
      </c>
      <c r="FI35" s="25">
        <v>210</v>
      </c>
      <c r="FJ35" s="28">
        <v>210</v>
      </c>
      <c r="FK35" s="29">
        <v>210</v>
      </c>
      <c r="FL35" s="24">
        <v>0</v>
      </c>
      <c r="FM35" s="25">
        <v>0</v>
      </c>
      <c r="FN35" s="26">
        <v>0</v>
      </c>
      <c r="FO35" s="404">
        <v>0</v>
      </c>
      <c r="FP35" s="25">
        <v>0</v>
      </c>
      <c r="FQ35" s="25">
        <v>0</v>
      </c>
      <c r="FR35" s="25">
        <v>145650</v>
      </c>
      <c r="FS35" s="25">
        <v>56994</v>
      </c>
      <c r="FT35" s="25">
        <v>21060</v>
      </c>
      <c r="FU35" s="28">
        <v>223704</v>
      </c>
      <c r="FV35" s="29">
        <v>223704</v>
      </c>
      <c r="FW35" s="24">
        <v>0</v>
      </c>
      <c r="FX35" s="25">
        <v>0</v>
      </c>
      <c r="FY35" s="26">
        <v>0</v>
      </c>
      <c r="FZ35" s="27">
        <v>0</v>
      </c>
      <c r="GA35" s="25">
        <v>0</v>
      </c>
      <c r="GB35" s="25">
        <v>12016</v>
      </c>
      <c r="GC35" s="25">
        <v>22897</v>
      </c>
      <c r="GD35" s="25">
        <v>0</v>
      </c>
      <c r="GE35" s="25">
        <v>28130</v>
      </c>
      <c r="GF35" s="28">
        <v>63043</v>
      </c>
      <c r="GG35" s="29">
        <v>63043</v>
      </c>
      <c r="GH35" s="24">
        <v>0</v>
      </c>
      <c r="GI35" s="25">
        <v>0</v>
      </c>
      <c r="GJ35" s="26">
        <v>0</v>
      </c>
      <c r="GK35" s="27">
        <v>0</v>
      </c>
      <c r="GL35" s="25">
        <v>0</v>
      </c>
      <c r="GM35" s="25">
        <v>1453</v>
      </c>
      <c r="GN35" s="25">
        <v>0</v>
      </c>
      <c r="GO35" s="25">
        <v>0</v>
      </c>
      <c r="GP35" s="25">
        <v>0</v>
      </c>
      <c r="GQ35" s="28">
        <v>1453</v>
      </c>
      <c r="GR35" s="29">
        <v>1453</v>
      </c>
      <c r="GS35" s="24">
        <v>0</v>
      </c>
      <c r="GT35" s="25">
        <v>0</v>
      </c>
      <c r="GU35" s="26">
        <v>0</v>
      </c>
      <c r="GV35" s="27">
        <v>0</v>
      </c>
      <c r="GW35" s="25">
        <v>0</v>
      </c>
      <c r="GX35" s="25">
        <v>0</v>
      </c>
      <c r="GY35" s="25">
        <v>0</v>
      </c>
      <c r="GZ35" s="25">
        <v>0</v>
      </c>
      <c r="HA35" s="25">
        <v>0</v>
      </c>
      <c r="HB35" s="28">
        <v>0</v>
      </c>
      <c r="HC35" s="29">
        <v>0</v>
      </c>
      <c r="HD35" s="24">
        <v>0</v>
      </c>
      <c r="HE35" s="25">
        <v>0</v>
      </c>
      <c r="HF35" s="26">
        <v>0</v>
      </c>
      <c r="HG35" s="404">
        <v>0</v>
      </c>
      <c r="HH35" s="25">
        <v>0</v>
      </c>
      <c r="HI35" s="25">
        <v>0</v>
      </c>
      <c r="HJ35" s="25">
        <v>0</v>
      </c>
      <c r="HK35" s="25">
        <v>0</v>
      </c>
      <c r="HL35" s="25">
        <v>0</v>
      </c>
      <c r="HM35" s="28">
        <v>0</v>
      </c>
      <c r="HN35" s="29">
        <v>0</v>
      </c>
      <c r="HO35" s="24">
        <v>0</v>
      </c>
      <c r="HP35" s="25">
        <v>0</v>
      </c>
      <c r="HQ35" s="26">
        <v>0</v>
      </c>
      <c r="HR35" s="27">
        <v>0</v>
      </c>
      <c r="HS35" s="25">
        <v>2760</v>
      </c>
      <c r="HT35" s="25">
        <v>89699</v>
      </c>
      <c r="HU35" s="25">
        <v>496827</v>
      </c>
      <c r="HV35" s="25">
        <v>911619</v>
      </c>
      <c r="HW35" s="25">
        <v>490130</v>
      </c>
      <c r="HX35" s="28">
        <v>1991035</v>
      </c>
      <c r="HY35" s="29">
        <v>1991035</v>
      </c>
    </row>
    <row r="36" spans="2:233" ht="21" customHeight="1" x14ac:dyDescent="0.2">
      <c r="B36" s="106" t="s">
        <v>33</v>
      </c>
      <c r="C36" s="24">
        <v>0</v>
      </c>
      <c r="D36" s="25">
        <v>0</v>
      </c>
      <c r="E36" s="26">
        <v>0</v>
      </c>
      <c r="F36" s="27">
        <v>0</v>
      </c>
      <c r="G36" s="25">
        <v>67785</v>
      </c>
      <c r="H36" s="25">
        <v>238675</v>
      </c>
      <c r="I36" s="25">
        <v>365995</v>
      </c>
      <c r="J36" s="25">
        <v>664640</v>
      </c>
      <c r="K36" s="25">
        <v>212090</v>
      </c>
      <c r="L36" s="28">
        <v>1549185</v>
      </c>
      <c r="M36" s="29">
        <v>1549185</v>
      </c>
      <c r="N36" s="24">
        <v>0</v>
      </c>
      <c r="O36" s="25">
        <v>0</v>
      </c>
      <c r="P36" s="26">
        <v>0</v>
      </c>
      <c r="Q36" s="404">
        <v>0</v>
      </c>
      <c r="R36" s="25">
        <v>0</v>
      </c>
      <c r="S36" s="25">
        <v>58050</v>
      </c>
      <c r="T36" s="25">
        <v>231845</v>
      </c>
      <c r="U36" s="25">
        <v>360160</v>
      </c>
      <c r="V36" s="25">
        <v>175425</v>
      </c>
      <c r="W36" s="28">
        <v>825480</v>
      </c>
      <c r="X36" s="29">
        <v>825480</v>
      </c>
      <c r="Y36" s="24">
        <v>0</v>
      </c>
      <c r="Z36" s="25">
        <v>0</v>
      </c>
      <c r="AA36" s="26">
        <v>0</v>
      </c>
      <c r="AB36" s="404">
        <v>0</v>
      </c>
      <c r="AC36" s="25">
        <v>36750</v>
      </c>
      <c r="AD36" s="25">
        <v>60750</v>
      </c>
      <c r="AE36" s="25">
        <v>12750</v>
      </c>
      <c r="AF36" s="25">
        <v>223655</v>
      </c>
      <c r="AG36" s="25">
        <v>36665</v>
      </c>
      <c r="AH36" s="28">
        <v>370570</v>
      </c>
      <c r="AI36" s="29">
        <v>370570</v>
      </c>
      <c r="AJ36" s="24">
        <v>0</v>
      </c>
      <c r="AK36" s="25">
        <v>0</v>
      </c>
      <c r="AL36" s="26">
        <v>0</v>
      </c>
      <c r="AM36" s="404">
        <v>0</v>
      </c>
      <c r="AN36" s="25">
        <v>0</v>
      </c>
      <c r="AO36" s="25">
        <v>0</v>
      </c>
      <c r="AP36" s="25">
        <v>0</v>
      </c>
      <c r="AQ36" s="25">
        <v>0</v>
      </c>
      <c r="AR36" s="25">
        <v>0</v>
      </c>
      <c r="AS36" s="28">
        <v>0</v>
      </c>
      <c r="AT36" s="29">
        <v>0</v>
      </c>
      <c r="AU36" s="24">
        <v>0</v>
      </c>
      <c r="AV36" s="25">
        <v>0</v>
      </c>
      <c r="AW36" s="26">
        <v>0</v>
      </c>
      <c r="AX36" s="404">
        <v>0</v>
      </c>
      <c r="AY36" s="25">
        <v>30915</v>
      </c>
      <c r="AZ36" s="25">
        <v>111795</v>
      </c>
      <c r="BA36" s="25">
        <v>72390</v>
      </c>
      <c r="BB36" s="25">
        <v>58200</v>
      </c>
      <c r="BC36" s="25">
        <v>0</v>
      </c>
      <c r="BD36" s="28">
        <v>273300</v>
      </c>
      <c r="BE36" s="29">
        <v>273300</v>
      </c>
      <c r="BF36" s="24">
        <v>0</v>
      </c>
      <c r="BG36" s="25">
        <v>0</v>
      </c>
      <c r="BH36" s="26">
        <v>0</v>
      </c>
      <c r="BI36" s="404">
        <v>0</v>
      </c>
      <c r="BJ36" s="25">
        <v>0</v>
      </c>
      <c r="BK36" s="25">
        <v>0</v>
      </c>
      <c r="BL36" s="25">
        <v>0</v>
      </c>
      <c r="BM36" s="25">
        <v>0</v>
      </c>
      <c r="BN36" s="25">
        <v>0</v>
      </c>
      <c r="BO36" s="28">
        <v>0</v>
      </c>
      <c r="BP36" s="29">
        <v>0</v>
      </c>
      <c r="BQ36" s="24">
        <v>0</v>
      </c>
      <c r="BR36" s="25">
        <v>0</v>
      </c>
      <c r="BS36" s="26">
        <v>0</v>
      </c>
      <c r="BT36" s="27">
        <v>0</v>
      </c>
      <c r="BU36" s="25">
        <v>0</v>
      </c>
      <c r="BV36" s="25">
        <v>6230</v>
      </c>
      <c r="BW36" s="25">
        <v>49010</v>
      </c>
      <c r="BX36" s="25">
        <v>22625</v>
      </c>
      <c r="BY36" s="25">
        <v>0</v>
      </c>
      <c r="BZ36" s="28">
        <v>77865</v>
      </c>
      <c r="CA36" s="29">
        <v>77865</v>
      </c>
      <c r="CB36" s="24">
        <v>0</v>
      </c>
      <c r="CC36" s="25">
        <v>0</v>
      </c>
      <c r="CD36" s="26">
        <v>0</v>
      </c>
      <c r="CE36" s="27">
        <v>0</v>
      </c>
      <c r="CF36" s="25">
        <v>120</v>
      </c>
      <c r="CG36" s="25">
        <v>1850</v>
      </c>
      <c r="CH36" s="25">
        <v>0</v>
      </c>
      <c r="CI36" s="25">
        <v>0</v>
      </c>
      <c r="CJ36" s="25">
        <v>0</v>
      </c>
      <c r="CK36" s="28">
        <v>1970</v>
      </c>
      <c r="CL36" s="29">
        <v>1970</v>
      </c>
      <c r="CM36" s="24">
        <v>0</v>
      </c>
      <c r="CN36" s="25">
        <v>0</v>
      </c>
      <c r="CO36" s="26">
        <v>0</v>
      </c>
      <c r="CP36" s="27">
        <v>0</v>
      </c>
      <c r="CQ36" s="25">
        <v>0</v>
      </c>
      <c r="CR36" s="25">
        <v>0</v>
      </c>
      <c r="CS36" s="25">
        <v>0</v>
      </c>
      <c r="CT36" s="25">
        <v>0</v>
      </c>
      <c r="CU36" s="25">
        <v>0</v>
      </c>
      <c r="CV36" s="28">
        <v>0</v>
      </c>
      <c r="CW36" s="29">
        <v>0</v>
      </c>
      <c r="CX36" s="24">
        <v>0</v>
      </c>
      <c r="CY36" s="25">
        <v>0</v>
      </c>
      <c r="CZ36" s="26">
        <v>0</v>
      </c>
      <c r="DA36" s="404">
        <v>0</v>
      </c>
      <c r="DB36" s="25">
        <v>0</v>
      </c>
      <c r="DC36" s="25">
        <v>0</v>
      </c>
      <c r="DD36" s="25">
        <v>0</v>
      </c>
      <c r="DE36" s="25">
        <v>0</v>
      </c>
      <c r="DF36" s="25">
        <v>0</v>
      </c>
      <c r="DG36" s="28">
        <v>0</v>
      </c>
      <c r="DH36" s="29">
        <v>0</v>
      </c>
      <c r="DI36" s="24">
        <v>0</v>
      </c>
      <c r="DJ36" s="25">
        <v>0</v>
      </c>
      <c r="DK36" s="26">
        <v>0</v>
      </c>
      <c r="DL36" s="27">
        <v>0</v>
      </c>
      <c r="DM36" s="25">
        <v>10823</v>
      </c>
      <c r="DN36" s="25">
        <v>78254</v>
      </c>
      <c r="DO36" s="25">
        <v>371579</v>
      </c>
      <c r="DP36" s="25">
        <v>429026</v>
      </c>
      <c r="DQ36" s="25">
        <v>176013</v>
      </c>
      <c r="DR36" s="28">
        <v>1065695</v>
      </c>
      <c r="DS36" s="30">
        <v>1065695</v>
      </c>
      <c r="DT36" s="24">
        <v>0</v>
      </c>
      <c r="DU36" s="25">
        <v>0</v>
      </c>
      <c r="DV36" s="26">
        <v>0</v>
      </c>
      <c r="DW36" s="404">
        <v>0</v>
      </c>
      <c r="DX36" s="25">
        <v>0</v>
      </c>
      <c r="DY36" s="25">
        <v>49980</v>
      </c>
      <c r="DZ36" s="25">
        <v>309990</v>
      </c>
      <c r="EA36" s="25">
        <v>380370</v>
      </c>
      <c r="EB36" s="25">
        <v>175383</v>
      </c>
      <c r="EC36" s="28">
        <v>915723</v>
      </c>
      <c r="ED36" s="29">
        <v>915723</v>
      </c>
      <c r="EE36" s="24">
        <v>0</v>
      </c>
      <c r="EF36" s="25">
        <v>0</v>
      </c>
      <c r="EG36" s="26">
        <v>0</v>
      </c>
      <c r="EH36" s="404">
        <v>0</v>
      </c>
      <c r="EI36" s="25">
        <v>630</v>
      </c>
      <c r="EJ36" s="25">
        <v>11730</v>
      </c>
      <c r="EK36" s="25">
        <v>1050</v>
      </c>
      <c r="EL36" s="25">
        <v>24041</v>
      </c>
      <c r="EM36" s="25">
        <v>630</v>
      </c>
      <c r="EN36" s="28">
        <v>38081</v>
      </c>
      <c r="EO36" s="29">
        <v>38081</v>
      </c>
      <c r="EP36" s="24">
        <v>0</v>
      </c>
      <c r="EQ36" s="25">
        <v>0</v>
      </c>
      <c r="ER36" s="26">
        <v>0</v>
      </c>
      <c r="ES36" s="404">
        <v>0</v>
      </c>
      <c r="ET36" s="25">
        <v>0</v>
      </c>
      <c r="EU36" s="25">
        <v>0</v>
      </c>
      <c r="EV36" s="25">
        <v>0</v>
      </c>
      <c r="EW36" s="25">
        <v>0</v>
      </c>
      <c r="EX36" s="25">
        <v>0</v>
      </c>
      <c r="EY36" s="28">
        <v>0</v>
      </c>
      <c r="EZ36" s="29">
        <v>0</v>
      </c>
      <c r="FA36" s="24">
        <v>0</v>
      </c>
      <c r="FB36" s="25">
        <v>0</v>
      </c>
      <c r="FC36" s="26">
        <v>0</v>
      </c>
      <c r="FD36" s="404">
        <v>0</v>
      </c>
      <c r="FE36" s="25">
        <v>10179</v>
      </c>
      <c r="FF36" s="25">
        <v>12367</v>
      </c>
      <c r="FG36" s="25">
        <v>12080</v>
      </c>
      <c r="FH36" s="25">
        <v>11520</v>
      </c>
      <c r="FI36" s="25">
        <v>0</v>
      </c>
      <c r="FJ36" s="28">
        <v>46146</v>
      </c>
      <c r="FK36" s="29">
        <v>46146</v>
      </c>
      <c r="FL36" s="24">
        <v>0</v>
      </c>
      <c r="FM36" s="25">
        <v>0</v>
      </c>
      <c r="FN36" s="26">
        <v>0</v>
      </c>
      <c r="FO36" s="404">
        <v>0</v>
      </c>
      <c r="FP36" s="25">
        <v>0</v>
      </c>
      <c r="FQ36" s="25">
        <v>0</v>
      </c>
      <c r="FR36" s="25">
        <v>0</v>
      </c>
      <c r="FS36" s="25">
        <v>0</v>
      </c>
      <c r="FT36" s="25">
        <v>0</v>
      </c>
      <c r="FU36" s="28">
        <v>0</v>
      </c>
      <c r="FV36" s="29">
        <v>0</v>
      </c>
      <c r="FW36" s="24">
        <v>0</v>
      </c>
      <c r="FX36" s="25">
        <v>0</v>
      </c>
      <c r="FY36" s="26">
        <v>0</v>
      </c>
      <c r="FZ36" s="27">
        <v>0</v>
      </c>
      <c r="GA36" s="25">
        <v>0</v>
      </c>
      <c r="GB36" s="25">
        <v>4135</v>
      </c>
      <c r="GC36" s="25">
        <v>48459</v>
      </c>
      <c r="GD36" s="25">
        <v>13095</v>
      </c>
      <c r="GE36" s="25">
        <v>0</v>
      </c>
      <c r="GF36" s="28">
        <v>65689</v>
      </c>
      <c r="GG36" s="29">
        <v>65689</v>
      </c>
      <c r="GH36" s="24">
        <v>0</v>
      </c>
      <c r="GI36" s="25">
        <v>0</v>
      </c>
      <c r="GJ36" s="26">
        <v>0</v>
      </c>
      <c r="GK36" s="27">
        <v>0</v>
      </c>
      <c r="GL36" s="25">
        <v>14</v>
      </c>
      <c r="GM36" s="25">
        <v>42</v>
      </c>
      <c r="GN36" s="25">
        <v>0</v>
      </c>
      <c r="GO36" s="25">
        <v>0</v>
      </c>
      <c r="GP36" s="25">
        <v>0</v>
      </c>
      <c r="GQ36" s="28">
        <v>56</v>
      </c>
      <c r="GR36" s="29">
        <v>56</v>
      </c>
      <c r="GS36" s="24">
        <v>0</v>
      </c>
      <c r="GT36" s="25">
        <v>0</v>
      </c>
      <c r="GU36" s="26">
        <v>0</v>
      </c>
      <c r="GV36" s="27">
        <v>0</v>
      </c>
      <c r="GW36" s="25">
        <v>0</v>
      </c>
      <c r="GX36" s="25">
        <v>0</v>
      </c>
      <c r="GY36" s="25">
        <v>0</v>
      </c>
      <c r="GZ36" s="25">
        <v>0</v>
      </c>
      <c r="HA36" s="25">
        <v>0</v>
      </c>
      <c r="HB36" s="28">
        <v>0</v>
      </c>
      <c r="HC36" s="29">
        <v>0</v>
      </c>
      <c r="HD36" s="24">
        <v>0</v>
      </c>
      <c r="HE36" s="25">
        <v>0</v>
      </c>
      <c r="HF36" s="26">
        <v>0</v>
      </c>
      <c r="HG36" s="404">
        <v>0</v>
      </c>
      <c r="HH36" s="25">
        <v>0</v>
      </c>
      <c r="HI36" s="25">
        <v>0</v>
      </c>
      <c r="HJ36" s="25">
        <v>0</v>
      </c>
      <c r="HK36" s="25">
        <v>0</v>
      </c>
      <c r="HL36" s="25">
        <v>0</v>
      </c>
      <c r="HM36" s="28">
        <v>0</v>
      </c>
      <c r="HN36" s="29">
        <v>0</v>
      </c>
      <c r="HO36" s="24">
        <v>0</v>
      </c>
      <c r="HP36" s="25">
        <v>0</v>
      </c>
      <c r="HQ36" s="26">
        <v>0</v>
      </c>
      <c r="HR36" s="27">
        <v>0</v>
      </c>
      <c r="HS36" s="25">
        <v>78608</v>
      </c>
      <c r="HT36" s="25">
        <v>316929</v>
      </c>
      <c r="HU36" s="25">
        <v>737574</v>
      </c>
      <c r="HV36" s="25">
        <v>1093666</v>
      </c>
      <c r="HW36" s="25">
        <v>388103</v>
      </c>
      <c r="HX36" s="28">
        <v>2614880</v>
      </c>
      <c r="HY36" s="29">
        <v>2614880</v>
      </c>
    </row>
    <row r="37" spans="2:233" ht="21" customHeight="1" x14ac:dyDescent="0.2">
      <c r="B37" s="106" t="s">
        <v>34</v>
      </c>
      <c r="C37" s="24">
        <v>0</v>
      </c>
      <c r="D37" s="25">
        <v>0</v>
      </c>
      <c r="E37" s="26">
        <v>0</v>
      </c>
      <c r="F37" s="27">
        <v>0</v>
      </c>
      <c r="G37" s="25">
        <v>55500</v>
      </c>
      <c r="H37" s="25">
        <v>5385</v>
      </c>
      <c r="I37" s="25">
        <v>103314</v>
      </c>
      <c r="J37" s="25">
        <v>261275</v>
      </c>
      <c r="K37" s="25">
        <v>123900</v>
      </c>
      <c r="L37" s="28">
        <v>549374</v>
      </c>
      <c r="M37" s="29">
        <v>549374</v>
      </c>
      <c r="N37" s="24">
        <v>0</v>
      </c>
      <c r="O37" s="25">
        <v>0</v>
      </c>
      <c r="P37" s="26">
        <v>0</v>
      </c>
      <c r="Q37" s="404">
        <v>0</v>
      </c>
      <c r="R37" s="25">
        <v>0</v>
      </c>
      <c r="S37" s="25">
        <v>0</v>
      </c>
      <c r="T37" s="25">
        <v>28950</v>
      </c>
      <c r="U37" s="25">
        <v>260260</v>
      </c>
      <c r="V37" s="25">
        <v>89700</v>
      </c>
      <c r="W37" s="28">
        <v>378910</v>
      </c>
      <c r="X37" s="29">
        <v>378910</v>
      </c>
      <c r="Y37" s="24">
        <v>0</v>
      </c>
      <c r="Z37" s="25">
        <v>0</v>
      </c>
      <c r="AA37" s="26">
        <v>0</v>
      </c>
      <c r="AB37" s="404">
        <v>0</v>
      </c>
      <c r="AC37" s="25">
        <v>55500</v>
      </c>
      <c r="AD37" s="25">
        <v>0</v>
      </c>
      <c r="AE37" s="25">
        <v>71250</v>
      </c>
      <c r="AF37" s="25">
        <v>0</v>
      </c>
      <c r="AG37" s="25">
        <v>2550</v>
      </c>
      <c r="AH37" s="28">
        <v>129300</v>
      </c>
      <c r="AI37" s="29">
        <v>129300</v>
      </c>
      <c r="AJ37" s="24">
        <v>0</v>
      </c>
      <c r="AK37" s="25">
        <v>0</v>
      </c>
      <c r="AL37" s="26">
        <v>0</v>
      </c>
      <c r="AM37" s="404">
        <v>0</v>
      </c>
      <c r="AN37" s="25">
        <v>0</v>
      </c>
      <c r="AO37" s="25">
        <v>0</v>
      </c>
      <c r="AP37" s="25">
        <v>0</v>
      </c>
      <c r="AQ37" s="25">
        <v>0</v>
      </c>
      <c r="AR37" s="25">
        <v>0</v>
      </c>
      <c r="AS37" s="28">
        <v>0</v>
      </c>
      <c r="AT37" s="29">
        <v>0</v>
      </c>
      <c r="AU37" s="24">
        <v>0</v>
      </c>
      <c r="AV37" s="25">
        <v>0</v>
      </c>
      <c r="AW37" s="26">
        <v>0</v>
      </c>
      <c r="AX37" s="404">
        <v>0</v>
      </c>
      <c r="AY37" s="25">
        <v>0</v>
      </c>
      <c r="AZ37" s="25">
        <v>0</v>
      </c>
      <c r="BA37" s="25">
        <v>0</v>
      </c>
      <c r="BB37" s="25">
        <v>0</v>
      </c>
      <c r="BC37" s="25">
        <v>31650</v>
      </c>
      <c r="BD37" s="28">
        <v>31650</v>
      </c>
      <c r="BE37" s="29">
        <v>31650</v>
      </c>
      <c r="BF37" s="24">
        <v>0</v>
      </c>
      <c r="BG37" s="25">
        <v>0</v>
      </c>
      <c r="BH37" s="26">
        <v>0</v>
      </c>
      <c r="BI37" s="404">
        <v>0</v>
      </c>
      <c r="BJ37" s="25">
        <v>0</v>
      </c>
      <c r="BK37" s="25">
        <v>0</v>
      </c>
      <c r="BL37" s="25">
        <v>0</v>
      </c>
      <c r="BM37" s="25">
        <v>0</v>
      </c>
      <c r="BN37" s="25">
        <v>0</v>
      </c>
      <c r="BO37" s="28">
        <v>0</v>
      </c>
      <c r="BP37" s="29">
        <v>0</v>
      </c>
      <c r="BQ37" s="24">
        <v>0</v>
      </c>
      <c r="BR37" s="25">
        <v>0</v>
      </c>
      <c r="BS37" s="26">
        <v>0</v>
      </c>
      <c r="BT37" s="27">
        <v>0</v>
      </c>
      <c r="BU37" s="25">
        <v>0</v>
      </c>
      <c r="BV37" s="25">
        <v>0</v>
      </c>
      <c r="BW37" s="25">
        <v>3114</v>
      </c>
      <c r="BX37" s="25">
        <v>1015</v>
      </c>
      <c r="BY37" s="25">
        <v>0</v>
      </c>
      <c r="BZ37" s="28">
        <v>4129</v>
      </c>
      <c r="CA37" s="29">
        <v>4129</v>
      </c>
      <c r="CB37" s="24">
        <v>0</v>
      </c>
      <c r="CC37" s="25">
        <v>0</v>
      </c>
      <c r="CD37" s="26">
        <v>0</v>
      </c>
      <c r="CE37" s="27">
        <v>0</v>
      </c>
      <c r="CF37" s="25">
        <v>0</v>
      </c>
      <c r="CG37" s="25">
        <v>5385</v>
      </c>
      <c r="CH37" s="25">
        <v>0</v>
      </c>
      <c r="CI37" s="25">
        <v>0</v>
      </c>
      <c r="CJ37" s="25">
        <v>0</v>
      </c>
      <c r="CK37" s="28">
        <v>5385</v>
      </c>
      <c r="CL37" s="29">
        <v>5385</v>
      </c>
      <c r="CM37" s="24">
        <v>0</v>
      </c>
      <c r="CN37" s="25">
        <v>0</v>
      </c>
      <c r="CO37" s="26">
        <v>0</v>
      </c>
      <c r="CP37" s="27">
        <v>0</v>
      </c>
      <c r="CQ37" s="25">
        <v>0</v>
      </c>
      <c r="CR37" s="25">
        <v>0</v>
      </c>
      <c r="CS37" s="25">
        <v>0</v>
      </c>
      <c r="CT37" s="25">
        <v>0</v>
      </c>
      <c r="CU37" s="25">
        <v>0</v>
      </c>
      <c r="CV37" s="28">
        <v>0</v>
      </c>
      <c r="CW37" s="29">
        <v>0</v>
      </c>
      <c r="CX37" s="24">
        <v>0</v>
      </c>
      <c r="CY37" s="25">
        <v>0</v>
      </c>
      <c r="CZ37" s="26">
        <v>0</v>
      </c>
      <c r="DA37" s="404">
        <v>0</v>
      </c>
      <c r="DB37" s="25">
        <v>0</v>
      </c>
      <c r="DC37" s="25">
        <v>0</v>
      </c>
      <c r="DD37" s="25">
        <v>0</v>
      </c>
      <c r="DE37" s="25">
        <v>0</v>
      </c>
      <c r="DF37" s="25">
        <v>0</v>
      </c>
      <c r="DG37" s="28">
        <v>0</v>
      </c>
      <c r="DH37" s="29">
        <v>0</v>
      </c>
      <c r="DI37" s="24">
        <v>0</v>
      </c>
      <c r="DJ37" s="25">
        <v>0</v>
      </c>
      <c r="DK37" s="26">
        <v>0</v>
      </c>
      <c r="DL37" s="27">
        <v>0</v>
      </c>
      <c r="DM37" s="25">
        <v>390</v>
      </c>
      <c r="DN37" s="25">
        <v>1441</v>
      </c>
      <c r="DO37" s="25">
        <v>83864</v>
      </c>
      <c r="DP37" s="25">
        <v>351375</v>
      </c>
      <c r="DQ37" s="25">
        <v>58620</v>
      </c>
      <c r="DR37" s="28">
        <v>495690</v>
      </c>
      <c r="DS37" s="30">
        <v>495690</v>
      </c>
      <c r="DT37" s="24">
        <v>0</v>
      </c>
      <c r="DU37" s="25">
        <v>0</v>
      </c>
      <c r="DV37" s="26">
        <v>0</v>
      </c>
      <c r="DW37" s="404">
        <v>0</v>
      </c>
      <c r="DX37" s="25">
        <v>0</v>
      </c>
      <c r="DY37" s="25">
        <v>0</v>
      </c>
      <c r="DZ37" s="25">
        <v>56310</v>
      </c>
      <c r="EA37" s="25">
        <v>344415</v>
      </c>
      <c r="EB37" s="25">
        <v>58200</v>
      </c>
      <c r="EC37" s="28">
        <v>458925</v>
      </c>
      <c r="ED37" s="29">
        <v>458925</v>
      </c>
      <c r="EE37" s="24">
        <v>0</v>
      </c>
      <c r="EF37" s="25">
        <v>0</v>
      </c>
      <c r="EG37" s="26">
        <v>0</v>
      </c>
      <c r="EH37" s="404">
        <v>0</v>
      </c>
      <c r="EI37" s="25">
        <v>390</v>
      </c>
      <c r="EJ37" s="25">
        <v>0</v>
      </c>
      <c r="EK37" s="25">
        <v>22830</v>
      </c>
      <c r="EL37" s="25">
        <v>0</v>
      </c>
      <c r="EM37" s="25">
        <v>210</v>
      </c>
      <c r="EN37" s="28">
        <v>23430</v>
      </c>
      <c r="EO37" s="29">
        <v>23430</v>
      </c>
      <c r="EP37" s="24">
        <v>0</v>
      </c>
      <c r="EQ37" s="25">
        <v>0</v>
      </c>
      <c r="ER37" s="26">
        <v>0</v>
      </c>
      <c r="ES37" s="404">
        <v>0</v>
      </c>
      <c r="ET37" s="25">
        <v>0</v>
      </c>
      <c r="EU37" s="25">
        <v>0</v>
      </c>
      <c r="EV37" s="25">
        <v>0</v>
      </c>
      <c r="EW37" s="25">
        <v>0</v>
      </c>
      <c r="EX37" s="25">
        <v>0</v>
      </c>
      <c r="EY37" s="28">
        <v>0</v>
      </c>
      <c r="EZ37" s="29">
        <v>0</v>
      </c>
      <c r="FA37" s="24">
        <v>0</v>
      </c>
      <c r="FB37" s="25">
        <v>0</v>
      </c>
      <c r="FC37" s="26">
        <v>0</v>
      </c>
      <c r="FD37" s="404">
        <v>0</v>
      </c>
      <c r="FE37" s="25">
        <v>0</v>
      </c>
      <c r="FF37" s="25">
        <v>0</v>
      </c>
      <c r="FG37" s="25">
        <v>0</v>
      </c>
      <c r="FH37" s="25">
        <v>0</v>
      </c>
      <c r="FI37" s="25">
        <v>210</v>
      </c>
      <c r="FJ37" s="28">
        <v>210</v>
      </c>
      <c r="FK37" s="29">
        <v>210</v>
      </c>
      <c r="FL37" s="24">
        <v>0</v>
      </c>
      <c r="FM37" s="25">
        <v>0</v>
      </c>
      <c r="FN37" s="26">
        <v>0</v>
      </c>
      <c r="FO37" s="404">
        <v>0</v>
      </c>
      <c r="FP37" s="25">
        <v>0</v>
      </c>
      <c r="FQ37" s="25">
        <v>0</v>
      </c>
      <c r="FR37" s="25">
        <v>0</v>
      </c>
      <c r="FS37" s="25">
        <v>0</v>
      </c>
      <c r="FT37" s="25">
        <v>0</v>
      </c>
      <c r="FU37" s="28">
        <v>0</v>
      </c>
      <c r="FV37" s="29">
        <v>0</v>
      </c>
      <c r="FW37" s="24">
        <v>0</v>
      </c>
      <c r="FX37" s="25">
        <v>0</v>
      </c>
      <c r="FY37" s="26">
        <v>0</v>
      </c>
      <c r="FZ37" s="27">
        <v>0</v>
      </c>
      <c r="GA37" s="25">
        <v>0</v>
      </c>
      <c r="GB37" s="25">
        <v>1392</v>
      </c>
      <c r="GC37" s="25">
        <v>4724</v>
      </c>
      <c r="GD37" s="25">
        <v>6960</v>
      </c>
      <c r="GE37" s="25">
        <v>0</v>
      </c>
      <c r="GF37" s="28">
        <v>13076</v>
      </c>
      <c r="GG37" s="29">
        <v>13076</v>
      </c>
      <c r="GH37" s="24">
        <v>0</v>
      </c>
      <c r="GI37" s="25">
        <v>0</v>
      </c>
      <c r="GJ37" s="26">
        <v>0</v>
      </c>
      <c r="GK37" s="27">
        <v>0</v>
      </c>
      <c r="GL37" s="25">
        <v>0</v>
      </c>
      <c r="GM37" s="25">
        <v>49</v>
      </c>
      <c r="GN37" s="25">
        <v>0</v>
      </c>
      <c r="GO37" s="25">
        <v>0</v>
      </c>
      <c r="GP37" s="25">
        <v>0</v>
      </c>
      <c r="GQ37" s="28">
        <v>49</v>
      </c>
      <c r="GR37" s="29">
        <v>49</v>
      </c>
      <c r="GS37" s="24">
        <v>0</v>
      </c>
      <c r="GT37" s="25">
        <v>0</v>
      </c>
      <c r="GU37" s="26">
        <v>0</v>
      </c>
      <c r="GV37" s="27">
        <v>0</v>
      </c>
      <c r="GW37" s="25">
        <v>0</v>
      </c>
      <c r="GX37" s="25">
        <v>0</v>
      </c>
      <c r="GY37" s="25">
        <v>0</v>
      </c>
      <c r="GZ37" s="25">
        <v>0</v>
      </c>
      <c r="HA37" s="25">
        <v>0</v>
      </c>
      <c r="HB37" s="28">
        <v>0</v>
      </c>
      <c r="HC37" s="29">
        <v>0</v>
      </c>
      <c r="HD37" s="24">
        <v>0</v>
      </c>
      <c r="HE37" s="25">
        <v>0</v>
      </c>
      <c r="HF37" s="26">
        <v>0</v>
      </c>
      <c r="HG37" s="404">
        <v>0</v>
      </c>
      <c r="HH37" s="25">
        <v>0</v>
      </c>
      <c r="HI37" s="25">
        <v>0</v>
      </c>
      <c r="HJ37" s="25">
        <v>0</v>
      </c>
      <c r="HK37" s="25">
        <v>0</v>
      </c>
      <c r="HL37" s="25">
        <v>0</v>
      </c>
      <c r="HM37" s="28">
        <v>0</v>
      </c>
      <c r="HN37" s="29">
        <v>0</v>
      </c>
      <c r="HO37" s="24">
        <v>0</v>
      </c>
      <c r="HP37" s="25">
        <v>0</v>
      </c>
      <c r="HQ37" s="26">
        <v>0</v>
      </c>
      <c r="HR37" s="27">
        <v>0</v>
      </c>
      <c r="HS37" s="25">
        <v>55890</v>
      </c>
      <c r="HT37" s="25">
        <v>6826</v>
      </c>
      <c r="HU37" s="25">
        <v>187178</v>
      </c>
      <c r="HV37" s="25">
        <v>612650</v>
      </c>
      <c r="HW37" s="25">
        <v>182520</v>
      </c>
      <c r="HX37" s="28">
        <v>1045064</v>
      </c>
      <c r="HY37" s="29">
        <v>1045064</v>
      </c>
    </row>
    <row r="38" spans="2:233" ht="21" customHeight="1" x14ac:dyDescent="0.2">
      <c r="B38" s="106" t="s">
        <v>35</v>
      </c>
      <c r="C38" s="24">
        <v>1885</v>
      </c>
      <c r="D38" s="25">
        <v>0</v>
      </c>
      <c r="E38" s="26">
        <v>1885</v>
      </c>
      <c r="F38" s="27">
        <v>0</v>
      </c>
      <c r="G38" s="25">
        <v>51514</v>
      </c>
      <c r="H38" s="25">
        <v>199329</v>
      </c>
      <c r="I38" s="25">
        <v>630773</v>
      </c>
      <c r="J38" s="25">
        <v>519138</v>
      </c>
      <c r="K38" s="25">
        <v>300820</v>
      </c>
      <c r="L38" s="28">
        <v>1701574</v>
      </c>
      <c r="M38" s="29">
        <v>1703459</v>
      </c>
      <c r="N38" s="24">
        <v>0</v>
      </c>
      <c r="O38" s="25">
        <v>0</v>
      </c>
      <c r="P38" s="26">
        <v>0</v>
      </c>
      <c r="Q38" s="404">
        <v>0</v>
      </c>
      <c r="R38" s="25">
        <v>2550</v>
      </c>
      <c r="S38" s="25">
        <v>23850</v>
      </c>
      <c r="T38" s="25">
        <v>308940</v>
      </c>
      <c r="U38" s="25">
        <v>428045</v>
      </c>
      <c r="V38" s="25">
        <v>195370</v>
      </c>
      <c r="W38" s="28">
        <v>958755</v>
      </c>
      <c r="X38" s="29">
        <v>958755</v>
      </c>
      <c r="Y38" s="24">
        <v>0</v>
      </c>
      <c r="Z38" s="25">
        <v>0</v>
      </c>
      <c r="AA38" s="26">
        <v>0</v>
      </c>
      <c r="AB38" s="404">
        <v>0</v>
      </c>
      <c r="AC38" s="25">
        <v>39300</v>
      </c>
      <c r="AD38" s="25">
        <v>115155</v>
      </c>
      <c r="AE38" s="25">
        <v>150300</v>
      </c>
      <c r="AF38" s="25">
        <v>23850</v>
      </c>
      <c r="AG38" s="25">
        <v>36750</v>
      </c>
      <c r="AH38" s="28">
        <v>365355</v>
      </c>
      <c r="AI38" s="29">
        <v>365355</v>
      </c>
      <c r="AJ38" s="24">
        <v>0</v>
      </c>
      <c r="AK38" s="25">
        <v>0</v>
      </c>
      <c r="AL38" s="26">
        <v>0</v>
      </c>
      <c r="AM38" s="404">
        <v>0</v>
      </c>
      <c r="AN38" s="25">
        <v>0</v>
      </c>
      <c r="AO38" s="25">
        <v>0</v>
      </c>
      <c r="AP38" s="25">
        <v>0</v>
      </c>
      <c r="AQ38" s="25">
        <v>0</v>
      </c>
      <c r="AR38" s="25">
        <v>0</v>
      </c>
      <c r="AS38" s="28">
        <v>0</v>
      </c>
      <c r="AT38" s="29">
        <v>0</v>
      </c>
      <c r="AU38" s="24">
        <v>0</v>
      </c>
      <c r="AV38" s="25">
        <v>0</v>
      </c>
      <c r="AW38" s="26">
        <v>0</v>
      </c>
      <c r="AX38" s="404">
        <v>0</v>
      </c>
      <c r="AY38" s="25">
        <v>0</v>
      </c>
      <c r="AZ38" s="25">
        <v>31650</v>
      </c>
      <c r="BA38" s="25">
        <v>119080</v>
      </c>
      <c r="BB38" s="25">
        <v>34350</v>
      </c>
      <c r="BC38" s="25">
        <v>68700</v>
      </c>
      <c r="BD38" s="28">
        <v>253780</v>
      </c>
      <c r="BE38" s="29">
        <v>253780</v>
      </c>
      <c r="BF38" s="24">
        <v>0</v>
      </c>
      <c r="BG38" s="25">
        <v>0</v>
      </c>
      <c r="BH38" s="26">
        <v>0</v>
      </c>
      <c r="BI38" s="404">
        <v>0</v>
      </c>
      <c r="BJ38" s="25">
        <v>0</v>
      </c>
      <c r="BK38" s="25">
        <v>0</v>
      </c>
      <c r="BL38" s="25">
        <v>0</v>
      </c>
      <c r="BM38" s="25">
        <v>0</v>
      </c>
      <c r="BN38" s="25">
        <v>0</v>
      </c>
      <c r="BO38" s="28">
        <v>0</v>
      </c>
      <c r="BP38" s="29">
        <v>0</v>
      </c>
      <c r="BQ38" s="24">
        <v>1885</v>
      </c>
      <c r="BR38" s="25">
        <v>0</v>
      </c>
      <c r="BS38" s="26">
        <v>1885</v>
      </c>
      <c r="BT38" s="27">
        <v>0</v>
      </c>
      <c r="BU38" s="25">
        <v>9374</v>
      </c>
      <c r="BV38" s="25">
        <v>28674</v>
      </c>
      <c r="BW38" s="25">
        <v>51203</v>
      </c>
      <c r="BX38" s="25">
        <v>32893</v>
      </c>
      <c r="BY38" s="25">
        <v>0</v>
      </c>
      <c r="BZ38" s="28">
        <v>122144</v>
      </c>
      <c r="CA38" s="29">
        <v>124029</v>
      </c>
      <c r="CB38" s="24">
        <v>0</v>
      </c>
      <c r="CC38" s="25">
        <v>0</v>
      </c>
      <c r="CD38" s="26">
        <v>0</v>
      </c>
      <c r="CE38" s="27">
        <v>0</v>
      </c>
      <c r="CF38" s="25">
        <v>290</v>
      </c>
      <c r="CG38" s="25">
        <v>0</v>
      </c>
      <c r="CH38" s="25">
        <v>1250</v>
      </c>
      <c r="CI38" s="25">
        <v>0</v>
      </c>
      <c r="CJ38" s="25">
        <v>0</v>
      </c>
      <c r="CK38" s="28">
        <v>1540</v>
      </c>
      <c r="CL38" s="29">
        <v>1540</v>
      </c>
      <c r="CM38" s="24">
        <v>0</v>
      </c>
      <c r="CN38" s="25">
        <v>0</v>
      </c>
      <c r="CO38" s="26">
        <v>0</v>
      </c>
      <c r="CP38" s="27">
        <v>0</v>
      </c>
      <c r="CQ38" s="25">
        <v>0</v>
      </c>
      <c r="CR38" s="25">
        <v>0</v>
      </c>
      <c r="CS38" s="25">
        <v>0</v>
      </c>
      <c r="CT38" s="25">
        <v>0</v>
      </c>
      <c r="CU38" s="25">
        <v>0</v>
      </c>
      <c r="CV38" s="28">
        <v>0</v>
      </c>
      <c r="CW38" s="29">
        <v>0</v>
      </c>
      <c r="CX38" s="24">
        <v>0</v>
      </c>
      <c r="CY38" s="25">
        <v>0</v>
      </c>
      <c r="CZ38" s="26">
        <v>0</v>
      </c>
      <c r="DA38" s="404">
        <v>0</v>
      </c>
      <c r="DB38" s="25">
        <v>0</v>
      </c>
      <c r="DC38" s="25">
        <v>0</v>
      </c>
      <c r="DD38" s="25">
        <v>0</v>
      </c>
      <c r="DE38" s="25">
        <v>0</v>
      </c>
      <c r="DF38" s="25">
        <v>0</v>
      </c>
      <c r="DG38" s="28">
        <v>0</v>
      </c>
      <c r="DH38" s="29">
        <v>0</v>
      </c>
      <c r="DI38" s="24">
        <v>1410</v>
      </c>
      <c r="DJ38" s="25">
        <v>0</v>
      </c>
      <c r="DK38" s="26">
        <v>1410</v>
      </c>
      <c r="DL38" s="27">
        <v>0</v>
      </c>
      <c r="DM38" s="25">
        <v>56913</v>
      </c>
      <c r="DN38" s="25">
        <v>53420</v>
      </c>
      <c r="DO38" s="25">
        <v>436155</v>
      </c>
      <c r="DP38" s="25">
        <v>513314</v>
      </c>
      <c r="DQ38" s="25">
        <v>301632</v>
      </c>
      <c r="DR38" s="28">
        <v>1361434</v>
      </c>
      <c r="DS38" s="30">
        <v>1362844</v>
      </c>
      <c r="DT38" s="24">
        <v>0</v>
      </c>
      <c r="DU38" s="25">
        <v>0</v>
      </c>
      <c r="DV38" s="26">
        <v>0</v>
      </c>
      <c r="DW38" s="404">
        <v>0</v>
      </c>
      <c r="DX38" s="25">
        <v>14550</v>
      </c>
      <c r="DY38" s="25">
        <v>20880</v>
      </c>
      <c r="DZ38" s="25">
        <v>304755</v>
      </c>
      <c r="EA38" s="25">
        <v>479035</v>
      </c>
      <c r="EB38" s="25">
        <v>243252</v>
      </c>
      <c r="EC38" s="28">
        <v>1062472</v>
      </c>
      <c r="ED38" s="29">
        <v>1062472</v>
      </c>
      <c r="EE38" s="24">
        <v>0</v>
      </c>
      <c r="EF38" s="25">
        <v>0</v>
      </c>
      <c r="EG38" s="26">
        <v>0</v>
      </c>
      <c r="EH38" s="404">
        <v>0</v>
      </c>
      <c r="EI38" s="25">
        <v>21480</v>
      </c>
      <c r="EJ38" s="25">
        <v>12420</v>
      </c>
      <c r="EK38" s="25">
        <v>1260</v>
      </c>
      <c r="EL38" s="25">
        <v>210</v>
      </c>
      <c r="EM38" s="25">
        <v>35760</v>
      </c>
      <c r="EN38" s="28">
        <v>71130</v>
      </c>
      <c r="EO38" s="29">
        <v>71130</v>
      </c>
      <c r="EP38" s="24">
        <v>0</v>
      </c>
      <c r="EQ38" s="25">
        <v>0</v>
      </c>
      <c r="ER38" s="26">
        <v>0</v>
      </c>
      <c r="ES38" s="404">
        <v>0</v>
      </c>
      <c r="ET38" s="25">
        <v>0</v>
      </c>
      <c r="EU38" s="25">
        <v>0</v>
      </c>
      <c r="EV38" s="25">
        <v>0</v>
      </c>
      <c r="EW38" s="25">
        <v>0</v>
      </c>
      <c r="EX38" s="25">
        <v>0</v>
      </c>
      <c r="EY38" s="28">
        <v>0</v>
      </c>
      <c r="EZ38" s="29">
        <v>0</v>
      </c>
      <c r="FA38" s="24">
        <v>0</v>
      </c>
      <c r="FB38" s="25">
        <v>0</v>
      </c>
      <c r="FC38" s="26">
        <v>0</v>
      </c>
      <c r="FD38" s="404">
        <v>0</v>
      </c>
      <c r="FE38" s="25">
        <v>0</v>
      </c>
      <c r="FF38" s="25">
        <v>210</v>
      </c>
      <c r="FG38" s="25">
        <v>39208</v>
      </c>
      <c r="FH38" s="25">
        <v>11429</v>
      </c>
      <c r="FI38" s="25">
        <v>22620</v>
      </c>
      <c r="FJ38" s="28">
        <v>73467</v>
      </c>
      <c r="FK38" s="29">
        <v>73467</v>
      </c>
      <c r="FL38" s="24">
        <v>0</v>
      </c>
      <c r="FM38" s="25">
        <v>0</v>
      </c>
      <c r="FN38" s="26">
        <v>0</v>
      </c>
      <c r="FO38" s="404">
        <v>0</v>
      </c>
      <c r="FP38" s="25">
        <v>0</v>
      </c>
      <c r="FQ38" s="25">
        <v>0</v>
      </c>
      <c r="FR38" s="25">
        <v>0</v>
      </c>
      <c r="FS38" s="25">
        <v>0</v>
      </c>
      <c r="FT38" s="25">
        <v>0</v>
      </c>
      <c r="FU38" s="28">
        <v>0</v>
      </c>
      <c r="FV38" s="29">
        <v>0</v>
      </c>
      <c r="FW38" s="24">
        <v>1410</v>
      </c>
      <c r="FX38" s="25">
        <v>0</v>
      </c>
      <c r="FY38" s="26">
        <v>1410</v>
      </c>
      <c r="FZ38" s="27">
        <v>0</v>
      </c>
      <c r="GA38" s="25">
        <v>20855</v>
      </c>
      <c r="GB38" s="25">
        <v>19910</v>
      </c>
      <c r="GC38" s="25">
        <v>90904</v>
      </c>
      <c r="GD38" s="25">
        <v>22640</v>
      </c>
      <c r="GE38" s="25">
        <v>0</v>
      </c>
      <c r="GF38" s="28">
        <v>154309</v>
      </c>
      <c r="GG38" s="29">
        <v>155719</v>
      </c>
      <c r="GH38" s="24">
        <v>0</v>
      </c>
      <c r="GI38" s="25">
        <v>0</v>
      </c>
      <c r="GJ38" s="26">
        <v>0</v>
      </c>
      <c r="GK38" s="27">
        <v>0</v>
      </c>
      <c r="GL38" s="25">
        <v>28</v>
      </c>
      <c r="GM38" s="25">
        <v>0</v>
      </c>
      <c r="GN38" s="25">
        <v>28</v>
      </c>
      <c r="GO38" s="25">
        <v>0</v>
      </c>
      <c r="GP38" s="25">
        <v>0</v>
      </c>
      <c r="GQ38" s="28">
        <v>56</v>
      </c>
      <c r="GR38" s="29">
        <v>56</v>
      </c>
      <c r="GS38" s="24">
        <v>0</v>
      </c>
      <c r="GT38" s="25">
        <v>0</v>
      </c>
      <c r="GU38" s="26">
        <v>0</v>
      </c>
      <c r="GV38" s="27">
        <v>0</v>
      </c>
      <c r="GW38" s="25">
        <v>0</v>
      </c>
      <c r="GX38" s="25">
        <v>0</v>
      </c>
      <c r="GY38" s="25">
        <v>0</v>
      </c>
      <c r="GZ38" s="25">
        <v>0</v>
      </c>
      <c r="HA38" s="25">
        <v>0</v>
      </c>
      <c r="HB38" s="28">
        <v>0</v>
      </c>
      <c r="HC38" s="29">
        <v>0</v>
      </c>
      <c r="HD38" s="24">
        <v>0</v>
      </c>
      <c r="HE38" s="25">
        <v>0</v>
      </c>
      <c r="HF38" s="26">
        <v>0</v>
      </c>
      <c r="HG38" s="404">
        <v>0</v>
      </c>
      <c r="HH38" s="25">
        <v>0</v>
      </c>
      <c r="HI38" s="25">
        <v>0</v>
      </c>
      <c r="HJ38" s="25">
        <v>0</v>
      </c>
      <c r="HK38" s="25">
        <v>0</v>
      </c>
      <c r="HL38" s="25">
        <v>0</v>
      </c>
      <c r="HM38" s="28">
        <v>0</v>
      </c>
      <c r="HN38" s="29">
        <v>0</v>
      </c>
      <c r="HO38" s="24">
        <v>3295</v>
      </c>
      <c r="HP38" s="25">
        <v>0</v>
      </c>
      <c r="HQ38" s="26">
        <v>3295</v>
      </c>
      <c r="HR38" s="27">
        <v>0</v>
      </c>
      <c r="HS38" s="25">
        <v>108427</v>
      </c>
      <c r="HT38" s="25">
        <v>252749</v>
      </c>
      <c r="HU38" s="25">
        <v>1066928</v>
      </c>
      <c r="HV38" s="25">
        <v>1032452</v>
      </c>
      <c r="HW38" s="25">
        <v>602452</v>
      </c>
      <c r="HX38" s="28">
        <v>3063008</v>
      </c>
      <c r="HY38" s="29">
        <v>3066303</v>
      </c>
    </row>
    <row r="39" spans="2:233" ht="21" customHeight="1" x14ac:dyDescent="0.2">
      <c r="B39" s="106" t="s">
        <v>36</v>
      </c>
      <c r="C39" s="24">
        <v>0</v>
      </c>
      <c r="D39" s="25">
        <v>0</v>
      </c>
      <c r="E39" s="26">
        <v>0</v>
      </c>
      <c r="F39" s="27">
        <v>0</v>
      </c>
      <c r="G39" s="25">
        <v>50880</v>
      </c>
      <c r="H39" s="25">
        <v>232599</v>
      </c>
      <c r="I39" s="25">
        <v>818769</v>
      </c>
      <c r="J39" s="25">
        <v>1048810</v>
      </c>
      <c r="K39" s="25">
        <v>520648</v>
      </c>
      <c r="L39" s="28">
        <v>2671706</v>
      </c>
      <c r="M39" s="29">
        <v>2671706</v>
      </c>
      <c r="N39" s="24">
        <v>0</v>
      </c>
      <c r="O39" s="25">
        <v>0</v>
      </c>
      <c r="P39" s="26">
        <v>0</v>
      </c>
      <c r="Q39" s="404">
        <v>0</v>
      </c>
      <c r="R39" s="25">
        <v>0</v>
      </c>
      <c r="S39" s="25">
        <v>101495</v>
      </c>
      <c r="T39" s="25">
        <v>486790</v>
      </c>
      <c r="U39" s="25">
        <v>719255</v>
      </c>
      <c r="V39" s="25">
        <v>336433</v>
      </c>
      <c r="W39" s="28">
        <v>1643973</v>
      </c>
      <c r="X39" s="29">
        <v>1643973</v>
      </c>
      <c r="Y39" s="24">
        <v>0</v>
      </c>
      <c r="Z39" s="25">
        <v>0</v>
      </c>
      <c r="AA39" s="26">
        <v>0</v>
      </c>
      <c r="AB39" s="404">
        <v>0</v>
      </c>
      <c r="AC39" s="25">
        <v>44400</v>
      </c>
      <c r="AD39" s="25">
        <v>83055</v>
      </c>
      <c r="AE39" s="25">
        <v>320480</v>
      </c>
      <c r="AF39" s="25">
        <v>204220</v>
      </c>
      <c r="AG39" s="25">
        <v>147615</v>
      </c>
      <c r="AH39" s="28">
        <v>799770</v>
      </c>
      <c r="AI39" s="29">
        <v>799770</v>
      </c>
      <c r="AJ39" s="24">
        <v>0</v>
      </c>
      <c r="AK39" s="25">
        <v>0</v>
      </c>
      <c r="AL39" s="26">
        <v>0</v>
      </c>
      <c r="AM39" s="404">
        <v>0</v>
      </c>
      <c r="AN39" s="25">
        <v>0</v>
      </c>
      <c r="AO39" s="25">
        <v>0</v>
      </c>
      <c r="AP39" s="25">
        <v>0</v>
      </c>
      <c r="AQ39" s="25">
        <v>0</v>
      </c>
      <c r="AR39" s="25">
        <v>0</v>
      </c>
      <c r="AS39" s="28">
        <v>0</v>
      </c>
      <c r="AT39" s="29">
        <v>0</v>
      </c>
      <c r="AU39" s="24">
        <v>0</v>
      </c>
      <c r="AV39" s="25">
        <v>0</v>
      </c>
      <c r="AW39" s="26">
        <v>0</v>
      </c>
      <c r="AX39" s="404">
        <v>0</v>
      </c>
      <c r="AY39" s="25">
        <v>0</v>
      </c>
      <c r="AZ39" s="25">
        <v>0</v>
      </c>
      <c r="BA39" s="25">
        <v>0</v>
      </c>
      <c r="BB39" s="25">
        <v>122145</v>
      </c>
      <c r="BC39" s="25">
        <v>4930</v>
      </c>
      <c r="BD39" s="28">
        <v>127075</v>
      </c>
      <c r="BE39" s="29">
        <v>127075</v>
      </c>
      <c r="BF39" s="24">
        <v>0</v>
      </c>
      <c r="BG39" s="25">
        <v>0</v>
      </c>
      <c r="BH39" s="26">
        <v>0</v>
      </c>
      <c r="BI39" s="404">
        <v>0</v>
      </c>
      <c r="BJ39" s="25">
        <v>0</v>
      </c>
      <c r="BK39" s="25">
        <v>0</v>
      </c>
      <c r="BL39" s="25">
        <v>0</v>
      </c>
      <c r="BM39" s="25">
        <v>0</v>
      </c>
      <c r="BN39" s="25">
        <v>0</v>
      </c>
      <c r="BO39" s="28">
        <v>0</v>
      </c>
      <c r="BP39" s="29">
        <v>0</v>
      </c>
      <c r="BQ39" s="24">
        <v>0</v>
      </c>
      <c r="BR39" s="25">
        <v>0</v>
      </c>
      <c r="BS39" s="26">
        <v>0</v>
      </c>
      <c r="BT39" s="27">
        <v>0</v>
      </c>
      <c r="BU39" s="25">
        <v>6480</v>
      </c>
      <c r="BV39" s="25">
        <v>48049</v>
      </c>
      <c r="BW39" s="25">
        <v>11499</v>
      </c>
      <c r="BX39" s="25">
        <v>2175</v>
      </c>
      <c r="BY39" s="25">
        <v>31670</v>
      </c>
      <c r="BZ39" s="28">
        <v>99873</v>
      </c>
      <c r="CA39" s="29">
        <v>99873</v>
      </c>
      <c r="CB39" s="24">
        <v>0</v>
      </c>
      <c r="CC39" s="25">
        <v>0</v>
      </c>
      <c r="CD39" s="26">
        <v>0</v>
      </c>
      <c r="CE39" s="27">
        <v>0</v>
      </c>
      <c r="CF39" s="25">
        <v>0</v>
      </c>
      <c r="CG39" s="25">
        <v>0</v>
      </c>
      <c r="CH39" s="25">
        <v>0</v>
      </c>
      <c r="CI39" s="25">
        <v>1015</v>
      </c>
      <c r="CJ39" s="25">
        <v>0</v>
      </c>
      <c r="CK39" s="28">
        <v>1015</v>
      </c>
      <c r="CL39" s="29">
        <v>1015</v>
      </c>
      <c r="CM39" s="24">
        <v>0</v>
      </c>
      <c r="CN39" s="25">
        <v>0</v>
      </c>
      <c r="CO39" s="26">
        <v>0</v>
      </c>
      <c r="CP39" s="27">
        <v>0</v>
      </c>
      <c r="CQ39" s="25">
        <v>0</v>
      </c>
      <c r="CR39" s="25">
        <v>0</v>
      </c>
      <c r="CS39" s="25">
        <v>0</v>
      </c>
      <c r="CT39" s="25">
        <v>0</v>
      </c>
      <c r="CU39" s="25">
        <v>0</v>
      </c>
      <c r="CV39" s="28">
        <v>0</v>
      </c>
      <c r="CW39" s="29">
        <v>0</v>
      </c>
      <c r="CX39" s="24">
        <v>0</v>
      </c>
      <c r="CY39" s="25">
        <v>0</v>
      </c>
      <c r="CZ39" s="26">
        <v>0</v>
      </c>
      <c r="DA39" s="404">
        <v>0</v>
      </c>
      <c r="DB39" s="25">
        <v>0</v>
      </c>
      <c r="DC39" s="25">
        <v>0</v>
      </c>
      <c r="DD39" s="25">
        <v>0</v>
      </c>
      <c r="DE39" s="25">
        <v>0</v>
      </c>
      <c r="DF39" s="25">
        <v>0</v>
      </c>
      <c r="DG39" s="28">
        <v>0</v>
      </c>
      <c r="DH39" s="29">
        <v>0</v>
      </c>
      <c r="DI39" s="24">
        <v>0</v>
      </c>
      <c r="DJ39" s="25">
        <v>0</v>
      </c>
      <c r="DK39" s="26">
        <v>0</v>
      </c>
      <c r="DL39" s="27">
        <v>0</v>
      </c>
      <c r="DM39" s="25">
        <v>6390</v>
      </c>
      <c r="DN39" s="25">
        <v>124567</v>
      </c>
      <c r="DO39" s="25">
        <v>613290</v>
      </c>
      <c r="DP39" s="25">
        <v>830657</v>
      </c>
      <c r="DQ39" s="25">
        <v>542510</v>
      </c>
      <c r="DR39" s="28">
        <v>2117414</v>
      </c>
      <c r="DS39" s="30">
        <v>2117414</v>
      </c>
      <c r="DT39" s="24">
        <v>0</v>
      </c>
      <c r="DU39" s="25">
        <v>0</v>
      </c>
      <c r="DV39" s="26">
        <v>0</v>
      </c>
      <c r="DW39" s="404">
        <v>0</v>
      </c>
      <c r="DX39" s="25">
        <v>0</v>
      </c>
      <c r="DY39" s="25">
        <v>66705</v>
      </c>
      <c r="DZ39" s="25">
        <v>584129</v>
      </c>
      <c r="EA39" s="25">
        <v>780634</v>
      </c>
      <c r="EB39" s="25">
        <v>490134</v>
      </c>
      <c r="EC39" s="28">
        <v>1921602</v>
      </c>
      <c r="ED39" s="29">
        <v>1921602</v>
      </c>
      <c r="EE39" s="24">
        <v>0</v>
      </c>
      <c r="EF39" s="25">
        <v>0</v>
      </c>
      <c r="EG39" s="26">
        <v>0</v>
      </c>
      <c r="EH39" s="404">
        <v>0</v>
      </c>
      <c r="EI39" s="25">
        <v>1260</v>
      </c>
      <c r="EJ39" s="25">
        <v>1582</v>
      </c>
      <c r="EK39" s="25">
        <v>3731</v>
      </c>
      <c r="EL39" s="25">
        <v>25375</v>
      </c>
      <c r="EM39" s="25">
        <v>22658</v>
      </c>
      <c r="EN39" s="28">
        <v>54606</v>
      </c>
      <c r="EO39" s="29">
        <v>54606</v>
      </c>
      <c r="EP39" s="24">
        <v>0</v>
      </c>
      <c r="EQ39" s="25">
        <v>0</v>
      </c>
      <c r="ER39" s="26">
        <v>0</v>
      </c>
      <c r="ES39" s="404">
        <v>0</v>
      </c>
      <c r="ET39" s="25">
        <v>0</v>
      </c>
      <c r="EU39" s="25">
        <v>0</v>
      </c>
      <c r="EV39" s="25">
        <v>0</v>
      </c>
      <c r="EW39" s="25">
        <v>0</v>
      </c>
      <c r="EX39" s="25">
        <v>0</v>
      </c>
      <c r="EY39" s="28">
        <v>0</v>
      </c>
      <c r="EZ39" s="29">
        <v>0</v>
      </c>
      <c r="FA39" s="24">
        <v>0</v>
      </c>
      <c r="FB39" s="25">
        <v>0</v>
      </c>
      <c r="FC39" s="26">
        <v>0</v>
      </c>
      <c r="FD39" s="404">
        <v>0</v>
      </c>
      <c r="FE39" s="25">
        <v>0</v>
      </c>
      <c r="FF39" s="25">
        <v>0</v>
      </c>
      <c r="FG39" s="25">
        <v>0</v>
      </c>
      <c r="FH39" s="25">
        <v>12367</v>
      </c>
      <c r="FI39" s="25">
        <v>210</v>
      </c>
      <c r="FJ39" s="28">
        <v>12577</v>
      </c>
      <c r="FK39" s="29">
        <v>12577</v>
      </c>
      <c r="FL39" s="24">
        <v>0</v>
      </c>
      <c r="FM39" s="25">
        <v>0</v>
      </c>
      <c r="FN39" s="26">
        <v>0</v>
      </c>
      <c r="FO39" s="404">
        <v>0</v>
      </c>
      <c r="FP39" s="25">
        <v>0</v>
      </c>
      <c r="FQ39" s="25">
        <v>0</v>
      </c>
      <c r="FR39" s="25">
        <v>0</v>
      </c>
      <c r="FS39" s="25">
        <v>0</v>
      </c>
      <c r="FT39" s="25">
        <v>0</v>
      </c>
      <c r="FU39" s="28">
        <v>0</v>
      </c>
      <c r="FV39" s="29">
        <v>0</v>
      </c>
      <c r="FW39" s="24">
        <v>0</v>
      </c>
      <c r="FX39" s="25">
        <v>0</v>
      </c>
      <c r="FY39" s="26">
        <v>0</v>
      </c>
      <c r="FZ39" s="27">
        <v>0</v>
      </c>
      <c r="GA39" s="25">
        <v>5130</v>
      </c>
      <c r="GB39" s="25">
        <v>56280</v>
      </c>
      <c r="GC39" s="25">
        <v>25430</v>
      </c>
      <c r="GD39" s="25">
        <v>12232</v>
      </c>
      <c r="GE39" s="25">
        <v>29508</v>
      </c>
      <c r="GF39" s="28">
        <v>128580</v>
      </c>
      <c r="GG39" s="29">
        <v>128580</v>
      </c>
      <c r="GH39" s="24">
        <v>0</v>
      </c>
      <c r="GI39" s="25">
        <v>0</v>
      </c>
      <c r="GJ39" s="26">
        <v>0</v>
      </c>
      <c r="GK39" s="27">
        <v>0</v>
      </c>
      <c r="GL39" s="25">
        <v>0</v>
      </c>
      <c r="GM39" s="25">
        <v>0</v>
      </c>
      <c r="GN39" s="25">
        <v>0</v>
      </c>
      <c r="GO39" s="25">
        <v>49</v>
      </c>
      <c r="GP39" s="25">
        <v>0</v>
      </c>
      <c r="GQ39" s="28">
        <v>49</v>
      </c>
      <c r="GR39" s="29">
        <v>49</v>
      </c>
      <c r="GS39" s="24">
        <v>0</v>
      </c>
      <c r="GT39" s="25">
        <v>0</v>
      </c>
      <c r="GU39" s="26">
        <v>0</v>
      </c>
      <c r="GV39" s="27">
        <v>0</v>
      </c>
      <c r="GW39" s="25">
        <v>0</v>
      </c>
      <c r="GX39" s="25">
        <v>0</v>
      </c>
      <c r="GY39" s="25">
        <v>0</v>
      </c>
      <c r="GZ39" s="25">
        <v>0</v>
      </c>
      <c r="HA39" s="25">
        <v>0</v>
      </c>
      <c r="HB39" s="28">
        <v>0</v>
      </c>
      <c r="HC39" s="29">
        <v>0</v>
      </c>
      <c r="HD39" s="24">
        <v>0</v>
      </c>
      <c r="HE39" s="25">
        <v>0</v>
      </c>
      <c r="HF39" s="26">
        <v>0</v>
      </c>
      <c r="HG39" s="404">
        <v>0</v>
      </c>
      <c r="HH39" s="25">
        <v>0</v>
      </c>
      <c r="HI39" s="25">
        <v>0</v>
      </c>
      <c r="HJ39" s="25">
        <v>0</v>
      </c>
      <c r="HK39" s="25">
        <v>0</v>
      </c>
      <c r="HL39" s="25">
        <v>0</v>
      </c>
      <c r="HM39" s="28">
        <v>0</v>
      </c>
      <c r="HN39" s="29">
        <v>0</v>
      </c>
      <c r="HO39" s="24">
        <v>0</v>
      </c>
      <c r="HP39" s="25">
        <v>0</v>
      </c>
      <c r="HQ39" s="26">
        <v>0</v>
      </c>
      <c r="HR39" s="27">
        <v>0</v>
      </c>
      <c r="HS39" s="25">
        <v>57270</v>
      </c>
      <c r="HT39" s="25">
        <v>357166</v>
      </c>
      <c r="HU39" s="25">
        <v>1432059</v>
      </c>
      <c r="HV39" s="25">
        <v>1879467</v>
      </c>
      <c r="HW39" s="25">
        <v>1063158</v>
      </c>
      <c r="HX39" s="28">
        <v>4789120</v>
      </c>
      <c r="HY39" s="29">
        <v>4789120</v>
      </c>
    </row>
    <row r="40" spans="2:233" ht="21" customHeight="1" thickBot="1" x14ac:dyDescent="0.25">
      <c r="B40" s="108" t="s">
        <v>37</v>
      </c>
      <c r="C40" s="31">
        <v>0</v>
      </c>
      <c r="D40" s="32">
        <v>0</v>
      </c>
      <c r="E40" s="33">
        <v>0</v>
      </c>
      <c r="F40" s="34">
        <v>0</v>
      </c>
      <c r="G40" s="32">
        <v>0</v>
      </c>
      <c r="H40" s="32">
        <v>15332</v>
      </c>
      <c r="I40" s="32">
        <v>102600</v>
      </c>
      <c r="J40" s="32">
        <v>60745</v>
      </c>
      <c r="K40" s="32">
        <v>94800</v>
      </c>
      <c r="L40" s="35">
        <v>273477</v>
      </c>
      <c r="M40" s="36">
        <v>273477</v>
      </c>
      <c r="N40" s="31">
        <v>0</v>
      </c>
      <c r="O40" s="32">
        <v>0</v>
      </c>
      <c r="P40" s="33">
        <v>0</v>
      </c>
      <c r="Q40" s="405">
        <v>0</v>
      </c>
      <c r="R40" s="32">
        <v>0</v>
      </c>
      <c r="S40" s="32">
        <v>0</v>
      </c>
      <c r="T40" s="32">
        <v>36750</v>
      </c>
      <c r="U40" s="32">
        <v>28950</v>
      </c>
      <c r="V40" s="32">
        <v>70950</v>
      </c>
      <c r="W40" s="35">
        <v>136650</v>
      </c>
      <c r="X40" s="36">
        <v>136650</v>
      </c>
      <c r="Y40" s="31">
        <v>0</v>
      </c>
      <c r="Z40" s="32">
        <v>0</v>
      </c>
      <c r="AA40" s="33">
        <v>0</v>
      </c>
      <c r="AB40" s="405">
        <v>0</v>
      </c>
      <c r="AC40" s="32">
        <v>0</v>
      </c>
      <c r="AD40" s="32">
        <v>15332</v>
      </c>
      <c r="AE40" s="32">
        <v>65850</v>
      </c>
      <c r="AF40" s="32">
        <v>31650</v>
      </c>
      <c r="AG40" s="32">
        <v>23850</v>
      </c>
      <c r="AH40" s="35">
        <v>136682</v>
      </c>
      <c r="AI40" s="36">
        <v>136682</v>
      </c>
      <c r="AJ40" s="31">
        <v>0</v>
      </c>
      <c r="AK40" s="32">
        <v>0</v>
      </c>
      <c r="AL40" s="33">
        <v>0</v>
      </c>
      <c r="AM40" s="405">
        <v>0</v>
      </c>
      <c r="AN40" s="32">
        <v>0</v>
      </c>
      <c r="AO40" s="32">
        <v>0</v>
      </c>
      <c r="AP40" s="32">
        <v>0</v>
      </c>
      <c r="AQ40" s="32">
        <v>0</v>
      </c>
      <c r="AR40" s="32">
        <v>0</v>
      </c>
      <c r="AS40" s="35">
        <v>0</v>
      </c>
      <c r="AT40" s="36">
        <v>0</v>
      </c>
      <c r="AU40" s="31">
        <v>0</v>
      </c>
      <c r="AV40" s="32">
        <v>0</v>
      </c>
      <c r="AW40" s="33">
        <v>0</v>
      </c>
      <c r="AX40" s="405">
        <v>0</v>
      </c>
      <c r="AY40" s="32">
        <v>0</v>
      </c>
      <c r="AZ40" s="32">
        <v>0</v>
      </c>
      <c r="BA40" s="32">
        <v>0</v>
      </c>
      <c r="BB40" s="32">
        <v>0</v>
      </c>
      <c r="BC40" s="32">
        <v>0</v>
      </c>
      <c r="BD40" s="35">
        <v>0</v>
      </c>
      <c r="BE40" s="36">
        <v>0</v>
      </c>
      <c r="BF40" s="31">
        <v>0</v>
      </c>
      <c r="BG40" s="32">
        <v>0</v>
      </c>
      <c r="BH40" s="33">
        <v>0</v>
      </c>
      <c r="BI40" s="405">
        <v>0</v>
      </c>
      <c r="BJ40" s="32">
        <v>0</v>
      </c>
      <c r="BK40" s="32">
        <v>0</v>
      </c>
      <c r="BL40" s="32">
        <v>0</v>
      </c>
      <c r="BM40" s="32">
        <v>0</v>
      </c>
      <c r="BN40" s="32">
        <v>0</v>
      </c>
      <c r="BO40" s="35">
        <v>0</v>
      </c>
      <c r="BP40" s="36">
        <v>0</v>
      </c>
      <c r="BQ40" s="31">
        <v>0</v>
      </c>
      <c r="BR40" s="32">
        <v>0</v>
      </c>
      <c r="BS40" s="33">
        <v>0</v>
      </c>
      <c r="BT40" s="34">
        <v>0</v>
      </c>
      <c r="BU40" s="32">
        <v>0</v>
      </c>
      <c r="BV40" s="32">
        <v>0</v>
      </c>
      <c r="BW40" s="32">
        <v>0</v>
      </c>
      <c r="BX40" s="32">
        <v>145</v>
      </c>
      <c r="BY40" s="32">
        <v>0</v>
      </c>
      <c r="BZ40" s="35">
        <v>145</v>
      </c>
      <c r="CA40" s="36">
        <v>145</v>
      </c>
      <c r="CB40" s="31">
        <v>0</v>
      </c>
      <c r="CC40" s="32">
        <v>0</v>
      </c>
      <c r="CD40" s="33">
        <v>0</v>
      </c>
      <c r="CE40" s="34">
        <v>0</v>
      </c>
      <c r="CF40" s="32">
        <v>0</v>
      </c>
      <c r="CG40" s="32">
        <v>0</v>
      </c>
      <c r="CH40" s="32">
        <v>0</v>
      </c>
      <c r="CI40" s="32">
        <v>0</v>
      </c>
      <c r="CJ40" s="32">
        <v>0</v>
      </c>
      <c r="CK40" s="35">
        <v>0</v>
      </c>
      <c r="CL40" s="36">
        <v>0</v>
      </c>
      <c r="CM40" s="31">
        <v>0</v>
      </c>
      <c r="CN40" s="32">
        <v>0</v>
      </c>
      <c r="CO40" s="33">
        <v>0</v>
      </c>
      <c r="CP40" s="34">
        <v>0</v>
      </c>
      <c r="CQ40" s="32">
        <v>0</v>
      </c>
      <c r="CR40" s="32">
        <v>0</v>
      </c>
      <c r="CS40" s="32">
        <v>0</v>
      </c>
      <c r="CT40" s="32">
        <v>0</v>
      </c>
      <c r="CU40" s="32">
        <v>0</v>
      </c>
      <c r="CV40" s="35">
        <v>0</v>
      </c>
      <c r="CW40" s="36">
        <v>0</v>
      </c>
      <c r="CX40" s="31">
        <v>0</v>
      </c>
      <c r="CY40" s="32">
        <v>0</v>
      </c>
      <c r="CZ40" s="33">
        <v>0</v>
      </c>
      <c r="DA40" s="405">
        <v>0</v>
      </c>
      <c r="DB40" s="32">
        <v>0</v>
      </c>
      <c r="DC40" s="32">
        <v>0</v>
      </c>
      <c r="DD40" s="32">
        <v>0</v>
      </c>
      <c r="DE40" s="32">
        <v>0</v>
      </c>
      <c r="DF40" s="32">
        <v>0</v>
      </c>
      <c r="DG40" s="35">
        <v>0</v>
      </c>
      <c r="DH40" s="36">
        <v>0</v>
      </c>
      <c r="DI40" s="31">
        <v>0</v>
      </c>
      <c r="DJ40" s="32">
        <v>0</v>
      </c>
      <c r="DK40" s="33">
        <v>0</v>
      </c>
      <c r="DL40" s="34">
        <v>0</v>
      </c>
      <c r="DM40" s="32">
        <v>0</v>
      </c>
      <c r="DN40" s="32">
        <v>1260</v>
      </c>
      <c r="DO40" s="32">
        <v>56940</v>
      </c>
      <c r="DP40" s="32">
        <v>51645</v>
      </c>
      <c r="DQ40" s="32">
        <v>100320</v>
      </c>
      <c r="DR40" s="35">
        <v>210165</v>
      </c>
      <c r="DS40" s="37">
        <v>210165</v>
      </c>
      <c r="DT40" s="31">
        <v>0</v>
      </c>
      <c r="DU40" s="32">
        <v>0</v>
      </c>
      <c r="DV40" s="33">
        <v>0</v>
      </c>
      <c r="DW40" s="405">
        <v>0</v>
      </c>
      <c r="DX40" s="32">
        <v>0</v>
      </c>
      <c r="DY40" s="32">
        <v>0</v>
      </c>
      <c r="DZ40" s="32">
        <v>56310</v>
      </c>
      <c r="EA40" s="32">
        <v>49980</v>
      </c>
      <c r="EB40" s="32">
        <v>100110</v>
      </c>
      <c r="EC40" s="35">
        <v>206400</v>
      </c>
      <c r="ED40" s="36">
        <v>206400</v>
      </c>
      <c r="EE40" s="31">
        <v>0</v>
      </c>
      <c r="EF40" s="32">
        <v>0</v>
      </c>
      <c r="EG40" s="33">
        <v>0</v>
      </c>
      <c r="EH40" s="405">
        <v>0</v>
      </c>
      <c r="EI40" s="32">
        <v>0</v>
      </c>
      <c r="EJ40" s="32">
        <v>1260</v>
      </c>
      <c r="EK40" s="32">
        <v>630</v>
      </c>
      <c r="EL40" s="32">
        <v>210</v>
      </c>
      <c r="EM40" s="32">
        <v>210</v>
      </c>
      <c r="EN40" s="35">
        <v>2310</v>
      </c>
      <c r="EO40" s="36">
        <v>2310</v>
      </c>
      <c r="EP40" s="31">
        <v>0</v>
      </c>
      <c r="EQ40" s="32">
        <v>0</v>
      </c>
      <c r="ER40" s="33">
        <v>0</v>
      </c>
      <c r="ES40" s="405">
        <v>0</v>
      </c>
      <c r="ET40" s="32">
        <v>0</v>
      </c>
      <c r="EU40" s="32">
        <v>0</v>
      </c>
      <c r="EV40" s="32">
        <v>0</v>
      </c>
      <c r="EW40" s="32">
        <v>0</v>
      </c>
      <c r="EX40" s="32">
        <v>0</v>
      </c>
      <c r="EY40" s="35">
        <v>0</v>
      </c>
      <c r="EZ40" s="36">
        <v>0</v>
      </c>
      <c r="FA40" s="31">
        <v>0</v>
      </c>
      <c r="FB40" s="32">
        <v>0</v>
      </c>
      <c r="FC40" s="33">
        <v>0</v>
      </c>
      <c r="FD40" s="405">
        <v>0</v>
      </c>
      <c r="FE40" s="32">
        <v>0</v>
      </c>
      <c r="FF40" s="32">
        <v>0</v>
      </c>
      <c r="FG40" s="32">
        <v>0</v>
      </c>
      <c r="FH40" s="32">
        <v>0</v>
      </c>
      <c r="FI40" s="32">
        <v>0</v>
      </c>
      <c r="FJ40" s="35">
        <v>0</v>
      </c>
      <c r="FK40" s="36">
        <v>0</v>
      </c>
      <c r="FL40" s="31">
        <v>0</v>
      </c>
      <c r="FM40" s="32">
        <v>0</v>
      </c>
      <c r="FN40" s="33">
        <v>0</v>
      </c>
      <c r="FO40" s="405">
        <v>0</v>
      </c>
      <c r="FP40" s="32">
        <v>0</v>
      </c>
      <c r="FQ40" s="32">
        <v>0</v>
      </c>
      <c r="FR40" s="32">
        <v>0</v>
      </c>
      <c r="FS40" s="32">
        <v>0</v>
      </c>
      <c r="FT40" s="32">
        <v>0</v>
      </c>
      <c r="FU40" s="35">
        <v>0</v>
      </c>
      <c r="FV40" s="36">
        <v>0</v>
      </c>
      <c r="FW40" s="31">
        <v>0</v>
      </c>
      <c r="FX40" s="32">
        <v>0</v>
      </c>
      <c r="FY40" s="33">
        <v>0</v>
      </c>
      <c r="FZ40" s="34">
        <v>0</v>
      </c>
      <c r="GA40" s="32">
        <v>0</v>
      </c>
      <c r="GB40" s="32">
        <v>0</v>
      </c>
      <c r="GC40" s="32">
        <v>0</v>
      </c>
      <c r="GD40" s="32">
        <v>1455</v>
      </c>
      <c r="GE40" s="32">
        <v>0</v>
      </c>
      <c r="GF40" s="35">
        <v>1455</v>
      </c>
      <c r="GG40" s="36">
        <v>1455</v>
      </c>
      <c r="GH40" s="31">
        <v>0</v>
      </c>
      <c r="GI40" s="32">
        <v>0</v>
      </c>
      <c r="GJ40" s="33">
        <v>0</v>
      </c>
      <c r="GK40" s="34">
        <v>0</v>
      </c>
      <c r="GL40" s="32">
        <v>0</v>
      </c>
      <c r="GM40" s="32">
        <v>0</v>
      </c>
      <c r="GN40" s="32">
        <v>0</v>
      </c>
      <c r="GO40" s="32">
        <v>0</v>
      </c>
      <c r="GP40" s="32">
        <v>0</v>
      </c>
      <c r="GQ40" s="35">
        <v>0</v>
      </c>
      <c r="GR40" s="36">
        <v>0</v>
      </c>
      <c r="GS40" s="31">
        <v>0</v>
      </c>
      <c r="GT40" s="32">
        <v>0</v>
      </c>
      <c r="GU40" s="33">
        <v>0</v>
      </c>
      <c r="GV40" s="34">
        <v>0</v>
      </c>
      <c r="GW40" s="32">
        <v>0</v>
      </c>
      <c r="GX40" s="32">
        <v>0</v>
      </c>
      <c r="GY40" s="32">
        <v>0</v>
      </c>
      <c r="GZ40" s="32">
        <v>0</v>
      </c>
      <c r="HA40" s="32">
        <v>0</v>
      </c>
      <c r="HB40" s="35">
        <v>0</v>
      </c>
      <c r="HC40" s="36">
        <v>0</v>
      </c>
      <c r="HD40" s="31">
        <v>0</v>
      </c>
      <c r="HE40" s="32">
        <v>0</v>
      </c>
      <c r="HF40" s="33">
        <v>0</v>
      </c>
      <c r="HG40" s="405">
        <v>0</v>
      </c>
      <c r="HH40" s="32">
        <v>0</v>
      </c>
      <c r="HI40" s="32">
        <v>0</v>
      </c>
      <c r="HJ40" s="32">
        <v>0</v>
      </c>
      <c r="HK40" s="32">
        <v>0</v>
      </c>
      <c r="HL40" s="32">
        <v>0</v>
      </c>
      <c r="HM40" s="35">
        <v>0</v>
      </c>
      <c r="HN40" s="36">
        <v>0</v>
      </c>
      <c r="HO40" s="31">
        <v>0</v>
      </c>
      <c r="HP40" s="32">
        <v>0</v>
      </c>
      <c r="HQ40" s="33">
        <v>0</v>
      </c>
      <c r="HR40" s="34">
        <v>0</v>
      </c>
      <c r="HS40" s="32">
        <v>0</v>
      </c>
      <c r="HT40" s="32">
        <v>16592</v>
      </c>
      <c r="HU40" s="32">
        <v>159540</v>
      </c>
      <c r="HV40" s="32">
        <v>112390</v>
      </c>
      <c r="HW40" s="32">
        <v>195120</v>
      </c>
      <c r="HX40" s="35">
        <v>483642</v>
      </c>
      <c r="HY40" s="36">
        <v>483642</v>
      </c>
    </row>
    <row r="41" spans="2:233" x14ac:dyDescent="0.2">
      <c r="B41" s="71" t="s">
        <v>84</v>
      </c>
    </row>
  </sheetData>
  <mergeCells count="88">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1">
        <f>第１表!F2</f>
        <v>6</v>
      </c>
      <c r="G1" s="441"/>
      <c r="H1" s="18">
        <f>第１表!G2</f>
        <v>6</v>
      </c>
      <c r="I1" s="440">
        <f>H1</f>
        <v>6</v>
      </c>
      <c r="J1" s="440"/>
    </row>
    <row r="2" spans="2:299" ht="24" customHeight="1" thickBot="1" x14ac:dyDescent="0.25">
      <c r="B2" s="10" t="s">
        <v>129</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4269</v>
      </c>
      <c r="D7" s="86">
        <v>4080</v>
      </c>
      <c r="E7" s="87">
        <v>8349</v>
      </c>
      <c r="F7" s="412">
        <v>0</v>
      </c>
      <c r="G7" s="86">
        <v>5827</v>
      </c>
      <c r="H7" s="86">
        <v>5314</v>
      </c>
      <c r="I7" s="86">
        <v>3382</v>
      </c>
      <c r="J7" s="86">
        <v>2785</v>
      </c>
      <c r="K7" s="86">
        <v>1573</v>
      </c>
      <c r="L7" s="88">
        <v>18881</v>
      </c>
      <c r="M7" s="89">
        <v>27230</v>
      </c>
      <c r="N7" s="90">
        <v>66</v>
      </c>
      <c r="O7" s="91">
        <v>58</v>
      </c>
      <c r="P7" s="92">
        <v>124</v>
      </c>
      <c r="Q7" s="412">
        <v>0</v>
      </c>
      <c r="R7" s="91">
        <v>76</v>
      </c>
      <c r="S7" s="91">
        <v>85</v>
      </c>
      <c r="T7" s="91">
        <v>70</v>
      </c>
      <c r="U7" s="91">
        <v>48</v>
      </c>
      <c r="V7" s="91">
        <v>34</v>
      </c>
      <c r="W7" s="92">
        <v>313</v>
      </c>
      <c r="X7" s="93">
        <v>437</v>
      </c>
      <c r="Y7" s="90">
        <v>161</v>
      </c>
      <c r="Z7" s="91">
        <v>167</v>
      </c>
      <c r="AA7" s="92">
        <v>328</v>
      </c>
      <c r="AB7" s="412">
        <v>0</v>
      </c>
      <c r="AC7" s="91">
        <v>216</v>
      </c>
      <c r="AD7" s="91">
        <v>240</v>
      </c>
      <c r="AE7" s="91">
        <v>145</v>
      </c>
      <c r="AF7" s="91">
        <v>131</v>
      </c>
      <c r="AG7" s="91">
        <v>112</v>
      </c>
      <c r="AH7" s="92">
        <v>844</v>
      </c>
      <c r="AI7" s="93">
        <v>1172</v>
      </c>
      <c r="AJ7" s="90">
        <v>326</v>
      </c>
      <c r="AK7" s="91">
        <v>340</v>
      </c>
      <c r="AL7" s="92">
        <v>666</v>
      </c>
      <c r="AM7" s="412">
        <v>0</v>
      </c>
      <c r="AN7" s="91">
        <v>468</v>
      </c>
      <c r="AO7" s="91">
        <v>422</v>
      </c>
      <c r="AP7" s="91">
        <v>250</v>
      </c>
      <c r="AQ7" s="91">
        <v>221</v>
      </c>
      <c r="AR7" s="91">
        <v>156</v>
      </c>
      <c r="AS7" s="92">
        <v>1517</v>
      </c>
      <c r="AT7" s="93">
        <v>2183</v>
      </c>
      <c r="AU7" s="90">
        <v>868</v>
      </c>
      <c r="AV7" s="91">
        <v>783</v>
      </c>
      <c r="AW7" s="92">
        <v>1651</v>
      </c>
      <c r="AX7" s="412">
        <v>0</v>
      </c>
      <c r="AY7" s="91">
        <v>1116</v>
      </c>
      <c r="AZ7" s="91">
        <v>978</v>
      </c>
      <c r="BA7" s="91">
        <v>586</v>
      </c>
      <c r="BB7" s="91">
        <v>435</v>
      </c>
      <c r="BC7" s="91">
        <v>279</v>
      </c>
      <c r="BD7" s="92">
        <v>3394</v>
      </c>
      <c r="BE7" s="93">
        <v>5045</v>
      </c>
      <c r="BF7" s="90">
        <v>1507</v>
      </c>
      <c r="BG7" s="91">
        <v>1329</v>
      </c>
      <c r="BH7" s="92">
        <v>2836</v>
      </c>
      <c r="BI7" s="412">
        <v>0</v>
      </c>
      <c r="BJ7" s="91">
        <v>1870</v>
      </c>
      <c r="BK7" s="91">
        <v>1521</v>
      </c>
      <c r="BL7" s="91">
        <v>941</v>
      </c>
      <c r="BM7" s="91">
        <v>764</v>
      </c>
      <c r="BN7" s="91">
        <v>423</v>
      </c>
      <c r="BO7" s="92">
        <v>5519</v>
      </c>
      <c r="BP7" s="93">
        <v>8355</v>
      </c>
      <c r="BQ7" s="90">
        <v>1341</v>
      </c>
      <c r="BR7" s="91">
        <v>1403</v>
      </c>
      <c r="BS7" s="92">
        <v>2744</v>
      </c>
      <c r="BT7" s="412">
        <v>0</v>
      </c>
      <c r="BU7" s="91">
        <v>2081</v>
      </c>
      <c r="BV7" s="91">
        <v>2068</v>
      </c>
      <c r="BW7" s="91">
        <v>1390</v>
      </c>
      <c r="BX7" s="91">
        <v>1186</v>
      </c>
      <c r="BY7" s="91">
        <v>569</v>
      </c>
      <c r="BZ7" s="92">
        <v>7294</v>
      </c>
      <c r="CA7" s="93">
        <v>10038</v>
      </c>
      <c r="CB7" s="90">
        <v>0</v>
      </c>
      <c r="CC7" s="91">
        <v>0</v>
      </c>
      <c r="CD7" s="92">
        <v>0</v>
      </c>
      <c r="CE7" s="412">
        <v>0</v>
      </c>
      <c r="CF7" s="91">
        <v>0</v>
      </c>
      <c r="CG7" s="91">
        <v>0</v>
      </c>
      <c r="CH7" s="91">
        <v>0</v>
      </c>
      <c r="CI7" s="91">
        <v>0</v>
      </c>
      <c r="CJ7" s="91">
        <v>0</v>
      </c>
      <c r="CK7" s="92">
        <v>0</v>
      </c>
      <c r="CL7" s="93">
        <v>0</v>
      </c>
      <c r="CM7" s="90">
        <v>4269</v>
      </c>
      <c r="CN7" s="91">
        <v>4080</v>
      </c>
      <c r="CO7" s="92">
        <v>8349</v>
      </c>
      <c r="CP7" s="412">
        <v>0</v>
      </c>
      <c r="CQ7" s="91">
        <v>5827</v>
      </c>
      <c r="CR7" s="91">
        <v>5314</v>
      </c>
      <c r="CS7" s="91">
        <v>3382</v>
      </c>
      <c r="CT7" s="91">
        <v>2785</v>
      </c>
      <c r="CU7" s="91">
        <v>1573</v>
      </c>
      <c r="CV7" s="92">
        <v>18881</v>
      </c>
      <c r="CW7" s="93">
        <v>27230</v>
      </c>
      <c r="CX7" s="94">
        <v>616</v>
      </c>
      <c r="CY7" s="86">
        <v>730</v>
      </c>
      <c r="CZ7" s="87">
        <v>1346</v>
      </c>
      <c r="DA7" s="412">
        <v>0</v>
      </c>
      <c r="DB7" s="86">
        <v>868</v>
      </c>
      <c r="DC7" s="86">
        <v>771</v>
      </c>
      <c r="DD7" s="86">
        <v>538</v>
      </c>
      <c r="DE7" s="86">
        <v>540</v>
      </c>
      <c r="DF7" s="86">
        <v>336</v>
      </c>
      <c r="DG7" s="88">
        <v>3053</v>
      </c>
      <c r="DH7" s="89">
        <v>4399</v>
      </c>
      <c r="DI7" s="90">
        <v>13</v>
      </c>
      <c r="DJ7" s="91">
        <v>23</v>
      </c>
      <c r="DK7" s="92">
        <v>36</v>
      </c>
      <c r="DL7" s="412">
        <v>0</v>
      </c>
      <c r="DM7" s="91">
        <v>14</v>
      </c>
      <c r="DN7" s="91">
        <v>16</v>
      </c>
      <c r="DO7" s="91">
        <v>11</v>
      </c>
      <c r="DP7" s="91">
        <v>6</v>
      </c>
      <c r="DQ7" s="91">
        <v>4</v>
      </c>
      <c r="DR7" s="92">
        <v>51</v>
      </c>
      <c r="DS7" s="93">
        <v>87</v>
      </c>
      <c r="DT7" s="90">
        <v>42</v>
      </c>
      <c r="DU7" s="91">
        <v>52</v>
      </c>
      <c r="DV7" s="92">
        <v>94</v>
      </c>
      <c r="DW7" s="412">
        <v>0</v>
      </c>
      <c r="DX7" s="91">
        <v>31</v>
      </c>
      <c r="DY7" s="91">
        <v>31</v>
      </c>
      <c r="DZ7" s="91">
        <v>26</v>
      </c>
      <c r="EA7" s="91">
        <v>20</v>
      </c>
      <c r="EB7" s="91">
        <v>18</v>
      </c>
      <c r="EC7" s="92">
        <v>126</v>
      </c>
      <c r="ED7" s="93">
        <v>220</v>
      </c>
      <c r="EE7" s="90">
        <v>86</v>
      </c>
      <c r="EF7" s="91">
        <v>86</v>
      </c>
      <c r="EG7" s="92">
        <v>172</v>
      </c>
      <c r="EH7" s="412">
        <v>0</v>
      </c>
      <c r="EI7" s="91">
        <v>85</v>
      </c>
      <c r="EJ7" s="91">
        <v>56</v>
      </c>
      <c r="EK7" s="91">
        <v>33</v>
      </c>
      <c r="EL7" s="91">
        <v>24</v>
      </c>
      <c r="EM7" s="91">
        <v>29</v>
      </c>
      <c r="EN7" s="92">
        <v>227</v>
      </c>
      <c r="EO7" s="93">
        <v>399</v>
      </c>
      <c r="EP7" s="90">
        <v>175</v>
      </c>
      <c r="EQ7" s="91">
        <v>163</v>
      </c>
      <c r="ER7" s="92">
        <v>338</v>
      </c>
      <c r="ES7" s="412">
        <v>0</v>
      </c>
      <c r="ET7" s="91">
        <v>189</v>
      </c>
      <c r="EU7" s="91">
        <v>127</v>
      </c>
      <c r="EV7" s="91">
        <v>71</v>
      </c>
      <c r="EW7" s="91">
        <v>55</v>
      </c>
      <c r="EX7" s="91">
        <v>29</v>
      </c>
      <c r="EY7" s="92">
        <v>471</v>
      </c>
      <c r="EZ7" s="93">
        <v>809</v>
      </c>
      <c r="FA7" s="90">
        <v>182</v>
      </c>
      <c r="FB7" s="91">
        <v>216</v>
      </c>
      <c r="FC7" s="92">
        <v>398</v>
      </c>
      <c r="FD7" s="412">
        <v>0</v>
      </c>
      <c r="FE7" s="91">
        <v>259</v>
      </c>
      <c r="FF7" s="91">
        <v>223</v>
      </c>
      <c r="FG7" s="91">
        <v>120</v>
      </c>
      <c r="FH7" s="91">
        <v>126</v>
      </c>
      <c r="FI7" s="91">
        <v>84</v>
      </c>
      <c r="FJ7" s="92">
        <v>812</v>
      </c>
      <c r="FK7" s="93">
        <v>1210</v>
      </c>
      <c r="FL7" s="90">
        <v>118</v>
      </c>
      <c r="FM7" s="91">
        <v>190</v>
      </c>
      <c r="FN7" s="92">
        <v>308</v>
      </c>
      <c r="FO7" s="412">
        <v>0</v>
      </c>
      <c r="FP7" s="91">
        <v>290</v>
      </c>
      <c r="FQ7" s="91">
        <v>318</v>
      </c>
      <c r="FR7" s="91">
        <v>277</v>
      </c>
      <c r="FS7" s="91">
        <v>309</v>
      </c>
      <c r="FT7" s="91">
        <v>172</v>
      </c>
      <c r="FU7" s="92">
        <v>1366</v>
      </c>
      <c r="FV7" s="93">
        <v>1674</v>
      </c>
      <c r="FW7" s="90">
        <v>0</v>
      </c>
      <c r="FX7" s="91">
        <v>0</v>
      </c>
      <c r="FY7" s="92">
        <v>0</v>
      </c>
      <c r="FZ7" s="412">
        <v>0</v>
      </c>
      <c r="GA7" s="91">
        <v>0</v>
      </c>
      <c r="GB7" s="91">
        <v>0</v>
      </c>
      <c r="GC7" s="91">
        <v>0</v>
      </c>
      <c r="GD7" s="91">
        <v>0</v>
      </c>
      <c r="GE7" s="91">
        <v>0</v>
      </c>
      <c r="GF7" s="92">
        <v>0</v>
      </c>
      <c r="GG7" s="93">
        <v>0</v>
      </c>
      <c r="GH7" s="90">
        <v>616</v>
      </c>
      <c r="GI7" s="91">
        <v>730</v>
      </c>
      <c r="GJ7" s="92">
        <v>1346</v>
      </c>
      <c r="GK7" s="412">
        <v>0</v>
      </c>
      <c r="GL7" s="91">
        <v>868</v>
      </c>
      <c r="GM7" s="91">
        <v>771</v>
      </c>
      <c r="GN7" s="91">
        <v>538</v>
      </c>
      <c r="GO7" s="91">
        <v>540</v>
      </c>
      <c r="GP7" s="91">
        <v>336</v>
      </c>
      <c r="GQ7" s="92">
        <v>3053</v>
      </c>
      <c r="GR7" s="93">
        <v>4399</v>
      </c>
      <c r="GS7" s="94">
        <v>4885</v>
      </c>
      <c r="GT7" s="86">
        <v>4810</v>
      </c>
      <c r="GU7" s="87">
        <v>9695</v>
      </c>
      <c r="GV7" s="412">
        <v>0</v>
      </c>
      <c r="GW7" s="86">
        <v>6695</v>
      </c>
      <c r="GX7" s="86">
        <v>6085</v>
      </c>
      <c r="GY7" s="86">
        <v>3920</v>
      </c>
      <c r="GZ7" s="86">
        <v>3325</v>
      </c>
      <c r="HA7" s="86">
        <v>1909</v>
      </c>
      <c r="HB7" s="88">
        <v>21934</v>
      </c>
      <c r="HC7" s="89">
        <v>31629</v>
      </c>
      <c r="HD7" s="90">
        <v>79</v>
      </c>
      <c r="HE7" s="91">
        <v>81</v>
      </c>
      <c r="HF7" s="92">
        <v>160</v>
      </c>
      <c r="HG7" s="412">
        <v>0</v>
      </c>
      <c r="HH7" s="91">
        <v>90</v>
      </c>
      <c r="HI7" s="91">
        <v>101</v>
      </c>
      <c r="HJ7" s="91">
        <v>81</v>
      </c>
      <c r="HK7" s="91">
        <v>54</v>
      </c>
      <c r="HL7" s="91">
        <v>38</v>
      </c>
      <c r="HM7" s="92">
        <v>364</v>
      </c>
      <c r="HN7" s="93">
        <v>524</v>
      </c>
      <c r="HO7" s="90">
        <v>203</v>
      </c>
      <c r="HP7" s="91">
        <v>219</v>
      </c>
      <c r="HQ7" s="92">
        <v>422</v>
      </c>
      <c r="HR7" s="412">
        <v>0</v>
      </c>
      <c r="HS7" s="91">
        <v>247</v>
      </c>
      <c r="HT7" s="91">
        <v>271</v>
      </c>
      <c r="HU7" s="91">
        <v>171</v>
      </c>
      <c r="HV7" s="91">
        <v>151</v>
      </c>
      <c r="HW7" s="91">
        <v>130</v>
      </c>
      <c r="HX7" s="92">
        <v>970</v>
      </c>
      <c r="HY7" s="93">
        <v>1392</v>
      </c>
      <c r="HZ7" s="90">
        <v>412</v>
      </c>
      <c r="IA7" s="91">
        <v>426</v>
      </c>
      <c r="IB7" s="92">
        <v>838</v>
      </c>
      <c r="IC7" s="412">
        <v>0</v>
      </c>
      <c r="ID7" s="91">
        <v>553</v>
      </c>
      <c r="IE7" s="91">
        <v>478</v>
      </c>
      <c r="IF7" s="91">
        <v>283</v>
      </c>
      <c r="IG7" s="91">
        <v>245</v>
      </c>
      <c r="IH7" s="91">
        <v>185</v>
      </c>
      <c r="II7" s="92">
        <v>1744</v>
      </c>
      <c r="IJ7" s="93">
        <v>2582</v>
      </c>
      <c r="IK7" s="90">
        <v>1043</v>
      </c>
      <c r="IL7" s="91">
        <v>946</v>
      </c>
      <c r="IM7" s="92">
        <v>1989</v>
      </c>
      <c r="IN7" s="412">
        <v>0</v>
      </c>
      <c r="IO7" s="91">
        <v>1305</v>
      </c>
      <c r="IP7" s="91">
        <v>1105</v>
      </c>
      <c r="IQ7" s="91">
        <v>657</v>
      </c>
      <c r="IR7" s="91">
        <v>490</v>
      </c>
      <c r="IS7" s="91">
        <v>308</v>
      </c>
      <c r="IT7" s="92">
        <v>3865</v>
      </c>
      <c r="IU7" s="93">
        <v>5854</v>
      </c>
      <c r="IV7" s="90">
        <v>1689</v>
      </c>
      <c r="IW7" s="91">
        <v>1545</v>
      </c>
      <c r="IX7" s="92">
        <v>3234</v>
      </c>
      <c r="IY7" s="412">
        <v>0</v>
      </c>
      <c r="IZ7" s="91">
        <v>2129</v>
      </c>
      <c r="JA7" s="91">
        <v>1744</v>
      </c>
      <c r="JB7" s="91">
        <v>1061</v>
      </c>
      <c r="JC7" s="91">
        <v>890</v>
      </c>
      <c r="JD7" s="91">
        <v>507</v>
      </c>
      <c r="JE7" s="92">
        <v>6331</v>
      </c>
      <c r="JF7" s="93">
        <v>9565</v>
      </c>
      <c r="JG7" s="90">
        <v>1459</v>
      </c>
      <c r="JH7" s="91">
        <v>1593</v>
      </c>
      <c r="JI7" s="92">
        <v>3052</v>
      </c>
      <c r="JJ7" s="412">
        <v>0</v>
      </c>
      <c r="JK7" s="91">
        <v>2371</v>
      </c>
      <c r="JL7" s="91">
        <v>2386</v>
      </c>
      <c r="JM7" s="91">
        <v>1667</v>
      </c>
      <c r="JN7" s="91">
        <v>1495</v>
      </c>
      <c r="JO7" s="91">
        <v>741</v>
      </c>
      <c r="JP7" s="92">
        <v>8660</v>
      </c>
      <c r="JQ7" s="93">
        <v>11712</v>
      </c>
      <c r="JR7" s="90">
        <v>0</v>
      </c>
      <c r="JS7" s="91">
        <v>0</v>
      </c>
      <c r="JT7" s="92">
        <v>0</v>
      </c>
      <c r="JU7" s="412">
        <v>0</v>
      </c>
      <c r="JV7" s="91">
        <v>0</v>
      </c>
      <c r="JW7" s="91">
        <v>0</v>
      </c>
      <c r="JX7" s="91">
        <v>0</v>
      </c>
      <c r="JY7" s="91">
        <v>0</v>
      </c>
      <c r="JZ7" s="91">
        <v>0</v>
      </c>
      <c r="KA7" s="92">
        <v>0</v>
      </c>
      <c r="KB7" s="93">
        <v>0</v>
      </c>
      <c r="KC7" s="90">
        <v>4885</v>
      </c>
      <c r="KD7" s="91">
        <v>4810</v>
      </c>
      <c r="KE7" s="92">
        <v>9695</v>
      </c>
      <c r="KF7" s="412">
        <v>0</v>
      </c>
      <c r="KG7" s="91">
        <v>6695</v>
      </c>
      <c r="KH7" s="91">
        <v>6085</v>
      </c>
      <c r="KI7" s="91">
        <v>3920</v>
      </c>
      <c r="KJ7" s="91">
        <v>3325</v>
      </c>
      <c r="KK7" s="91">
        <v>1909</v>
      </c>
      <c r="KL7" s="92">
        <v>21934</v>
      </c>
      <c r="KM7" s="93">
        <v>31629</v>
      </c>
    </row>
    <row r="8" spans="2:299" s="70" customFormat="1" ht="21" customHeight="1" x14ac:dyDescent="0.2">
      <c r="B8" s="95" t="s">
        <v>5</v>
      </c>
      <c r="C8" s="96">
        <v>1794</v>
      </c>
      <c r="D8" s="97">
        <v>2060</v>
      </c>
      <c r="E8" s="98">
        <v>3854</v>
      </c>
      <c r="F8" s="413">
        <v>0</v>
      </c>
      <c r="G8" s="97">
        <v>2106</v>
      </c>
      <c r="H8" s="97">
        <v>2522</v>
      </c>
      <c r="I8" s="97">
        <v>1499</v>
      </c>
      <c r="J8" s="97">
        <v>1234</v>
      </c>
      <c r="K8" s="97">
        <v>670</v>
      </c>
      <c r="L8" s="99">
        <v>8031</v>
      </c>
      <c r="M8" s="100">
        <v>11885</v>
      </c>
      <c r="N8" s="101">
        <v>22</v>
      </c>
      <c r="O8" s="102">
        <v>28</v>
      </c>
      <c r="P8" s="103">
        <v>50</v>
      </c>
      <c r="Q8" s="413">
        <v>0</v>
      </c>
      <c r="R8" s="102">
        <v>25</v>
      </c>
      <c r="S8" s="102">
        <v>38</v>
      </c>
      <c r="T8" s="102">
        <v>36</v>
      </c>
      <c r="U8" s="102">
        <v>18</v>
      </c>
      <c r="V8" s="102">
        <v>16</v>
      </c>
      <c r="W8" s="103">
        <v>133</v>
      </c>
      <c r="X8" s="104">
        <v>183</v>
      </c>
      <c r="Y8" s="101">
        <v>56</v>
      </c>
      <c r="Z8" s="102">
        <v>81</v>
      </c>
      <c r="AA8" s="103">
        <v>137</v>
      </c>
      <c r="AB8" s="413">
        <v>0</v>
      </c>
      <c r="AC8" s="102">
        <v>63</v>
      </c>
      <c r="AD8" s="102">
        <v>119</v>
      </c>
      <c r="AE8" s="102">
        <v>63</v>
      </c>
      <c r="AF8" s="102">
        <v>59</v>
      </c>
      <c r="AG8" s="102">
        <v>43</v>
      </c>
      <c r="AH8" s="103">
        <v>347</v>
      </c>
      <c r="AI8" s="104">
        <v>484</v>
      </c>
      <c r="AJ8" s="101">
        <v>143</v>
      </c>
      <c r="AK8" s="102">
        <v>159</v>
      </c>
      <c r="AL8" s="103">
        <v>302</v>
      </c>
      <c r="AM8" s="413">
        <v>0</v>
      </c>
      <c r="AN8" s="102">
        <v>149</v>
      </c>
      <c r="AO8" s="102">
        <v>189</v>
      </c>
      <c r="AP8" s="102">
        <v>112</v>
      </c>
      <c r="AQ8" s="102">
        <v>87</v>
      </c>
      <c r="AR8" s="102">
        <v>73</v>
      </c>
      <c r="AS8" s="103">
        <v>610</v>
      </c>
      <c r="AT8" s="104">
        <v>912</v>
      </c>
      <c r="AU8" s="101">
        <v>345</v>
      </c>
      <c r="AV8" s="102">
        <v>394</v>
      </c>
      <c r="AW8" s="103">
        <v>739</v>
      </c>
      <c r="AX8" s="413">
        <v>0</v>
      </c>
      <c r="AY8" s="102">
        <v>384</v>
      </c>
      <c r="AZ8" s="102">
        <v>427</v>
      </c>
      <c r="BA8" s="102">
        <v>240</v>
      </c>
      <c r="BB8" s="102">
        <v>177</v>
      </c>
      <c r="BC8" s="102">
        <v>116</v>
      </c>
      <c r="BD8" s="103">
        <v>1344</v>
      </c>
      <c r="BE8" s="104">
        <v>2083</v>
      </c>
      <c r="BF8" s="101">
        <v>636</v>
      </c>
      <c r="BG8" s="102">
        <v>651</v>
      </c>
      <c r="BH8" s="103">
        <v>1287</v>
      </c>
      <c r="BI8" s="413">
        <v>0</v>
      </c>
      <c r="BJ8" s="102">
        <v>680</v>
      </c>
      <c r="BK8" s="102">
        <v>726</v>
      </c>
      <c r="BL8" s="102">
        <v>409</v>
      </c>
      <c r="BM8" s="102">
        <v>342</v>
      </c>
      <c r="BN8" s="102">
        <v>183</v>
      </c>
      <c r="BO8" s="103">
        <v>2340</v>
      </c>
      <c r="BP8" s="104">
        <v>3627</v>
      </c>
      <c r="BQ8" s="101">
        <v>592</v>
      </c>
      <c r="BR8" s="102">
        <v>747</v>
      </c>
      <c r="BS8" s="103">
        <v>1339</v>
      </c>
      <c r="BT8" s="413">
        <v>0</v>
      </c>
      <c r="BU8" s="102">
        <v>805</v>
      </c>
      <c r="BV8" s="102">
        <v>1023</v>
      </c>
      <c r="BW8" s="102">
        <v>639</v>
      </c>
      <c r="BX8" s="102">
        <v>551</v>
      </c>
      <c r="BY8" s="102">
        <v>239</v>
      </c>
      <c r="BZ8" s="103">
        <v>3257</v>
      </c>
      <c r="CA8" s="104">
        <v>4596</v>
      </c>
      <c r="CB8" s="101">
        <v>0</v>
      </c>
      <c r="CC8" s="102">
        <v>0</v>
      </c>
      <c r="CD8" s="103">
        <v>0</v>
      </c>
      <c r="CE8" s="413">
        <v>0</v>
      </c>
      <c r="CF8" s="102">
        <v>0</v>
      </c>
      <c r="CG8" s="102">
        <v>0</v>
      </c>
      <c r="CH8" s="102">
        <v>0</v>
      </c>
      <c r="CI8" s="102">
        <v>0</v>
      </c>
      <c r="CJ8" s="102">
        <v>0</v>
      </c>
      <c r="CK8" s="103">
        <v>0</v>
      </c>
      <c r="CL8" s="104">
        <v>0</v>
      </c>
      <c r="CM8" s="101">
        <v>1794</v>
      </c>
      <c r="CN8" s="102">
        <v>2060</v>
      </c>
      <c r="CO8" s="103">
        <v>3854</v>
      </c>
      <c r="CP8" s="413">
        <v>0</v>
      </c>
      <c r="CQ8" s="102">
        <v>2106</v>
      </c>
      <c r="CR8" s="102">
        <v>2522</v>
      </c>
      <c r="CS8" s="102">
        <v>1499</v>
      </c>
      <c r="CT8" s="102">
        <v>1234</v>
      </c>
      <c r="CU8" s="102">
        <v>670</v>
      </c>
      <c r="CV8" s="103">
        <v>8031</v>
      </c>
      <c r="CW8" s="104">
        <v>11885</v>
      </c>
      <c r="CX8" s="105">
        <v>264</v>
      </c>
      <c r="CY8" s="97">
        <v>347</v>
      </c>
      <c r="CZ8" s="98">
        <v>611</v>
      </c>
      <c r="DA8" s="413">
        <v>0</v>
      </c>
      <c r="DB8" s="97">
        <v>323</v>
      </c>
      <c r="DC8" s="97">
        <v>368</v>
      </c>
      <c r="DD8" s="97">
        <v>236</v>
      </c>
      <c r="DE8" s="97">
        <v>233</v>
      </c>
      <c r="DF8" s="97">
        <v>156</v>
      </c>
      <c r="DG8" s="99">
        <v>1316</v>
      </c>
      <c r="DH8" s="100">
        <v>1927</v>
      </c>
      <c r="DI8" s="101">
        <v>6</v>
      </c>
      <c r="DJ8" s="102">
        <v>12</v>
      </c>
      <c r="DK8" s="103">
        <v>18</v>
      </c>
      <c r="DL8" s="413">
        <v>0</v>
      </c>
      <c r="DM8" s="102">
        <v>4</v>
      </c>
      <c r="DN8" s="102">
        <v>6</v>
      </c>
      <c r="DO8" s="102">
        <v>4</v>
      </c>
      <c r="DP8" s="102">
        <v>2</v>
      </c>
      <c r="DQ8" s="102">
        <v>1</v>
      </c>
      <c r="DR8" s="103">
        <v>17</v>
      </c>
      <c r="DS8" s="104">
        <v>35</v>
      </c>
      <c r="DT8" s="101">
        <v>14</v>
      </c>
      <c r="DU8" s="102">
        <v>23</v>
      </c>
      <c r="DV8" s="103">
        <v>37</v>
      </c>
      <c r="DW8" s="413">
        <v>0</v>
      </c>
      <c r="DX8" s="102">
        <v>16</v>
      </c>
      <c r="DY8" s="102">
        <v>14</v>
      </c>
      <c r="DZ8" s="102">
        <v>13</v>
      </c>
      <c r="EA8" s="102">
        <v>8</v>
      </c>
      <c r="EB8" s="102">
        <v>10</v>
      </c>
      <c r="EC8" s="103">
        <v>61</v>
      </c>
      <c r="ED8" s="104">
        <v>98</v>
      </c>
      <c r="EE8" s="101">
        <v>28</v>
      </c>
      <c r="EF8" s="102">
        <v>45</v>
      </c>
      <c r="EG8" s="103">
        <v>73</v>
      </c>
      <c r="EH8" s="413">
        <v>0</v>
      </c>
      <c r="EI8" s="102">
        <v>32</v>
      </c>
      <c r="EJ8" s="102">
        <v>25</v>
      </c>
      <c r="EK8" s="102">
        <v>12</v>
      </c>
      <c r="EL8" s="102">
        <v>12</v>
      </c>
      <c r="EM8" s="102">
        <v>12</v>
      </c>
      <c r="EN8" s="103">
        <v>93</v>
      </c>
      <c r="EO8" s="104">
        <v>166</v>
      </c>
      <c r="EP8" s="101">
        <v>75</v>
      </c>
      <c r="EQ8" s="102">
        <v>86</v>
      </c>
      <c r="ER8" s="103">
        <v>161</v>
      </c>
      <c r="ES8" s="413">
        <v>0</v>
      </c>
      <c r="ET8" s="102">
        <v>78</v>
      </c>
      <c r="EU8" s="102">
        <v>53</v>
      </c>
      <c r="EV8" s="102">
        <v>29</v>
      </c>
      <c r="EW8" s="102">
        <v>28</v>
      </c>
      <c r="EX8" s="102">
        <v>15</v>
      </c>
      <c r="EY8" s="103">
        <v>203</v>
      </c>
      <c r="EZ8" s="104">
        <v>364</v>
      </c>
      <c r="FA8" s="101">
        <v>90</v>
      </c>
      <c r="FB8" s="102">
        <v>99</v>
      </c>
      <c r="FC8" s="103">
        <v>189</v>
      </c>
      <c r="FD8" s="413">
        <v>0</v>
      </c>
      <c r="FE8" s="102">
        <v>97</v>
      </c>
      <c r="FF8" s="102">
        <v>108</v>
      </c>
      <c r="FG8" s="102">
        <v>54</v>
      </c>
      <c r="FH8" s="102">
        <v>60</v>
      </c>
      <c r="FI8" s="102">
        <v>28</v>
      </c>
      <c r="FJ8" s="103">
        <v>347</v>
      </c>
      <c r="FK8" s="104">
        <v>536</v>
      </c>
      <c r="FL8" s="101">
        <v>51</v>
      </c>
      <c r="FM8" s="102">
        <v>82</v>
      </c>
      <c r="FN8" s="103">
        <v>133</v>
      </c>
      <c r="FO8" s="413">
        <v>0</v>
      </c>
      <c r="FP8" s="102">
        <v>96</v>
      </c>
      <c r="FQ8" s="102">
        <v>162</v>
      </c>
      <c r="FR8" s="102">
        <v>124</v>
      </c>
      <c r="FS8" s="102">
        <v>123</v>
      </c>
      <c r="FT8" s="102">
        <v>90</v>
      </c>
      <c r="FU8" s="103">
        <v>595</v>
      </c>
      <c r="FV8" s="104">
        <v>728</v>
      </c>
      <c r="FW8" s="101">
        <v>0</v>
      </c>
      <c r="FX8" s="102">
        <v>0</v>
      </c>
      <c r="FY8" s="103">
        <v>0</v>
      </c>
      <c r="FZ8" s="413">
        <v>0</v>
      </c>
      <c r="GA8" s="102">
        <v>0</v>
      </c>
      <c r="GB8" s="102">
        <v>0</v>
      </c>
      <c r="GC8" s="102">
        <v>0</v>
      </c>
      <c r="GD8" s="102">
        <v>0</v>
      </c>
      <c r="GE8" s="102">
        <v>0</v>
      </c>
      <c r="GF8" s="103">
        <v>0</v>
      </c>
      <c r="GG8" s="104">
        <v>0</v>
      </c>
      <c r="GH8" s="101">
        <v>264</v>
      </c>
      <c r="GI8" s="102">
        <v>347</v>
      </c>
      <c r="GJ8" s="103">
        <v>611</v>
      </c>
      <c r="GK8" s="413">
        <v>0</v>
      </c>
      <c r="GL8" s="102">
        <v>323</v>
      </c>
      <c r="GM8" s="102">
        <v>368</v>
      </c>
      <c r="GN8" s="102">
        <v>236</v>
      </c>
      <c r="GO8" s="102">
        <v>233</v>
      </c>
      <c r="GP8" s="102">
        <v>156</v>
      </c>
      <c r="GQ8" s="103">
        <v>1316</v>
      </c>
      <c r="GR8" s="104">
        <v>1927</v>
      </c>
      <c r="GS8" s="105">
        <v>2058</v>
      </c>
      <c r="GT8" s="97">
        <v>2407</v>
      </c>
      <c r="GU8" s="98">
        <v>4465</v>
      </c>
      <c r="GV8" s="413">
        <v>0</v>
      </c>
      <c r="GW8" s="97">
        <v>2429</v>
      </c>
      <c r="GX8" s="97">
        <v>2890</v>
      </c>
      <c r="GY8" s="97">
        <v>1735</v>
      </c>
      <c r="GZ8" s="97">
        <v>1467</v>
      </c>
      <c r="HA8" s="97">
        <v>826</v>
      </c>
      <c r="HB8" s="99">
        <v>9347</v>
      </c>
      <c r="HC8" s="100">
        <v>13812</v>
      </c>
      <c r="HD8" s="101">
        <v>28</v>
      </c>
      <c r="HE8" s="102">
        <v>40</v>
      </c>
      <c r="HF8" s="103">
        <v>68</v>
      </c>
      <c r="HG8" s="413">
        <v>0</v>
      </c>
      <c r="HH8" s="102">
        <v>29</v>
      </c>
      <c r="HI8" s="102">
        <v>44</v>
      </c>
      <c r="HJ8" s="102">
        <v>40</v>
      </c>
      <c r="HK8" s="102">
        <v>20</v>
      </c>
      <c r="HL8" s="102">
        <v>17</v>
      </c>
      <c r="HM8" s="103">
        <v>150</v>
      </c>
      <c r="HN8" s="104">
        <v>218</v>
      </c>
      <c r="HO8" s="101">
        <v>70</v>
      </c>
      <c r="HP8" s="102">
        <v>104</v>
      </c>
      <c r="HQ8" s="103">
        <v>174</v>
      </c>
      <c r="HR8" s="413">
        <v>0</v>
      </c>
      <c r="HS8" s="102">
        <v>79</v>
      </c>
      <c r="HT8" s="102">
        <v>133</v>
      </c>
      <c r="HU8" s="102">
        <v>76</v>
      </c>
      <c r="HV8" s="102">
        <v>67</v>
      </c>
      <c r="HW8" s="102">
        <v>53</v>
      </c>
      <c r="HX8" s="103">
        <v>408</v>
      </c>
      <c r="HY8" s="104">
        <v>582</v>
      </c>
      <c r="HZ8" s="101">
        <v>171</v>
      </c>
      <c r="IA8" s="102">
        <v>204</v>
      </c>
      <c r="IB8" s="103">
        <v>375</v>
      </c>
      <c r="IC8" s="413">
        <v>0</v>
      </c>
      <c r="ID8" s="102">
        <v>181</v>
      </c>
      <c r="IE8" s="102">
        <v>214</v>
      </c>
      <c r="IF8" s="102">
        <v>124</v>
      </c>
      <c r="IG8" s="102">
        <v>99</v>
      </c>
      <c r="IH8" s="102">
        <v>85</v>
      </c>
      <c r="II8" s="103">
        <v>703</v>
      </c>
      <c r="IJ8" s="104">
        <v>1078</v>
      </c>
      <c r="IK8" s="101">
        <v>420</v>
      </c>
      <c r="IL8" s="102">
        <v>480</v>
      </c>
      <c r="IM8" s="103">
        <v>900</v>
      </c>
      <c r="IN8" s="413">
        <v>0</v>
      </c>
      <c r="IO8" s="102">
        <v>462</v>
      </c>
      <c r="IP8" s="102">
        <v>480</v>
      </c>
      <c r="IQ8" s="102">
        <v>269</v>
      </c>
      <c r="IR8" s="102">
        <v>205</v>
      </c>
      <c r="IS8" s="102">
        <v>131</v>
      </c>
      <c r="IT8" s="103">
        <v>1547</v>
      </c>
      <c r="IU8" s="104">
        <v>2447</v>
      </c>
      <c r="IV8" s="101">
        <v>726</v>
      </c>
      <c r="IW8" s="102">
        <v>750</v>
      </c>
      <c r="IX8" s="103">
        <v>1476</v>
      </c>
      <c r="IY8" s="413">
        <v>0</v>
      </c>
      <c r="IZ8" s="102">
        <v>777</v>
      </c>
      <c r="JA8" s="102">
        <v>834</v>
      </c>
      <c r="JB8" s="102">
        <v>463</v>
      </c>
      <c r="JC8" s="102">
        <v>402</v>
      </c>
      <c r="JD8" s="102">
        <v>211</v>
      </c>
      <c r="JE8" s="103">
        <v>2687</v>
      </c>
      <c r="JF8" s="104">
        <v>4163</v>
      </c>
      <c r="JG8" s="101">
        <v>643</v>
      </c>
      <c r="JH8" s="102">
        <v>829</v>
      </c>
      <c r="JI8" s="103">
        <v>1472</v>
      </c>
      <c r="JJ8" s="413">
        <v>0</v>
      </c>
      <c r="JK8" s="102">
        <v>901</v>
      </c>
      <c r="JL8" s="102">
        <v>1185</v>
      </c>
      <c r="JM8" s="102">
        <v>763</v>
      </c>
      <c r="JN8" s="102">
        <v>674</v>
      </c>
      <c r="JO8" s="102">
        <v>329</v>
      </c>
      <c r="JP8" s="103">
        <v>3852</v>
      </c>
      <c r="JQ8" s="104">
        <v>5324</v>
      </c>
      <c r="JR8" s="101">
        <v>0</v>
      </c>
      <c r="JS8" s="102">
        <v>0</v>
      </c>
      <c r="JT8" s="103">
        <v>0</v>
      </c>
      <c r="JU8" s="413">
        <v>0</v>
      </c>
      <c r="JV8" s="102">
        <v>0</v>
      </c>
      <c r="JW8" s="102">
        <v>0</v>
      </c>
      <c r="JX8" s="102">
        <v>0</v>
      </c>
      <c r="JY8" s="102">
        <v>0</v>
      </c>
      <c r="JZ8" s="102">
        <v>0</v>
      </c>
      <c r="KA8" s="103">
        <v>0</v>
      </c>
      <c r="KB8" s="104">
        <v>0</v>
      </c>
      <c r="KC8" s="101">
        <v>2058</v>
      </c>
      <c r="KD8" s="102">
        <v>2407</v>
      </c>
      <c r="KE8" s="103">
        <v>4465</v>
      </c>
      <c r="KF8" s="413">
        <v>0</v>
      </c>
      <c r="KG8" s="102">
        <v>2429</v>
      </c>
      <c r="KH8" s="102">
        <v>2890</v>
      </c>
      <c r="KI8" s="102">
        <v>1735</v>
      </c>
      <c r="KJ8" s="102">
        <v>1467</v>
      </c>
      <c r="KK8" s="102">
        <v>826</v>
      </c>
      <c r="KL8" s="103">
        <v>9347</v>
      </c>
      <c r="KM8" s="104">
        <v>13812</v>
      </c>
    </row>
    <row r="9" spans="2:299" s="70" customFormat="1" ht="21" customHeight="1" x14ac:dyDescent="0.2">
      <c r="B9" s="106" t="s">
        <v>6</v>
      </c>
      <c r="C9" s="96">
        <v>488</v>
      </c>
      <c r="D9" s="97">
        <v>372</v>
      </c>
      <c r="E9" s="98">
        <v>860</v>
      </c>
      <c r="F9" s="413">
        <v>0</v>
      </c>
      <c r="G9" s="97">
        <v>793</v>
      </c>
      <c r="H9" s="97">
        <v>659</v>
      </c>
      <c r="I9" s="97">
        <v>360</v>
      </c>
      <c r="J9" s="97">
        <v>341</v>
      </c>
      <c r="K9" s="97">
        <v>201</v>
      </c>
      <c r="L9" s="99">
        <v>2354</v>
      </c>
      <c r="M9" s="100">
        <v>3214</v>
      </c>
      <c r="N9" s="101">
        <v>14</v>
      </c>
      <c r="O9" s="102">
        <v>8</v>
      </c>
      <c r="P9" s="103">
        <v>22</v>
      </c>
      <c r="Q9" s="413">
        <v>0</v>
      </c>
      <c r="R9" s="102">
        <v>10</v>
      </c>
      <c r="S9" s="102">
        <v>14</v>
      </c>
      <c r="T9" s="102">
        <v>9</v>
      </c>
      <c r="U9" s="102">
        <v>4</v>
      </c>
      <c r="V9" s="102">
        <v>2</v>
      </c>
      <c r="W9" s="103">
        <v>39</v>
      </c>
      <c r="X9" s="104">
        <v>61</v>
      </c>
      <c r="Y9" s="101">
        <v>30</v>
      </c>
      <c r="Z9" s="102">
        <v>20</v>
      </c>
      <c r="AA9" s="103">
        <v>50</v>
      </c>
      <c r="AB9" s="413">
        <v>0</v>
      </c>
      <c r="AC9" s="102">
        <v>37</v>
      </c>
      <c r="AD9" s="102">
        <v>16</v>
      </c>
      <c r="AE9" s="102">
        <v>14</v>
      </c>
      <c r="AF9" s="102">
        <v>20</v>
      </c>
      <c r="AG9" s="102">
        <v>16</v>
      </c>
      <c r="AH9" s="103">
        <v>103</v>
      </c>
      <c r="AI9" s="104">
        <v>153</v>
      </c>
      <c r="AJ9" s="101">
        <v>36</v>
      </c>
      <c r="AK9" s="102">
        <v>35</v>
      </c>
      <c r="AL9" s="103">
        <v>71</v>
      </c>
      <c r="AM9" s="413">
        <v>0</v>
      </c>
      <c r="AN9" s="102">
        <v>74</v>
      </c>
      <c r="AO9" s="102">
        <v>63</v>
      </c>
      <c r="AP9" s="102">
        <v>26</v>
      </c>
      <c r="AQ9" s="102">
        <v>33</v>
      </c>
      <c r="AR9" s="102">
        <v>16</v>
      </c>
      <c r="AS9" s="103">
        <v>212</v>
      </c>
      <c r="AT9" s="104">
        <v>283</v>
      </c>
      <c r="AU9" s="101">
        <v>90</v>
      </c>
      <c r="AV9" s="102">
        <v>65</v>
      </c>
      <c r="AW9" s="103">
        <v>155</v>
      </c>
      <c r="AX9" s="413">
        <v>0</v>
      </c>
      <c r="AY9" s="102">
        <v>147</v>
      </c>
      <c r="AZ9" s="102">
        <v>123</v>
      </c>
      <c r="BA9" s="102">
        <v>68</v>
      </c>
      <c r="BB9" s="102">
        <v>43</v>
      </c>
      <c r="BC9" s="102">
        <v>32</v>
      </c>
      <c r="BD9" s="103">
        <v>413</v>
      </c>
      <c r="BE9" s="104">
        <v>568</v>
      </c>
      <c r="BF9" s="101">
        <v>162</v>
      </c>
      <c r="BG9" s="102">
        <v>120</v>
      </c>
      <c r="BH9" s="103">
        <v>282</v>
      </c>
      <c r="BI9" s="413">
        <v>0</v>
      </c>
      <c r="BJ9" s="102">
        <v>228</v>
      </c>
      <c r="BK9" s="102">
        <v>192</v>
      </c>
      <c r="BL9" s="102">
        <v>92</v>
      </c>
      <c r="BM9" s="102">
        <v>88</v>
      </c>
      <c r="BN9" s="102">
        <v>65</v>
      </c>
      <c r="BO9" s="103">
        <v>665</v>
      </c>
      <c r="BP9" s="104">
        <v>947</v>
      </c>
      <c r="BQ9" s="101">
        <v>156</v>
      </c>
      <c r="BR9" s="102">
        <v>124</v>
      </c>
      <c r="BS9" s="103">
        <v>280</v>
      </c>
      <c r="BT9" s="413">
        <v>0</v>
      </c>
      <c r="BU9" s="102">
        <v>297</v>
      </c>
      <c r="BV9" s="102">
        <v>251</v>
      </c>
      <c r="BW9" s="102">
        <v>151</v>
      </c>
      <c r="BX9" s="102">
        <v>153</v>
      </c>
      <c r="BY9" s="102">
        <v>70</v>
      </c>
      <c r="BZ9" s="103">
        <v>922</v>
      </c>
      <c r="CA9" s="104">
        <v>1202</v>
      </c>
      <c r="CB9" s="101">
        <v>0</v>
      </c>
      <c r="CC9" s="102">
        <v>0</v>
      </c>
      <c r="CD9" s="103">
        <v>0</v>
      </c>
      <c r="CE9" s="413">
        <v>0</v>
      </c>
      <c r="CF9" s="102">
        <v>0</v>
      </c>
      <c r="CG9" s="102">
        <v>0</v>
      </c>
      <c r="CH9" s="102">
        <v>0</v>
      </c>
      <c r="CI9" s="102">
        <v>0</v>
      </c>
      <c r="CJ9" s="102">
        <v>0</v>
      </c>
      <c r="CK9" s="103">
        <v>0</v>
      </c>
      <c r="CL9" s="104">
        <v>0</v>
      </c>
      <c r="CM9" s="101">
        <v>488</v>
      </c>
      <c r="CN9" s="102">
        <v>372</v>
      </c>
      <c r="CO9" s="103">
        <v>860</v>
      </c>
      <c r="CP9" s="413">
        <v>0</v>
      </c>
      <c r="CQ9" s="102">
        <v>793</v>
      </c>
      <c r="CR9" s="102">
        <v>659</v>
      </c>
      <c r="CS9" s="102">
        <v>360</v>
      </c>
      <c r="CT9" s="102">
        <v>341</v>
      </c>
      <c r="CU9" s="102">
        <v>201</v>
      </c>
      <c r="CV9" s="103">
        <v>2354</v>
      </c>
      <c r="CW9" s="104">
        <v>3214</v>
      </c>
      <c r="CX9" s="105">
        <v>87</v>
      </c>
      <c r="CY9" s="97">
        <v>104</v>
      </c>
      <c r="CZ9" s="98">
        <v>191</v>
      </c>
      <c r="DA9" s="413">
        <v>0</v>
      </c>
      <c r="DB9" s="97">
        <v>141</v>
      </c>
      <c r="DC9" s="97">
        <v>105</v>
      </c>
      <c r="DD9" s="97">
        <v>77</v>
      </c>
      <c r="DE9" s="97">
        <v>85</v>
      </c>
      <c r="DF9" s="97">
        <v>53</v>
      </c>
      <c r="DG9" s="99">
        <v>461</v>
      </c>
      <c r="DH9" s="100">
        <v>652</v>
      </c>
      <c r="DI9" s="101">
        <v>1</v>
      </c>
      <c r="DJ9" s="102">
        <v>1</v>
      </c>
      <c r="DK9" s="103">
        <v>2</v>
      </c>
      <c r="DL9" s="413">
        <v>0</v>
      </c>
      <c r="DM9" s="102">
        <v>2</v>
      </c>
      <c r="DN9" s="102">
        <v>1</v>
      </c>
      <c r="DO9" s="102">
        <v>2</v>
      </c>
      <c r="DP9" s="102">
        <v>2</v>
      </c>
      <c r="DQ9" s="102">
        <v>0</v>
      </c>
      <c r="DR9" s="103">
        <v>7</v>
      </c>
      <c r="DS9" s="104">
        <v>9</v>
      </c>
      <c r="DT9" s="101">
        <v>6</v>
      </c>
      <c r="DU9" s="102">
        <v>7</v>
      </c>
      <c r="DV9" s="103">
        <v>13</v>
      </c>
      <c r="DW9" s="413">
        <v>0</v>
      </c>
      <c r="DX9" s="102">
        <v>5</v>
      </c>
      <c r="DY9" s="102">
        <v>2</v>
      </c>
      <c r="DZ9" s="102">
        <v>4</v>
      </c>
      <c r="EA9" s="102">
        <v>3</v>
      </c>
      <c r="EB9" s="102">
        <v>1</v>
      </c>
      <c r="EC9" s="103">
        <v>15</v>
      </c>
      <c r="ED9" s="104">
        <v>28</v>
      </c>
      <c r="EE9" s="101">
        <v>16</v>
      </c>
      <c r="EF9" s="102">
        <v>7</v>
      </c>
      <c r="EG9" s="103">
        <v>23</v>
      </c>
      <c r="EH9" s="413">
        <v>0</v>
      </c>
      <c r="EI9" s="102">
        <v>16</v>
      </c>
      <c r="EJ9" s="102">
        <v>7</v>
      </c>
      <c r="EK9" s="102">
        <v>7</v>
      </c>
      <c r="EL9" s="102">
        <v>2</v>
      </c>
      <c r="EM9" s="102">
        <v>4</v>
      </c>
      <c r="EN9" s="103">
        <v>36</v>
      </c>
      <c r="EO9" s="104">
        <v>59</v>
      </c>
      <c r="EP9" s="101">
        <v>28</v>
      </c>
      <c r="EQ9" s="102">
        <v>24</v>
      </c>
      <c r="ER9" s="103">
        <v>52</v>
      </c>
      <c r="ES9" s="413">
        <v>0</v>
      </c>
      <c r="ET9" s="102">
        <v>29</v>
      </c>
      <c r="EU9" s="102">
        <v>20</v>
      </c>
      <c r="EV9" s="102">
        <v>7</v>
      </c>
      <c r="EW9" s="102">
        <v>11</v>
      </c>
      <c r="EX9" s="102">
        <v>7</v>
      </c>
      <c r="EY9" s="103">
        <v>74</v>
      </c>
      <c r="EZ9" s="104">
        <v>126</v>
      </c>
      <c r="FA9" s="101">
        <v>24</v>
      </c>
      <c r="FB9" s="102">
        <v>30</v>
      </c>
      <c r="FC9" s="103">
        <v>54</v>
      </c>
      <c r="FD9" s="413">
        <v>0</v>
      </c>
      <c r="FE9" s="102">
        <v>40</v>
      </c>
      <c r="FF9" s="102">
        <v>33</v>
      </c>
      <c r="FG9" s="102">
        <v>19</v>
      </c>
      <c r="FH9" s="102">
        <v>20</v>
      </c>
      <c r="FI9" s="102">
        <v>15</v>
      </c>
      <c r="FJ9" s="103">
        <v>127</v>
      </c>
      <c r="FK9" s="104">
        <v>181</v>
      </c>
      <c r="FL9" s="101">
        <v>12</v>
      </c>
      <c r="FM9" s="102">
        <v>35</v>
      </c>
      <c r="FN9" s="103">
        <v>47</v>
      </c>
      <c r="FO9" s="413">
        <v>0</v>
      </c>
      <c r="FP9" s="102">
        <v>49</v>
      </c>
      <c r="FQ9" s="102">
        <v>42</v>
      </c>
      <c r="FR9" s="102">
        <v>38</v>
      </c>
      <c r="FS9" s="102">
        <v>47</v>
      </c>
      <c r="FT9" s="102">
        <v>26</v>
      </c>
      <c r="FU9" s="103">
        <v>202</v>
      </c>
      <c r="FV9" s="104">
        <v>249</v>
      </c>
      <c r="FW9" s="101">
        <v>0</v>
      </c>
      <c r="FX9" s="102">
        <v>0</v>
      </c>
      <c r="FY9" s="103">
        <v>0</v>
      </c>
      <c r="FZ9" s="413">
        <v>0</v>
      </c>
      <c r="GA9" s="102">
        <v>0</v>
      </c>
      <c r="GB9" s="102">
        <v>0</v>
      </c>
      <c r="GC9" s="102">
        <v>0</v>
      </c>
      <c r="GD9" s="102">
        <v>0</v>
      </c>
      <c r="GE9" s="102">
        <v>0</v>
      </c>
      <c r="GF9" s="103">
        <v>0</v>
      </c>
      <c r="GG9" s="104">
        <v>0</v>
      </c>
      <c r="GH9" s="101">
        <v>87</v>
      </c>
      <c r="GI9" s="102">
        <v>104</v>
      </c>
      <c r="GJ9" s="103">
        <v>191</v>
      </c>
      <c r="GK9" s="413">
        <v>0</v>
      </c>
      <c r="GL9" s="102">
        <v>141</v>
      </c>
      <c r="GM9" s="102">
        <v>105</v>
      </c>
      <c r="GN9" s="102">
        <v>77</v>
      </c>
      <c r="GO9" s="102">
        <v>85</v>
      </c>
      <c r="GP9" s="102">
        <v>53</v>
      </c>
      <c r="GQ9" s="103">
        <v>461</v>
      </c>
      <c r="GR9" s="104">
        <v>652</v>
      </c>
      <c r="GS9" s="105">
        <v>575</v>
      </c>
      <c r="GT9" s="97">
        <v>476</v>
      </c>
      <c r="GU9" s="98">
        <v>1051</v>
      </c>
      <c r="GV9" s="413">
        <v>0</v>
      </c>
      <c r="GW9" s="97">
        <v>934</v>
      </c>
      <c r="GX9" s="97">
        <v>764</v>
      </c>
      <c r="GY9" s="97">
        <v>437</v>
      </c>
      <c r="GZ9" s="97">
        <v>426</v>
      </c>
      <c r="HA9" s="97">
        <v>254</v>
      </c>
      <c r="HB9" s="99">
        <v>2815</v>
      </c>
      <c r="HC9" s="100">
        <v>3866</v>
      </c>
      <c r="HD9" s="101">
        <v>15</v>
      </c>
      <c r="HE9" s="102">
        <v>9</v>
      </c>
      <c r="HF9" s="103">
        <v>24</v>
      </c>
      <c r="HG9" s="413">
        <v>0</v>
      </c>
      <c r="HH9" s="102">
        <v>12</v>
      </c>
      <c r="HI9" s="102">
        <v>15</v>
      </c>
      <c r="HJ9" s="102">
        <v>11</v>
      </c>
      <c r="HK9" s="102">
        <v>6</v>
      </c>
      <c r="HL9" s="102">
        <v>2</v>
      </c>
      <c r="HM9" s="103">
        <v>46</v>
      </c>
      <c r="HN9" s="104">
        <v>70</v>
      </c>
      <c r="HO9" s="101">
        <v>36</v>
      </c>
      <c r="HP9" s="102">
        <v>27</v>
      </c>
      <c r="HQ9" s="103">
        <v>63</v>
      </c>
      <c r="HR9" s="413">
        <v>0</v>
      </c>
      <c r="HS9" s="102">
        <v>42</v>
      </c>
      <c r="HT9" s="102">
        <v>18</v>
      </c>
      <c r="HU9" s="102">
        <v>18</v>
      </c>
      <c r="HV9" s="102">
        <v>23</v>
      </c>
      <c r="HW9" s="102">
        <v>17</v>
      </c>
      <c r="HX9" s="103">
        <v>118</v>
      </c>
      <c r="HY9" s="104">
        <v>181</v>
      </c>
      <c r="HZ9" s="101">
        <v>52</v>
      </c>
      <c r="IA9" s="102">
        <v>42</v>
      </c>
      <c r="IB9" s="103">
        <v>94</v>
      </c>
      <c r="IC9" s="413">
        <v>0</v>
      </c>
      <c r="ID9" s="102">
        <v>90</v>
      </c>
      <c r="IE9" s="102">
        <v>70</v>
      </c>
      <c r="IF9" s="102">
        <v>33</v>
      </c>
      <c r="IG9" s="102">
        <v>35</v>
      </c>
      <c r="IH9" s="102">
        <v>20</v>
      </c>
      <c r="II9" s="103">
        <v>248</v>
      </c>
      <c r="IJ9" s="104">
        <v>342</v>
      </c>
      <c r="IK9" s="101">
        <v>118</v>
      </c>
      <c r="IL9" s="102">
        <v>89</v>
      </c>
      <c r="IM9" s="103">
        <v>207</v>
      </c>
      <c r="IN9" s="413">
        <v>0</v>
      </c>
      <c r="IO9" s="102">
        <v>176</v>
      </c>
      <c r="IP9" s="102">
        <v>143</v>
      </c>
      <c r="IQ9" s="102">
        <v>75</v>
      </c>
      <c r="IR9" s="102">
        <v>54</v>
      </c>
      <c r="IS9" s="102">
        <v>39</v>
      </c>
      <c r="IT9" s="103">
        <v>487</v>
      </c>
      <c r="IU9" s="104">
        <v>694</v>
      </c>
      <c r="IV9" s="101">
        <v>186</v>
      </c>
      <c r="IW9" s="102">
        <v>150</v>
      </c>
      <c r="IX9" s="103">
        <v>336</v>
      </c>
      <c r="IY9" s="413">
        <v>0</v>
      </c>
      <c r="IZ9" s="102">
        <v>268</v>
      </c>
      <c r="JA9" s="102">
        <v>225</v>
      </c>
      <c r="JB9" s="102">
        <v>111</v>
      </c>
      <c r="JC9" s="102">
        <v>108</v>
      </c>
      <c r="JD9" s="102">
        <v>80</v>
      </c>
      <c r="JE9" s="103">
        <v>792</v>
      </c>
      <c r="JF9" s="104">
        <v>1128</v>
      </c>
      <c r="JG9" s="101">
        <v>168</v>
      </c>
      <c r="JH9" s="102">
        <v>159</v>
      </c>
      <c r="JI9" s="103">
        <v>327</v>
      </c>
      <c r="JJ9" s="413">
        <v>0</v>
      </c>
      <c r="JK9" s="102">
        <v>346</v>
      </c>
      <c r="JL9" s="102">
        <v>293</v>
      </c>
      <c r="JM9" s="102">
        <v>189</v>
      </c>
      <c r="JN9" s="102">
        <v>200</v>
      </c>
      <c r="JO9" s="102">
        <v>96</v>
      </c>
      <c r="JP9" s="103">
        <v>1124</v>
      </c>
      <c r="JQ9" s="104">
        <v>1451</v>
      </c>
      <c r="JR9" s="101">
        <v>0</v>
      </c>
      <c r="JS9" s="102">
        <v>0</v>
      </c>
      <c r="JT9" s="103">
        <v>0</v>
      </c>
      <c r="JU9" s="413">
        <v>0</v>
      </c>
      <c r="JV9" s="102">
        <v>0</v>
      </c>
      <c r="JW9" s="102">
        <v>0</v>
      </c>
      <c r="JX9" s="102">
        <v>0</v>
      </c>
      <c r="JY9" s="102">
        <v>0</v>
      </c>
      <c r="JZ9" s="102">
        <v>0</v>
      </c>
      <c r="KA9" s="103">
        <v>0</v>
      </c>
      <c r="KB9" s="104">
        <v>0</v>
      </c>
      <c r="KC9" s="101">
        <v>575</v>
      </c>
      <c r="KD9" s="102">
        <v>476</v>
      </c>
      <c r="KE9" s="103">
        <v>1051</v>
      </c>
      <c r="KF9" s="413">
        <v>0</v>
      </c>
      <c r="KG9" s="102">
        <v>934</v>
      </c>
      <c r="KH9" s="102">
        <v>764</v>
      </c>
      <c r="KI9" s="102">
        <v>437</v>
      </c>
      <c r="KJ9" s="102">
        <v>426</v>
      </c>
      <c r="KK9" s="102">
        <v>254</v>
      </c>
      <c r="KL9" s="103">
        <v>2815</v>
      </c>
      <c r="KM9" s="104">
        <v>3866</v>
      </c>
    </row>
    <row r="10" spans="2:299" s="70" customFormat="1" ht="21" customHeight="1" x14ac:dyDescent="0.2">
      <c r="B10" s="106" t="s">
        <v>14</v>
      </c>
      <c r="C10" s="96">
        <v>270</v>
      </c>
      <c r="D10" s="97">
        <v>346</v>
      </c>
      <c r="E10" s="98">
        <v>616</v>
      </c>
      <c r="F10" s="413">
        <v>0</v>
      </c>
      <c r="G10" s="97">
        <v>389</v>
      </c>
      <c r="H10" s="97">
        <v>395</v>
      </c>
      <c r="I10" s="97">
        <v>284</v>
      </c>
      <c r="J10" s="97">
        <v>225</v>
      </c>
      <c r="K10" s="97">
        <v>120</v>
      </c>
      <c r="L10" s="99">
        <v>1413</v>
      </c>
      <c r="M10" s="100">
        <v>2029</v>
      </c>
      <c r="N10" s="101">
        <v>5</v>
      </c>
      <c r="O10" s="102">
        <v>5</v>
      </c>
      <c r="P10" s="103">
        <v>10</v>
      </c>
      <c r="Q10" s="413">
        <v>0</v>
      </c>
      <c r="R10" s="102">
        <v>7</v>
      </c>
      <c r="S10" s="102">
        <v>7</v>
      </c>
      <c r="T10" s="102">
        <v>3</v>
      </c>
      <c r="U10" s="102">
        <v>11</v>
      </c>
      <c r="V10" s="102">
        <v>4</v>
      </c>
      <c r="W10" s="103">
        <v>32</v>
      </c>
      <c r="X10" s="104">
        <v>42</v>
      </c>
      <c r="Y10" s="101">
        <v>10</v>
      </c>
      <c r="Z10" s="102">
        <v>23</v>
      </c>
      <c r="AA10" s="103">
        <v>33</v>
      </c>
      <c r="AB10" s="413">
        <v>0</v>
      </c>
      <c r="AC10" s="102">
        <v>14</v>
      </c>
      <c r="AD10" s="102">
        <v>22</v>
      </c>
      <c r="AE10" s="102">
        <v>13</v>
      </c>
      <c r="AF10" s="102">
        <v>7</v>
      </c>
      <c r="AG10" s="102">
        <v>11</v>
      </c>
      <c r="AH10" s="103">
        <v>67</v>
      </c>
      <c r="AI10" s="104">
        <v>100</v>
      </c>
      <c r="AJ10" s="101">
        <v>24</v>
      </c>
      <c r="AK10" s="102">
        <v>42</v>
      </c>
      <c r="AL10" s="103">
        <v>66</v>
      </c>
      <c r="AM10" s="413">
        <v>0</v>
      </c>
      <c r="AN10" s="102">
        <v>33</v>
      </c>
      <c r="AO10" s="102">
        <v>25</v>
      </c>
      <c r="AP10" s="102">
        <v>20</v>
      </c>
      <c r="AQ10" s="102">
        <v>19</v>
      </c>
      <c r="AR10" s="102">
        <v>14</v>
      </c>
      <c r="AS10" s="103">
        <v>111</v>
      </c>
      <c r="AT10" s="104">
        <v>177</v>
      </c>
      <c r="AU10" s="101">
        <v>70</v>
      </c>
      <c r="AV10" s="102">
        <v>77</v>
      </c>
      <c r="AW10" s="103">
        <v>147</v>
      </c>
      <c r="AX10" s="413">
        <v>0</v>
      </c>
      <c r="AY10" s="102">
        <v>85</v>
      </c>
      <c r="AZ10" s="102">
        <v>91</v>
      </c>
      <c r="BA10" s="102">
        <v>66</v>
      </c>
      <c r="BB10" s="102">
        <v>50</v>
      </c>
      <c r="BC10" s="102">
        <v>14</v>
      </c>
      <c r="BD10" s="103">
        <v>306</v>
      </c>
      <c r="BE10" s="104">
        <v>453</v>
      </c>
      <c r="BF10" s="101">
        <v>81</v>
      </c>
      <c r="BG10" s="102">
        <v>108</v>
      </c>
      <c r="BH10" s="103">
        <v>189</v>
      </c>
      <c r="BI10" s="413">
        <v>0</v>
      </c>
      <c r="BJ10" s="102">
        <v>120</v>
      </c>
      <c r="BK10" s="102">
        <v>128</v>
      </c>
      <c r="BL10" s="102">
        <v>71</v>
      </c>
      <c r="BM10" s="102">
        <v>64</v>
      </c>
      <c r="BN10" s="102">
        <v>22</v>
      </c>
      <c r="BO10" s="103">
        <v>405</v>
      </c>
      <c r="BP10" s="104">
        <v>594</v>
      </c>
      <c r="BQ10" s="101">
        <v>80</v>
      </c>
      <c r="BR10" s="102">
        <v>91</v>
      </c>
      <c r="BS10" s="103">
        <v>171</v>
      </c>
      <c r="BT10" s="413">
        <v>0</v>
      </c>
      <c r="BU10" s="102">
        <v>130</v>
      </c>
      <c r="BV10" s="102">
        <v>122</v>
      </c>
      <c r="BW10" s="102">
        <v>111</v>
      </c>
      <c r="BX10" s="102">
        <v>74</v>
      </c>
      <c r="BY10" s="102">
        <v>55</v>
      </c>
      <c r="BZ10" s="103">
        <v>492</v>
      </c>
      <c r="CA10" s="104">
        <v>663</v>
      </c>
      <c r="CB10" s="101">
        <v>0</v>
      </c>
      <c r="CC10" s="102">
        <v>0</v>
      </c>
      <c r="CD10" s="103">
        <v>0</v>
      </c>
      <c r="CE10" s="413">
        <v>0</v>
      </c>
      <c r="CF10" s="102">
        <v>0</v>
      </c>
      <c r="CG10" s="102">
        <v>0</v>
      </c>
      <c r="CH10" s="102">
        <v>0</v>
      </c>
      <c r="CI10" s="102">
        <v>0</v>
      </c>
      <c r="CJ10" s="102">
        <v>0</v>
      </c>
      <c r="CK10" s="103">
        <v>0</v>
      </c>
      <c r="CL10" s="104">
        <v>0</v>
      </c>
      <c r="CM10" s="101">
        <v>270</v>
      </c>
      <c r="CN10" s="102">
        <v>346</v>
      </c>
      <c r="CO10" s="103">
        <v>616</v>
      </c>
      <c r="CP10" s="413">
        <v>0</v>
      </c>
      <c r="CQ10" s="102">
        <v>389</v>
      </c>
      <c r="CR10" s="102">
        <v>395</v>
      </c>
      <c r="CS10" s="102">
        <v>284</v>
      </c>
      <c r="CT10" s="102">
        <v>225</v>
      </c>
      <c r="CU10" s="102">
        <v>120</v>
      </c>
      <c r="CV10" s="103">
        <v>1413</v>
      </c>
      <c r="CW10" s="104">
        <v>2029</v>
      </c>
      <c r="CX10" s="105">
        <v>38</v>
      </c>
      <c r="CY10" s="97">
        <v>52</v>
      </c>
      <c r="CZ10" s="98">
        <v>90</v>
      </c>
      <c r="DA10" s="413">
        <v>0</v>
      </c>
      <c r="DB10" s="97">
        <v>51</v>
      </c>
      <c r="DC10" s="97">
        <v>49</v>
      </c>
      <c r="DD10" s="97">
        <v>45</v>
      </c>
      <c r="DE10" s="97">
        <v>29</v>
      </c>
      <c r="DF10" s="97">
        <v>17</v>
      </c>
      <c r="DG10" s="99">
        <v>191</v>
      </c>
      <c r="DH10" s="100">
        <v>281</v>
      </c>
      <c r="DI10" s="101">
        <v>0</v>
      </c>
      <c r="DJ10" s="102">
        <v>1</v>
      </c>
      <c r="DK10" s="103">
        <v>1</v>
      </c>
      <c r="DL10" s="413">
        <v>0</v>
      </c>
      <c r="DM10" s="102">
        <v>1</v>
      </c>
      <c r="DN10" s="102">
        <v>0</v>
      </c>
      <c r="DO10" s="102">
        <v>2</v>
      </c>
      <c r="DP10" s="102">
        <v>0</v>
      </c>
      <c r="DQ10" s="102">
        <v>0</v>
      </c>
      <c r="DR10" s="103">
        <v>3</v>
      </c>
      <c r="DS10" s="104">
        <v>4</v>
      </c>
      <c r="DT10" s="101">
        <v>3</v>
      </c>
      <c r="DU10" s="102">
        <v>3</v>
      </c>
      <c r="DV10" s="103">
        <v>6</v>
      </c>
      <c r="DW10" s="413">
        <v>0</v>
      </c>
      <c r="DX10" s="102">
        <v>2</v>
      </c>
      <c r="DY10" s="102">
        <v>5</v>
      </c>
      <c r="DZ10" s="102">
        <v>3</v>
      </c>
      <c r="EA10" s="102">
        <v>1</v>
      </c>
      <c r="EB10" s="102">
        <v>2</v>
      </c>
      <c r="EC10" s="103">
        <v>13</v>
      </c>
      <c r="ED10" s="104">
        <v>19</v>
      </c>
      <c r="EE10" s="101">
        <v>7</v>
      </c>
      <c r="EF10" s="102">
        <v>6</v>
      </c>
      <c r="EG10" s="103">
        <v>13</v>
      </c>
      <c r="EH10" s="413">
        <v>0</v>
      </c>
      <c r="EI10" s="102">
        <v>7</v>
      </c>
      <c r="EJ10" s="102">
        <v>4</v>
      </c>
      <c r="EK10" s="102">
        <v>5</v>
      </c>
      <c r="EL10" s="102">
        <v>2</v>
      </c>
      <c r="EM10" s="102">
        <v>3</v>
      </c>
      <c r="EN10" s="103">
        <v>21</v>
      </c>
      <c r="EO10" s="104">
        <v>34</v>
      </c>
      <c r="EP10" s="101">
        <v>12</v>
      </c>
      <c r="EQ10" s="102">
        <v>12</v>
      </c>
      <c r="ER10" s="103">
        <v>24</v>
      </c>
      <c r="ES10" s="413">
        <v>0</v>
      </c>
      <c r="ET10" s="102">
        <v>13</v>
      </c>
      <c r="EU10" s="102">
        <v>12</v>
      </c>
      <c r="EV10" s="102">
        <v>10</v>
      </c>
      <c r="EW10" s="102">
        <v>2</v>
      </c>
      <c r="EX10" s="102">
        <v>1</v>
      </c>
      <c r="EY10" s="103">
        <v>38</v>
      </c>
      <c r="EZ10" s="104">
        <v>62</v>
      </c>
      <c r="FA10" s="101">
        <v>11</v>
      </c>
      <c r="FB10" s="102">
        <v>15</v>
      </c>
      <c r="FC10" s="103">
        <v>26</v>
      </c>
      <c r="FD10" s="413">
        <v>0</v>
      </c>
      <c r="FE10" s="102">
        <v>17</v>
      </c>
      <c r="FF10" s="102">
        <v>12</v>
      </c>
      <c r="FG10" s="102">
        <v>9</v>
      </c>
      <c r="FH10" s="102">
        <v>7</v>
      </c>
      <c r="FI10" s="102">
        <v>6</v>
      </c>
      <c r="FJ10" s="103">
        <v>51</v>
      </c>
      <c r="FK10" s="104">
        <v>77</v>
      </c>
      <c r="FL10" s="101">
        <v>5</v>
      </c>
      <c r="FM10" s="102">
        <v>15</v>
      </c>
      <c r="FN10" s="103">
        <v>20</v>
      </c>
      <c r="FO10" s="413">
        <v>0</v>
      </c>
      <c r="FP10" s="102">
        <v>11</v>
      </c>
      <c r="FQ10" s="102">
        <v>16</v>
      </c>
      <c r="FR10" s="102">
        <v>16</v>
      </c>
      <c r="FS10" s="102">
        <v>17</v>
      </c>
      <c r="FT10" s="102">
        <v>5</v>
      </c>
      <c r="FU10" s="103">
        <v>65</v>
      </c>
      <c r="FV10" s="104">
        <v>85</v>
      </c>
      <c r="FW10" s="101">
        <v>0</v>
      </c>
      <c r="FX10" s="102">
        <v>0</v>
      </c>
      <c r="FY10" s="103">
        <v>0</v>
      </c>
      <c r="FZ10" s="413">
        <v>0</v>
      </c>
      <c r="GA10" s="102">
        <v>0</v>
      </c>
      <c r="GB10" s="102">
        <v>0</v>
      </c>
      <c r="GC10" s="102">
        <v>0</v>
      </c>
      <c r="GD10" s="102">
        <v>0</v>
      </c>
      <c r="GE10" s="102">
        <v>0</v>
      </c>
      <c r="GF10" s="103">
        <v>0</v>
      </c>
      <c r="GG10" s="104">
        <v>0</v>
      </c>
      <c r="GH10" s="101">
        <v>38</v>
      </c>
      <c r="GI10" s="102">
        <v>52</v>
      </c>
      <c r="GJ10" s="103">
        <v>90</v>
      </c>
      <c r="GK10" s="413">
        <v>0</v>
      </c>
      <c r="GL10" s="102">
        <v>51</v>
      </c>
      <c r="GM10" s="102">
        <v>49</v>
      </c>
      <c r="GN10" s="102">
        <v>45</v>
      </c>
      <c r="GO10" s="102">
        <v>29</v>
      </c>
      <c r="GP10" s="102">
        <v>17</v>
      </c>
      <c r="GQ10" s="103">
        <v>191</v>
      </c>
      <c r="GR10" s="104">
        <v>281</v>
      </c>
      <c r="GS10" s="105">
        <v>308</v>
      </c>
      <c r="GT10" s="97">
        <v>398</v>
      </c>
      <c r="GU10" s="98">
        <v>706</v>
      </c>
      <c r="GV10" s="413">
        <v>0</v>
      </c>
      <c r="GW10" s="97">
        <v>440</v>
      </c>
      <c r="GX10" s="97">
        <v>444</v>
      </c>
      <c r="GY10" s="97">
        <v>329</v>
      </c>
      <c r="GZ10" s="97">
        <v>254</v>
      </c>
      <c r="HA10" s="97">
        <v>137</v>
      </c>
      <c r="HB10" s="99">
        <v>1604</v>
      </c>
      <c r="HC10" s="100">
        <v>2310</v>
      </c>
      <c r="HD10" s="101">
        <v>5</v>
      </c>
      <c r="HE10" s="102">
        <v>6</v>
      </c>
      <c r="HF10" s="103">
        <v>11</v>
      </c>
      <c r="HG10" s="413">
        <v>0</v>
      </c>
      <c r="HH10" s="102">
        <v>8</v>
      </c>
      <c r="HI10" s="102">
        <v>7</v>
      </c>
      <c r="HJ10" s="102">
        <v>5</v>
      </c>
      <c r="HK10" s="102">
        <v>11</v>
      </c>
      <c r="HL10" s="102">
        <v>4</v>
      </c>
      <c r="HM10" s="103">
        <v>35</v>
      </c>
      <c r="HN10" s="104">
        <v>46</v>
      </c>
      <c r="HO10" s="101">
        <v>13</v>
      </c>
      <c r="HP10" s="102">
        <v>26</v>
      </c>
      <c r="HQ10" s="103">
        <v>39</v>
      </c>
      <c r="HR10" s="413">
        <v>0</v>
      </c>
      <c r="HS10" s="102">
        <v>16</v>
      </c>
      <c r="HT10" s="102">
        <v>27</v>
      </c>
      <c r="HU10" s="102">
        <v>16</v>
      </c>
      <c r="HV10" s="102">
        <v>8</v>
      </c>
      <c r="HW10" s="102">
        <v>13</v>
      </c>
      <c r="HX10" s="103">
        <v>80</v>
      </c>
      <c r="HY10" s="104">
        <v>119</v>
      </c>
      <c r="HZ10" s="101">
        <v>31</v>
      </c>
      <c r="IA10" s="102">
        <v>48</v>
      </c>
      <c r="IB10" s="103">
        <v>79</v>
      </c>
      <c r="IC10" s="413">
        <v>0</v>
      </c>
      <c r="ID10" s="102">
        <v>40</v>
      </c>
      <c r="IE10" s="102">
        <v>29</v>
      </c>
      <c r="IF10" s="102">
        <v>25</v>
      </c>
      <c r="IG10" s="102">
        <v>21</v>
      </c>
      <c r="IH10" s="102">
        <v>17</v>
      </c>
      <c r="II10" s="103">
        <v>132</v>
      </c>
      <c r="IJ10" s="104">
        <v>211</v>
      </c>
      <c r="IK10" s="101">
        <v>82</v>
      </c>
      <c r="IL10" s="102">
        <v>89</v>
      </c>
      <c r="IM10" s="103">
        <v>171</v>
      </c>
      <c r="IN10" s="413">
        <v>0</v>
      </c>
      <c r="IO10" s="102">
        <v>98</v>
      </c>
      <c r="IP10" s="102">
        <v>103</v>
      </c>
      <c r="IQ10" s="102">
        <v>76</v>
      </c>
      <c r="IR10" s="102">
        <v>52</v>
      </c>
      <c r="IS10" s="102">
        <v>15</v>
      </c>
      <c r="IT10" s="103">
        <v>344</v>
      </c>
      <c r="IU10" s="104">
        <v>515</v>
      </c>
      <c r="IV10" s="101">
        <v>92</v>
      </c>
      <c r="IW10" s="102">
        <v>123</v>
      </c>
      <c r="IX10" s="103">
        <v>215</v>
      </c>
      <c r="IY10" s="413">
        <v>0</v>
      </c>
      <c r="IZ10" s="102">
        <v>137</v>
      </c>
      <c r="JA10" s="102">
        <v>140</v>
      </c>
      <c r="JB10" s="102">
        <v>80</v>
      </c>
      <c r="JC10" s="102">
        <v>71</v>
      </c>
      <c r="JD10" s="102">
        <v>28</v>
      </c>
      <c r="JE10" s="103">
        <v>456</v>
      </c>
      <c r="JF10" s="104">
        <v>671</v>
      </c>
      <c r="JG10" s="101">
        <v>85</v>
      </c>
      <c r="JH10" s="102">
        <v>106</v>
      </c>
      <c r="JI10" s="103">
        <v>191</v>
      </c>
      <c r="JJ10" s="413">
        <v>0</v>
      </c>
      <c r="JK10" s="102">
        <v>141</v>
      </c>
      <c r="JL10" s="102">
        <v>138</v>
      </c>
      <c r="JM10" s="102">
        <v>127</v>
      </c>
      <c r="JN10" s="102">
        <v>91</v>
      </c>
      <c r="JO10" s="102">
        <v>60</v>
      </c>
      <c r="JP10" s="103">
        <v>557</v>
      </c>
      <c r="JQ10" s="104">
        <v>748</v>
      </c>
      <c r="JR10" s="101">
        <v>0</v>
      </c>
      <c r="JS10" s="102">
        <v>0</v>
      </c>
      <c r="JT10" s="103">
        <v>0</v>
      </c>
      <c r="JU10" s="413">
        <v>0</v>
      </c>
      <c r="JV10" s="102">
        <v>0</v>
      </c>
      <c r="JW10" s="102">
        <v>0</v>
      </c>
      <c r="JX10" s="102">
        <v>0</v>
      </c>
      <c r="JY10" s="102">
        <v>0</v>
      </c>
      <c r="JZ10" s="102">
        <v>0</v>
      </c>
      <c r="KA10" s="103">
        <v>0</v>
      </c>
      <c r="KB10" s="104">
        <v>0</v>
      </c>
      <c r="KC10" s="101">
        <v>308</v>
      </c>
      <c r="KD10" s="102">
        <v>398</v>
      </c>
      <c r="KE10" s="103">
        <v>706</v>
      </c>
      <c r="KF10" s="413">
        <v>0</v>
      </c>
      <c r="KG10" s="102">
        <v>440</v>
      </c>
      <c r="KH10" s="102">
        <v>444</v>
      </c>
      <c r="KI10" s="102">
        <v>329</v>
      </c>
      <c r="KJ10" s="102">
        <v>254</v>
      </c>
      <c r="KK10" s="102">
        <v>137</v>
      </c>
      <c r="KL10" s="103">
        <v>1604</v>
      </c>
      <c r="KM10" s="104">
        <v>2310</v>
      </c>
    </row>
    <row r="11" spans="2:299" s="70" customFormat="1" ht="21" customHeight="1" x14ac:dyDescent="0.2">
      <c r="B11" s="106" t="s">
        <v>7</v>
      </c>
      <c r="C11" s="96">
        <v>248</v>
      </c>
      <c r="D11" s="97">
        <v>178</v>
      </c>
      <c r="E11" s="98">
        <v>426</v>
      </c>
      <c r="F11" s="413">
        <v>0</v>
      </c>
      <c r="G11" s="97">
        <v>514</v>
      </c>
      <c r="H11" s="97">
        <v>313</v>
      </c>
      <c r="I11" s="97">
        <v>186</v>
      </c>
      <c r="J11" s="97">
        <v>157</v>
      </c>
      <c r="K11" s="97">
        <v>91</v>
      </c>
      <c r="L11" s="99">
        <v>1261</v>
      </c>
      <c r="M11" s="100">
        <v>1687</v>
      </c>
      <c r="N11" s="101">
        <v>5</v>
      </c>
      <c r="O11" s="102">
        <v>1</v>
      </c>
      <c r="P11" s="103">
        <v>6</v>
      </c>
      <c r="Q11" s="413">
        <v>0</v>
      </c>
      <c r="R11" s="102">
        <v>3</v>
      </c>
      <c r="S11" s="102">
        <v>4</v>
      </c>
      <c r="T11" s="102">
        <v>3</v>
      </c>
      <c r="U11" s="102">
        <v>2</v>
      </c>
      <c r="V11" s="102">
        <v>2</v>
      </c>
      <c r="W11" s="103">
        <v>14</v>
      </c>
      <c r="X11" s="104">
        <v>20</v>
      </c>
      <c r="Y11" s="101">
        <v>8</v>
      </c>
      <c r="Z11" s="102">
        <v>5</v>
      </c>
      <c r="AA11" s="103">
        <v>13</v>
      </c>
      <c r="AB11" s="413">
        <v>0</v>
      </c>
      <c r="AC11" s="102">
        <v>17</v>
      </c>
      <c r="AD11" s="102">
        <v>9</v>
      </c>
      <c r="AE11" s="102">
        <v>8</v>
      </c>
      <c r="AF11" s="102">
        <v>4</v>
      </c>
      <c r="AG11" s="102">
        <v>4</v>
      </c>
      <c r="AH11" s="103">
        <v>42</v>
      </c>
      <c r="AI11" s="104">
        <v>55</v>
      </c>
      <c r="AJ11" s="101">
        <v>16</v>
      </c>
      <c r="AK11" s="102">
        <v>10</v>
      </c>
      <c r="AL11" s="103">
        <v>26</v>
      </c>
      <c r="AM11" s="413">
        <v>0</v>
      </c>
      <c r="AN11" s="102">
        <v>42</v>
      </c>
      <c r="AO11" s="102">
        <v>29</v>
      </c>
      <c r="AP11" s="102">
        <v>10</v>
      </c>
      <c r="AQ11" s="102">
        <v>15</v>
      </c>
      <c r="AR11" s="102">
        <v>7</v>
      </c>
      <c r="AS11" s="103">
        <v>103</v>
      </c>
      <c r="AT11" s="104">
        <v>129</v>
      </c>
      <c r="AU11" s="101">
        <v>51</v>
      </c>
      <c r="AV11" s="102">
        <v>38</v>
      </c>
      <c r="AW11" s="103">
        <v>89</v>
      </c>
      <c r="AX11" s="413">
        <v>0</v>
      </c>
      <c r="AY11" s="102">
        <v>101</v>
      </c>
      <c r="AZ11" s="102">
        <v>55</v>
      </c>
      <c r="BA11" s="102">
        <v>31</v>
      </c>
      <c r="BB11" s="102">
        <v>27</v>
      </c>
      <c r="BC11" s="102">
        <v>22</v>
      </c>
      <c r="BD11" s="103">
        <v>236</v>
      </c>
      <c r="BE11" s="104">
        <v>325</v>
      </c>
      <c r="BF11" s="101">
        <v>91</v>
      </c>
      <c r="BG11" s="102">
        <v>60</v>
      </c>
      <c r="BH11" s="103">
        <v>151</v>
      </c>
      <c r="BI11" s="413">
        <v>0</v>
      </c>
      <c r="BJ11" s="102">
        <v>180</v>
      </c>
      <c r="BK11" s="102">
        <v>87</v>
      </c>
      <c r="BL11" s="102">
        <v>57</v>
      </c>
      <c r="BM11" s="102">
        <v>47</v>
      </c>
      <c r="BN11" s="102">
        <v>25</v>
      </c>
      <c r="BO11" s="103">
        <v>396</v>
      </c>
      <c r="BP11" s="104">
        <v>547</v>
      </c>
      <c r="BQ11" s="101">
        <v>77</v>
      </c>
      <c r="BR11" s="102">
        <v>64</v>
      </c>
      <c r="BS11" s="103">
        <v>141</v>
      </c>
      <c r="BT11" s="413">
        <v>0</v>
      </c>
      <c r="BU11" s="102">
        <v>171</v>
      </c>
      <c r="BV11" s="102">
        <v>129</v>
      </c>
      <c r="BW11" s="102">
        <v>77</v>
      </c>
      <c r="BX11" s="102">
        <v>62</v>
      </c>
      <c r="BY11" s="102">
        <v>31</v>
      </c>
      <c r="BZ11" s="103">
        <v>470</v>
      </c>
      <c r="CA11" s="104">
        <v>611</v>
      </c>
      <c r="CB11" s="101">
        <v>0</v>
      </c>
      <c r="CC11" s="102">
        <v>0</v>
      </c>
      <c r="CD11" s="103">
        <v>0</v>
      </c>
      <c r="CE11" s="413">
        <v>0</v>
      </c>
      <c r="CF11" s="102">
        <v>0</v>
      </c>
      <c r="CG11" s="102">
        <v>0</v>
      </c>
      <c r="CH11" s="102">
        <v>0</v>
      </c>
      <c r="CI11" s="102">
        <v>0</v>
      </c>
      <c r="CJ11" s="102">
        <v>0</v>
      </c>
      <c r="CK11" s="103">
        <v>0</v>
      </c>
      <c r="CL11" s="104">
        <v>0</v>
      </c>
      <c r="CM11" s="101">
        <v>248</v>
      </c>
      <c r="CN11" s="102">
        <v>178</v>
      </c>
      <c r="CO11" s="103">
        <v>426</v>
      </c>
      <c r="CP11" s="413">
        <v>0</v>
      </c>
      <c r="CQ11" s="102">
        <v>514</v>
      </c>
      <c r="CR11" s="102">
        <v>313</v>
      </c>
      <c r="CS11" s="102">
        <v>186</v>
      </c>
      <c r="CT11" s="102">
        <v>157</v>
      </c>
      <c r="CU11" s="102">
        <v>91</v>
      </c>
      <c r="CV11" s="103">
        <v>1261</v>
      </c>
      <c r="CW11" s="104">
        <v>1687</v>
      </c>
      <c r="CX11" s="105">
        <v>31</v>
      </c>
      <c r="CY11" s="97">
        <v>39</v>
      </c>
      <c r="CZ11" s="98">
        <v>70</v>
      </c>
      <c r="DA11" s="413">
        <v>0</v>
      </c>
      <c r="DB11" s="97">
        <v>71</v>
      </c>
      <c r="DC11" s="97">
        <v>41</v>
      </c>
      <c r="DD11" s="97">
        <v>26</v>
      </c>
      <c r="DE11" s="97">
        <v>17</v>
      </c>
      <c r="DF11" s="97">
        <v>14</v>
      </c>
      <c r="DG11" s="99">
        <v>169</v>
      </c>
      <c r="DH11" s="100">
        <v>239</v>
      </c>
      <c r="DI11" s="101">
        <v>1</v>
      </c>
      <c r="DJ11" s="102">
        <v>0</v>
      </c>
      <c r="DK11" s="103">
        <v>1</v>
      </c>
      <c r="DL11" s="413">
        <v>0</v>
      </c>
      <c r="DM11" s="102">
        <v>2</v>
      </c>
      <c r="DN11" s="102">
        <v>1</v>
      </c>
      <c r="DO11" s="102">
        <v>0</v>
      </c>
      <c r="DP11" s="102">
        <v>0</v>
      </c>
      <c r="DQ11" s="102">
        <v>0</v>
      </c>
      <c r="DR11" s="103">
        <v>3</v>
      </c>
      <c r="DS11" s="104">
        <v>4</v>
      </c>
      <c r="DT11" s="101">
        <v>5</v>
      </c>
      <c r="DU11" s="102">
        <v>2</v>
      </c>
      <c r="DV11" s="103">
        <v>7</v>
      </c>
      <c r="DW11" s="413">
        <v>0</v>
      </c>
      <c r="DX11" s="102">
        <v>1</v>
      </c>
      <c r="DY11" s="102">
        <v>0</v>
      </c>
      <c r="DZ11" s="102">
        <v>0</v>
      </c>
      <c r="EA11" s="102">
        <v>1</v>
      </c>
      <c r="EB11" s="102">
        <v>1</v>
      </c>
      <c r="EC11" s="103">
        <v>3</v>
      </c>
      <c r="ED11" s="104">
        <v>10</v>
      </c>
      <c r="EE11" s="101">
        <v>7</v>
      </c>
      <c r="EF11" s="102">
        <v>6</v>
      </c>
      <c r="EG11" s="103">
        <v>13</v>
      </c>
      <c r="EH11" s="413">
        <v>0</v>
      </c>
      <c r="EI11" s="102">
        <v>7</v>
      </c>
      <c r="EJ11" s="102">
        <v>4</v>
      </c>
      <c r="EK11" s="102">
        <v>1</v>
      </c>
      <c r="EL11" s="102">
        <v>2</v>
      </c>
      <c r="EM11" s="102">
        <v>1</v>
      </c>
      <c r="EN11" s="103">
        <v>15</v>
      </c>
      <c r="EO11" s="104">
        <v>28</v>
      </c>
      <c r="EP11" s="101">
        <v>4</v>
      </c>
      <c r="EQ11" s="102">
        <v>9</v>
      </c>
      <c r="ER11" s="103">
        <v>13</v>
      </c>
      <c r="ES11" s="413">
        <v>0</v>
      </c>
      <c r="ET11" s="102">
        <v>14</v>
      </c>
      <c r="EU11" s="102">
        <v>7</v>
      </c>
      <c r="EV11" s="102">
        <v>2</v>
      </c>
      <c r="EW11" s="102">
        <v>1</v>
      </c>
      <c r="EX11" s="102">
        <v>1</v>
      </c>
      <c r="EY11" s="103">
        <v>25</v>
      </c>
      <c r="EZ11" s="104">
        <v>38</v>
      </c>
      <c r="FA11" s="101">
        <v>6</v>
      </c>
      <c r="FB11" s="102">
        <v>14</v>
      </c>
      <c r="FC11" s="103">
        <v>20</v>
      </c>
      <c r="FD11" s="413">
        <v>0</v>
      </c>
      <c r="FE11" s="102">
        <v>17</v>
      </c>
      <c r="FF11" s="102">
        <v>6</v>
      </c>
      <c r="FG11" s="102">
        <v>7</v>
      </c>
      <c r="FH11" s="102">
        <v>4</v>
      </c>
      <c r="FI11" s="102">
        <v>7</v>
      </c>
      <c r="FJ11" s="103">
        <v>41</v>
      </c>
      <c r="FK11" s="104">
        <v>61</v>
      </c>
      <c r="FL11" s="101">
        <v>8</v>
      </c>
      <c r="FM11" s="102">
        <v>8</v>
      </c>
      <c r="FN11" s="103">
        <v>16</v>
      </c>
      <c r="FO11" s="413">
        <v>0</v>
      </c>
      <c r="FP11" s="102">
        <v>30</v>
      </c>
      <c r="FQ11" s="102">
        <v>23</v>
      </c>
      <c r="FR11" s="102">
        <v>16</v>
      </c>
      <c r="FS11" s="102">
        <v>9</v>
      </c>
      <c r="FT11" s="102">
        <v>4</v>
      </c>
      <c r="FU11" s="103">
        <v>82</v>
      </c>
      <c r="FV11" s="104">
        <v>98</v>
      </c>
      <c r="FW11" s="101">
        <v>0</v>
      </c>
      <c r="FX11" s="102">
        <v>0</v>
      </c>
      <c r="FY11" s="103">
        <v>0</v>
      </c>
      <c r="FZ11" s="413">
        <v>0</v>
      </c>
      <c r="GA11" s="102">
        <v>0</v>
      </c>
      <c r="GB11" s="102">
        <v>0</v>
      </c>
      <c r="GC11" s="102">
        <v>0</v>
      </c>
      <c r="GD11" s="102">
        <v>0</v>
      </c>
      <c r="GE11" s="102">
        <v>0</v>
      </c>
      <c r="GF11" s="103">
        <v>0</v>
      </c>
      <c r="GG11" s="104">
        <v>0</v>
      </c>
      <c r="GH11" s="101">
        <v>31</v>
      </c>
      <c r="GI11" s="102">
        <v>39</v>
      </c>
      <c r="GJ11" s="103">
        <v>70</v>
      </c>
      <c r="GK11" s="413">
        <v>0</v>
      </c>
      <c r="GL11" s="102">
        <v>71</v>
      </c>
      <c r="GM11" s="102">
        <v>41</v>
      </c>
      <c r="GN11" s="102">
        <v>26</v>
      </c>
      <c r="GO11" s="102">
        <v>17</v>
      </c>
      <c r="GP11" s="102">
        <v>14</v>
      </c>
      <c r="GQ11" s="103">
        <v>169</v>
      </c>
      <c r="GR11" s="104">
        <v>239</v>
      </c>
      <c r="GS11" s="105">
        <v>279</v>
      </c>
      <c r="GT11" s="97">
        <v>217</v>
      </c>
      <c r="GU11" s="98">
        <v>496</v>
      </c>
      <c r="GV11" s="413">
        <v>0</v>
      </c>
      <c r="GW11" s="97">
        <v>585</v>
      </c>
      <c r="GX11" s="97">
        <v>354</v>
      </c>
      <c r="GY11" s="97">
        <v>212</v>
      </c>
      <c r="GZ11" s="97">
        <v>174</v>
      </c>
      <c r="HA11" s="97">
        <v>105</v>
      </c>
      <c r="HB11" s="99">
        <v>1430</v>
      </c>
      <c r="HC11" s="100">
        <v>1926</v>
      </c>
      <c r="HD11" s="101">
        <v>6</v>
      </c>
      <c r="HE11" s="102">
        <v>1</v>
      </c>
      <c r="HF11" s="103">
        <v>7</v>
      </c>
      <c r="HG11" s="413">
        <v>0</v>
      </c>
      <c r="HH11" s="102">
        <v>5</v>
      </c>
      <c r="HI11" s="102">
        <v>5</v>
      </c>
      <c r="HJ11" s="102">
        <v>3</v>
      </c>
      <c r="HK11" s="102">
        <v>2</v>
      </c>
      <c r="HL11" s="102">
        <v>2</v>
      </c>
      <c r="HM11" s="103">
        <v>17</v>
      </c>
      <c r="HN11" s="104">
        <v>24</v>
      </c>
      <c r="HO11" s="101">
        <v>13</v>
      </c>
      <c r="HP11" s="102">
        <v>7</v>
      </c>
      <c r="HQ11" s="103">
        <v>20</v>
      </c>
      <c r="HR11" s="413">
        <v>0</v>
      </c>
      <c r="HS11" s="102">
        <v>18</v>
      </c>
      <c r="HT11" s="102">
        <v>9</v>
      </c>
      <c r="HU11" s="102">
        <v>8</v>
      </c>
      <c r="HV11" s="102">
        <v>5</v>
      </c>
      <c r="HW11" s="102">
        <v>5</v>
      </c>
      <c r="HX11" s="103">
        <v>45</v>
      </c>
      <c r="HY11" s="104">
        <v>65</v>
      </c>
      <c r="HZ11" s="101">
        <v>23</v>
      </c>
      <c r="IA11" s="102">
        <v>16</v>
      </c>
      <c r="IB11" s="103">
        <v>39</v>
      </c>
      <c r="IC11" s="413">
        <v>0</v>
      </c>
      <c r="ID11" s="102">
        <v>49</v>
      </c>
      <c r="IE11" s="102">
        <v>33</v>
      </c>
      <c r="IF11" s="102">
        <v>11</v>
      </c>
      <c r="IG11" s="102">
        <v>17</v>
      </c>
      <c r="IH11" s="102">
        <v>8</v>
      </c>
      <c r="II11" s="103">
        <v>118</v>
      </c>
      <c r="IJ11" s="104">
        <v>157</v>
      </c>
      <c r="IK11" s="101">
        <v>55</v>
      </c>
      <c r="IL11" s="102">
        <v>47</v>
      </c>
      <c r="IM11" s="103">
        <v>102</v>
      </c>
      <c r="IN11" s="413">
        <v>0</v>
      </c>
      <c r="IO11" s="102">
        <v>115</v>
      </c>
      <c r="IP11" s="102">
        <v>62</v>
      </c>
      <c r="IQ11" s="102">
        <v>33</v>
      </c>
      <c r="IR11" s="102">
        <v>28</v>
      </c>
      <c r="IS11" s="102">
        <v>23</v>
      </c>
      <c r="IT11" s="103">
        <v>261</v>
      </c>
      <c r="IU11" s="104">
        <v>363</v>
      </c>
      <c r="IV11" s="101">
        <v>97</v>
      </c>
      <c r="IW11" s="102">
        <v>74</v>
      </c>
      <c r="IX11" s="103">
        <v>171</v>
      </c>
      <c r="IY11" s="413">
        <v>0</v>
      </c>
      <c r="IZ11" s="102">
        <v>197</v>
      </c>
      <c r="JA11" s="102">
        <v>93</v>
      </c>
      <c r="JB11" s="102">
        <v>64</v>
      </c>
      <c r="JC11" s="102">
        <v>51</v>
      </c>
      <c r="JD11" s="102">
        <v>32</v>
      </c>
      <c r="JE11" s="103">
        <v>437</v>
      </c>
      <c r="JF11" s="104">
        <v>608</v>
      </c>
      <c r="JG11" s="101">
        <v>85</v>
      </c>
      <c r="JH11" s="102">
        <v>72</v>
      </c>
      <c r="JI11" s="103">
        <v>157</v>
      </c>
      <c r="JJ11" s="413">
        <v>0</v>
      </c>
      <c r="JK11" s="102">
        <v>201</v>
      </c>
      <c r="JL11" s="102">
        <v>152</v>
      </c>
      <c r="JM11" s="102">
        <v>93</v>
      </c>
      <c r="JN11" s="102">
        <v>71</v>
      </c>
      <c r="JO11" s="102">
        <v>35</v>
      </c>
      <c r="JP11" s="103">
        <v>552</v>
      </c>
      <c r="JQ11" s="104">
        <v>709</v>
      </c>
      <c r="JR11" s="101">
        <v>0</v>
      </c>
      <c r="JS11" s="102">
        <v>0</v>
      </c>
      <c r="JT11" s="103">
        <v>0</v>
      </c>
      <c r="JU11" s="413">
        <v>0</v>
      </c>
      <c r="JV11" s="102">
        <v>0</v>
      </c>
      <c r="JW11" s="102">
        <v>0</v>
      </c>
      <c r="JX11" s="102">
        <v>0</v>
      </c>
      <c r="JY11" s="102">
        <v>0</v>
      </c>
      <c r="JZ11" s="102">
        <v>0</v>
      </c>
      <c r="KA11" s="103">
        <v>0</v>
      </c>
      <c r="KB11" s="104">
        <v>0</v>
      </c>
      <c r="KC11" s="101">
        <v>279</v>
      </c>
      <c r="KD11" s="102">
        <v>217</v>
      </c>
      <c r="KE11" s="103">
        <v>496</v>
      </c>
      <c r="KF11" s="413">
        <v>0</v>
      </c>
      <c r="KG11" s="102">
        <v>585</v>
      </c>
      <c r="KH11" s="102">
        <v>354</v>
      </c>
      <c r="KI11" s="102">
        <v>212</v>
      </c>
      <c r="KJ11" s="102">
        <v>174</v>
      </c>
      <c r="KK11" s="102">
        <v>105</v>
      </c>
      <c r="KL11" s="103">
        <v>1430</v>
      </c>
      <c r="KM11" s="104">
        <v>1926</v>
      </c>
    </row>
    <row r="12" spans="2:299" s="70" customFormat="1" ht="21" customHeight="1" x14ac:dyDescent="0.2">
      <c r="B12" s="106" t="s">
        <v>8</v>
      </c>
      <c r="C12" s="96">
        <v>102</v>
      </c>
      <c r="D12" s="97">
        <v>67</v>
      </c>
      <c r="E12" s="98">
        <v>169</v>
      </c>
      <c r="F12" s="413">
        <v>0</v>
      </c>
      <c r="G12" s="97">
        <v>159</v>
      </c>
      <c r="H12" s="97">
        <v>104</v>
      </c>
      <c r="I12" s="97">
        <v>90</v>
      </c>
      <c r="J12" s="97">
        <v>62</v>
      </c>
      <c r="K12" s="97">
        <v>42</v>
      </c>
      <c r="L12" s="99">
        <v>457</v>
      </c>
      <c r="M12" s="100">
        <v>626</v>
      </c>
      <c r="N12" s="101">
        <v>2</v>
      </c>
      <c r="O12" s="102">
        <v>2</v>
      </c>
      <c r="P12" s="103">
        <v>4</v>
      </c>
      <c r="Q12" s="413">
        <v>0</v>
      </c>
      <c r="R12" s="102">
        <v>2</v>
      </c>
      <c r="S12" s="102">
        <v>2</v>
      </c>
      <c r="T12" s="102">
        <v>3</v>
      </c>
      <c r="U12" s="102">
        <v>0</v>
      </c>
      <c r="V12" s="102">
        <v>0</v>
      </c>
      <c r="W12" s="103">
        <v>7</v>
      </c>
      <c r="X12" s="104">
        <v>11</v>
      </c>
      <c r="Y12" s="101">
        <v>3</v>
      </c>
      <c r="Z12" s="102">
        <v>2</v>
      </c>
      <c r="AA12" s="103">
        <v>5</v>
      </c>
      <c r="AB12" s="413">
        <v>0</v>
      </c>
      <c r="AC12" s="102">
        <v>11</v>
      </c>
      <c r="AD12" s="102">
        <v>6</v>
      </c>
      <c r="AE12" s="102">
        <v>4</v>
      </c>
      <c r="AF12" s="102">
        <v>4</v>
      </c>
      <c r="AG12" s="102">
        <v>4</v>
      </c>
      <c r="AH12" s="103">
        <v>29</v>
      </c>
      <c r="AI12" s="104">
        <v>34</v>
      </c>
      <c r="AJ12" s="101">
        <v>4</v>
      </c>
      <c r="AK12" s="102">
        <v>5</v>
      </c>
      <c r="AL12" s="103">
        <v>9</v>
      </c>
      <c r="AM12" s="413">
        <v>0</v>
      </c>
      <c r="AN12" s="102">
        <v>11</v>
      </c>
      <c r="AO12" s="102">
        <v>16</v>
      </c>
      <c r="AP12" s="102">
        <v>1</v>
      </c>
      <c r="AQ12" s="102">
        <v>9</v>
      </c>
      <c r="AR12" s="102">
        <v>3</v>
      </c>
      <c r="AS12" s="103">
        <v>40</v>
      </c>
      <c r="AT12" s="104">
        <v>49</v>
      </c>
      <c r="AU12" s="101">
        <v>21</v>
      </c>
      <c r="AV12" s="102">
        <v>6</v>
      </c>
      <c r="AW12" s="103">
        <v>27</v>
      </c>
      <c r="AX12" s="413">
        <v>0</v>
      </c>
      <c r="AY12" s="102">
        <v>40</v>
      </c>
      <c r="AZ12" s="102">
        <v>20</v>
      </c>
      <c r="BA12" s="102">
        <v>12</v>
      </c>
      <c r="BB12" s="102">
        <v>10</v>
      </c>
      <c r="BC12" s="102">
        <v>9</v>
      </c>
      <c r="BD12" s="103">
        <v>91</v>
      </c>
      <c r="BE12" s="104">
        <v>118</v>
      </c>
      <c r="BF12" s="101">
        <v>38</v>
      </c>
      <c r="BG12" s="102">
        <v>20</v>
      </c>
      <c r="BH12" s="103">
        <v>58</v>
      </c>
      <c r="BI12" s="413">
        <v>0</v>
      </c>
      <c r="BJ12" s="102">
        <v>42</v>
      </c>
      <c r="BK12" s="102">
        <v>21</v>
      </c>
      <c r="BL12" s="102">
        <v>26</v>
      </c>
      <c r="BM12" s="102">
        <v>11</v>
      </c>
      <c r="BN12" s="102">
        <v>12</v>
      </c>
      <c r="BO12" s="103">
        <v>112</v>
      </c>
      <c r="BP12" s="104">
        <v>170</v>
      </c>
      <c r="BQ12" s="101">
        <v>34</v>
      </c>
      <c r="BR12" s="102">
        <v>32</v>
      </c>
      <c r="BS12" s="103">
        <v>66</v>
      </c>
      <c r="BT12" s="413">
        <v>0</v>
      </c>
      <c r="BU12" s="102">
        <v>53</v>
      </c>
      <c r="BV12" s="102">
        <v>39</v>
      </c>
      <c r="BW12" s="102">
        <v>44</v>
      </c>
      <c r="BX12" s="102">
        <v>28</v>
      </c>
      <c r="BY12" s="102">
        <v>14</v>
      </c>
      <c r="BZ12" s="103">
        <v>178</v>
      </c>
      <c r="CA12" s="104">
        <v>244</v>
      </c>
      <c r="CB12" s="101">
        <v>0</v>
      </c>
      <c r="CC12" s="102">
        <v>0</v>
      </c>
      <c r="CD12" s="103">
        <v>0</v>
      </c>
      <c r="CE12" s="413">
        <v>0</v>
      </c>
      <c r="CF12" s="102">
        <v>0</v>
      </c>
      <c r="CG12" s="102">
        <v>0</v>
      </c>
      <c r="CH12" s="102">
        <v>0</v>
      </c>
      <c r="CI12" s="102">
        <v>0</v>
      </c>
      <c r="CJ12" s="102">
        <v>0</v>
      </c>
      <c r="CK12" s="103">
        <v>0</v>
      </c>
      <c r="CL12" s="104">
        <v>0</v>
      </c>
      <c r="CM12" s="101">
        <v>102</v>
      </c>
      <c r="CN12" s="102">
        <v>67</v>
      </c>
      <c r="CO12" s="103">
        <v>169</v>
      </c>
      <c r="CP12" s="413">
        <v>0</v>
      </c>
      <c r="CQ12" s="102">
        <v>159</v>
      </c>
      <c r="CR12" s="102">
        <v>104</v>
      </c>
      <c r="CS12" s="102">
        <v>90</v>
      </c>
      <c r="CT12" s="102">
        <v>62</v>
      </c>
      <c r="CU12" s="102">
        <v>42</v>
      </c>
      <c r="CV12" s="103">
        <v>457</v>
      </c>
      <c r="CW12" s="104">
        <v>626</v>
      </c>
      <c r="CX12" s="105">
        <v>13</v>
      </c>
      <c r="CY12" s="97">
        <v>8</v>
      </c>
      <c r="CZ12" s="98">
        <v>21</v>
      </c>
      <c r="DA12" s="413">
        <v>0</v>
      </c>
      <c r="DB12" s="97">
        <v>23</v>
      </c>
      <c r="DC12" s="97">
        <v>29</v>
      </c>
      <c r="DD12" s="97">
        <v>22</v>
      </c>
      <c r="DE12" s="97">
        <v>11</v>
      </c>
      <c r="DF12" s="97">
        <v>5</v>
      </c>
      <c r="DG12" s="99">
        <v>90</v>
      </c>
      <c r="DH12" s="100">
        <v>111</v>
      </c>
      <c r="DI12" s="101">
        <v>1</v>
      </c>
      <c r="DJ12" s="102">
        <v>0</v>
      </c>
      <c r="DK12" s="103">
        <v>1</v>
      </c>
      <c r="DL12" s="413">
        <v>0</v>
      </c>
      <c r="DM12" s="102">
        <v>0</v>
      </c>
      <c r="DN12" s="102">
        <v>1</v>
      </c>
      <c r="DO12" s="102">
        <v>0</v>
      </c>
      <c r="DP12" s="102">
        <v>0</v>
      </c>
      <c r="DQ12" s="102">
        <v>0</v>
      </c>
      <c r="DR12" s="103">
        <v>1</v>
      </c>
      <c r="DS12" s="104">
        <v>2</v>
      </c>
      <c r="DT12" s="101">
        <v>1</v>
      </c>
      <c r="DU12" s="102">
        <v>1</v>
      </c>
      <c r="DV12" s="103">
        <v>2</v>
      </c>
      <c r="DW12" s="413">
        <v>0</v>
      </c>
      <c r="DX12" s="102">
        <v>1</v>
      </c>
      <c r="DY12" s="102">
        <v>3</v>
      </c>
      <c r="DZ12" s="102">
        <v>1</v>
      </c>
      <c r="EA12" s="102">
        <v>0</v>
      </c>
      <c r="EB12" s="102">
        <v>0</v>
      </c>
      <c r="EC12" s="103">
        <v>5</v>
      </c>
      <c r="ED12" s="104">
        <v>7</v>
      </c>
      <c r="EE12" s="101">
        <v>0</v>
      </c>
      <c r="EF12" s="102">
        <v>0</v>
      </c>
      <c r="EG12" s="103">
        <v>0</v>
      </c>
      <c r="EH12" s="413">
        <v>0</v>
      </c>
      <c r="EI12" s="102">
        <v>2</v>
      </c>
      <c r="EJ12" s="102">
        <v>4</v>
      </c>
      <c r="EK12" s="102">
        <v>1</v>
      </c>
      <c r="EL12" s="102">
        <v>1</v>
      </c>
      <c r="EM12" s="102">
        <v>1</v>
      </c>
      <c r="EN12" s="103">
        <v>9</v>
      </c>
      <c r="EO12" s="104">
        <v>9</v>
      </c>
      <c r="EP12" s="101">
        <v>2</v>
      </c>
      <c r="EQ12" s="102">
        <v>0</v>
      </c>
      <c r="ER12" s="103">
        <v>2</v>
      </c>
      <c r="ES12" s="413">
        <v>0</v>
      </c>
      <c r="ET12" s="102">
        <v>3</v>
      </c>
      <c r="EU12" s="102">
        <v>4</v>
      </c>
      <c r="EV12" s="102">
        <v>4</v>
      </c>
      <c r="EW12" s="102">
        <v>1</v>
      </c>
      <c r="EX12" s="102">
        <v>0</v>
      </c>
      <c r="EY12" s="103">
        <v>12</v>
      </c>
      <c r="EZ12" s="104">
        <v>14</v>
      </c>
      <c r="FA12" s="101">
        <v>4</v>
      </c>
      <c r="FB12" s="102">
        <v>4</v>
      </c>
      <c r="FC12" s="103">
        <v>8</v>
      </c>
      <c r="FD12" s="413">
        <v>0</v>
      </c>
      <c r="FE12" s="102">
        <v>8</v>
      </c>
      <c r="FF12" s="102">
        <v>8</v>
      </c>
      <c r="FG12" s="102">
        <v>2</v>
      </c>
      <c r="FH12" s="102">
        <v>2</v>
      </c>
      <c r="FI12" s="102">
        <v>1</v>
      </c>
      <c r="FJ12" s="103">
        <v>21</v>
      </c>
      <c r="FK12" s="104">
        <v>29</v>
      </c>
      <c r="FL12" s="101">
        <v>5</v>
      </c>
      <c r="FM12" s="102">
        <v>3</v>
      </c>
      <c r="FN12" s="103">
        <v>8</v>
      </c>
      <c r="FO12" s="413">
        <v>0</v>
      </c>
      <c r="FP12" s="102">
        <v>9</v>
      </c>
      <c r="FQ12" s="102">
        <v>9</v>
      </c>
      <c r="FR12" s="102">
        <v>14</v>
      </c>
      <c r="FS12" s="102">
        <v>7</v>
      </c>
      <c r="FT12" s="102">
        <v>3</v>
      </c>
      <c r="FU12" s="103">
        <v>42</v>
      </c>
      <c r="FV12" s="104">
        <v>50</v>
      </c>
      <c r="FW12" s="101">
        <v>0</v>
      </c>
      <c r="FX12" s="102">
        <v>0</v>
      </c>
      <c r="FY12" s="103">
        <v>0</v>
      </c>
      <c r="FZ12" s="413">
        <v>0</v>
      </c>
      <c r="GA12" s="102">
        <v>0</v>
      </c>
      <c r="GB12" s="102">
        <v>0</v>
      </c>
      <c r="GC12" s="102">
        <v>0</v>
      </c>
      <c r="GD12" s="102">
        <v>0</v>
      </c>
      <c r="GE12" s="102">
        <v>0</v>
      </c>
      <c r="GF12" s="103">
        <v>0</v>
      </c>
      <c r="GG12" s="104">
        <v>0</v>
      </c>
      <c r="GH12" s="101">
        <v>13</v>
      </c>
      <c r="GI12" s="102">
        <v>8</v>
      </c>
      <c r="GJ12" s="103">
        <v>21</v>
      </c>
      <c r="GK12" s="413">
        <v>0</v>
      </c>
      <c r="GL12" s="102">
        <v>23</v>
      </c>
      <c r="GM12" s="102">
        <v>29</v>
      </c>
      <c r="GN12" s="102">
        <v>22</v>
      </c>
      <c r="GO12" s="102">
        <v>11</v>
      </c>
      <c r="GP12" s="102">
        <v>5</v>
      </c>
      <c r="GQ12" s="103">
        <v>90</v>
      </c>
      <c r="GR12" s="104">
        <v>111</v>
      </c>
      <c r="GS12" s="105">
        <v>115</v>
      </c>
      <c r="GT12" s="97">
        <v>75</v>
      </c>
      <c r="GU12" s="98">
        <v>190</v>
      </c>
      <c r="GV12" s="413">
        <v>0</v>
      </c>
      <c r="GW12" s="97">
        <v>182</v>
      </c>
      <c r="GX12" s="97">
        <v>133</v>
      </c>
      <c r="GY12" s="97">
        <v>112</v>
      </c>
      <c r="GZ12" s="97">
        <v>73</v>
      </c>
      <c r="HA12" s="97">
        <v>47</v>
      </c>
      <c r="HB12" s="99">
        <v>547</v>
      </c>
      <c r="HC12" s="100">
        <v>737</v>
      </c>
      <c r="HD12" s="101">
        <v>3</v>
      </c>
      <c r="HE12" s="102">
        <v>2</v>
      </c>
      <c r="HF12" s="103">
        <v>5</v>
      </c>
      <c r="HG12" s="413">
        <v>0</v>
      </c>
      <c r="HH12" s="102">
        <v>2</v>
      </c>
      <c r="HI12" s="102">
        <v>3</v>
      </c>
      <c r="HJ12" s="102">
        <v>3</v>
      </c>
      <c r="HK12" s="102">
        <v>0</v>
      </c>
      <c r="HL12" s="102">
        <v>0</v>
      </c>
      <c r="HM12" s="103">
        <v>8</v>
      </c>
      <c r="HN12" s="104">
        <v>13</v>
      </c>
      <c r="HO12" s="101">
        <v>4</v>
      </c>
      <c r="HP12" s="102">
        <v>3</v>
      </c>
      <c r="HQ12" s="103">
        <v>7</v>
      </c>
      <c r="HR12" s="413">
        <v>0</v>
      </c>
      <c r="HS12" s="102">
        <v>12</v>
      </c>
      <c r="HT12" s="102">
        <v>9</v>
      </c>
      <c r="HU12" s="102">
        <v>5</v>
      </c>
      <c r="HV12" s="102">
        <v>4</v>
      </c>
      <c r="HW12" s="102">
        <v>4</v>
      </c>
      <c r="HX12" s="103">
        <v>34</v>
      </c>
      <c r="HY12" s="104">
        <v>41</v>
      </c>
      <c r="HZ12" s="101">
        <v>4</v>
      </c>
      <c r="IA12" s="102">
        <v>5</v>
      </c>
      <c r="IB12" s="103">
        <v>9</v>
      </c>
      <c r="IC12" s="413">
        <v>0</v>
      </c>
      <c r="ID12" s="102">
        <v>13</v>
      </c>
      <c r="IE12" s="102">
        <v>20</v>
      </c>
      <c r="IF12" s="102">
        <v>2</v>
      </c>
      <c r="IG12" s="102">
        <v>10</v>
      </c>
      <c r="IH12" s="102">
        <v>4</v>
      </c>
      <c r="II12" s="103">
        <v>49</v>
      </c>
      <c r="IJ12" s="104">
        <v>58</v>
      </c>
      <c r="IK12" s="101">
        <v>23</v>
      </c>
      <c r="IL12" s="102">
        <v>6</v>
      </c>
      <c r="IM12" s="103">
        <v>29</v>
      </c>
      <c r="IN12" s="413">
        <v>0</v>
      </c>
      <c r="IO12" s="102">
        <v>43</v>
      </c>
      <c r="IP12" s="102">
        <v>24</v>
      </c>
      <c r="IQ12" s="102">
        <v>16</v>
      </c>
      <c r="IR12" s="102">
        <v>11</v>
      </c>
      <c r="IS12" s="102">
        <v>9</v>
      </c>
      <c r="IT12" s="103">
        <v>103</v>
      </c>
      <c r="IU12" s="104">
        <v>132</v>
      </c>
      <c r="IV12" s="101">
        <v>42</v>
      </c>
      <c r="IW12" s="102">
        <v>24</v>
      </c>
      <c r="IX12" s="103">
        <v>66</v>
      </c>
      <c r="IY12" s="413">
        <v>0</v>
      </c>
      <c r="IZ12" s="102">
        <v>50</v>
      </c>
      <c r="JA12" s="102">
        <v>29</v>
      </c>
      <c r="JB12" s="102">
        <v>28</v>
      </c>
      <c r="JC12" s="102">
        <v>13</v>
      </c>
      <c r="JD12" s="102">
        <v>13</v>
      </c>
      <c r="JE12" s="103">
        <v>133</v>
      </c>
      <c r="JF12" s="104">
        <v>199</v>
      </c>
      <c r="JG12" s="101">
        <v>39</v>
      </c>
      <c r="JH12" s="102">
        <v>35</v>
      </c>
      <c r="JI12" s="103">
        <v>74</v>
      </c>
      <c r="JJ12" s="413">
        <v>0</v>
      </c>
      <c r="JK12" s="102">
        <v>62</v>
      </c>
      <c r="JL12" s="102">
        <v>48</v>
      </c>
      <c r="JM12" s="102">
        <v>58</v>
      </c>
      <c r="JN12" s="102">
        <v>35</v>
      </c>
      <c r="JO12" s="102">
        <v>17</v>
      </c>
      <c r="JP12" s="103">
        <v>220</v>
      </c>
      <c r="JQ12" s="104">
        <v>294</v>
      </c>
      <c r="JR12" s="101">
        <v>0</v>
      </c>
      <c r="JS12" s="102">
        <v>0</v>
      </c>
      <c r="JT12" s="103">
        <v>0</v>
      </c>
      <c r="JU12" s="413">
        <v>0</v>
      </c>
      <c r="JV12" s="102">
        <v>0</v>
      </c>
      <c r="JW12" s="102">
        <v>0</v>
      </c>
      <c r="JX12" s="102">
        <v>0</v>
      </c>
      <c r="JY12" s="102">
        <v>0</v>
      </c>
      <c r="JZ12" s="102">
        <v>0</v>
      </c>
      <c r="KA12" s="103">
        <v>0</v>
      </c>
      <c r="KB12" s="104">
        <v>0</v>
      </c>
      <c r="KC12" s="101">
        <v>115</v>
      </c>
      <c r="KD12" s="102">
        <v>75</v>
      </c>
      <c r="KE12" s="103">
        <v>190</v>
      </c>
      <c r="KF12" s="413">
        <v>0</v>
      </c>
      <c r="KG12" s="102">
        <v>182</v>
      </c>
      <c r="KH12" s="102">
        <v>133</v>
      </c>
      <c r="KI12" s="102">
        <v>112</v>
      </c>
      <c r="KJ12" s="102">
        <v>73</v>
      </c>
      <c r="KK12" s="102">
        <v>47</v>
      </c>
      <c r="KL12" s="103">
        <v>547</v>
      </c>
      <c r="KM12" s="104">
        <v>737</v>
      </c>
    </row>
    <row r="13" spans="2:299" s="70" customFormat="1" ht="21" customHeight="1" x14ac:dyDescent="0.2">
      <c r="B13" s="106" t="s">
        <v>9</v>
      </c>
      <c r="C13" s="96">
        <v>181</v>
      </c>
      <c r="D13" s="97">
        <v>97</v>
      </c>
      <c r="E13" s="98">
        <v>278</v>
      </c>
      <c r="F13" s="413">
        <v>0</v>
      </c>
      <c r="G13" s="97">
        <v>211</v>
      </c>
      <c r="H13" s="97">
        <v>123</v>
      </c>
      <c r="I13" s="97">
        <v>120</v>
      </c>
      <c r="J13" s="97">
        <v>97</v>
      </c>
      <c r="K13" s="97">
        <v>43</v>
      </c>
      <c r="L13" s="99">
        <v>594</v>
      </c>
      <c r="M13" s="100">
        <v>872</v>
      </c>
      <c r="N13" s="101">
        <v>1</v>
      </c>
      <c r="O13" s="102">
        <v>0</v>
      </c>
      <c r="P13" s="103">
        <v>1</v>
      </c>
      <c r="Q13" s="413">
        <v>0</v>
      </c>
      <c r="R13" s="102">
        <v>0</v>
      </c>
      <c r="S13" s="102">
        <v>0</v>
      </c>
      <c r="T13" s="102">
        <v>2</v>
      </c>
      <c r="U13" s="102">
        <v>0</v>
      </c>
      <c r="V13" s="102">
        <v>0</v>
      </c>
      <c r="W13" s="103">
        <v>2</v>
      </c>
      <c r="X13" s="104">
        <v>3</v>
      </c>
      <c r="Y13" s="101">
        <v>6</v>
      </c>
      <c r="Z13" s="102">
        <v>0</v>
      </c>
      <c r="AA13" s="103">
        <v>6</v>
      </c>
      <c r="AB13" s="413">
        <v>0</v>
      </c>
      <c r="AC13" s="102">
        <v>3</v>
      </c>
      <c r="AD13" s="102">
        <v>3</v>
      </c>
      <c r="AE13" s="102">
        <v>1</v>
      </c>
      <c r="AF13" s="102">
        <v>2</v>
      </c>
      <c r="AG13" s="102">
        <v>2</v>
      </c>
      <c r="AH13" s="103">
        <v>11</v>
      </c>
      <c r="AI13" s="104">
        <v>17</v>
      </c>
      <c r="AJ13" s="101">
        <v>10</v>
      </c>
      <c r="AK13" s="102">
        <v>2</v>
      </c>
      <c r="AL13" s="103">
        <v>12</v>
      </c>
      <c r="AM13" s="413">
        <v>0</v>
      </c>
      <c r="AN13" s="102">
        <v>9</v>
      </c>
      <c r="AO13" s="102">
        <v>12</v>
      </c>
      <c r="AP13" s="102">
        <v>11</v>
      </c>
      <c r="AQ13" s="102">
        <v>7</v>
      </c>
      <c r="AR13" s="102">
        <v>2</v>
      </c>
      <c r="AS13" s="103">
        <v>41</v>
      </c>
      <c r="AT13" s="104">
        <v>53</v>
      </c>
      <c r="AU13" s="101">
        <v>29</v>
      </c>
      <c r="AV13" s="102">
        <v>18</v>
      </c>
      <c r="AW13" s="103">
        <v>47</v>
      </c>
      <c r="AX13" s="413">
        <v>0</v>
      </c>
      <c r="AY13" s="102">
        <v>33</v>
      </c>
      <c r="AZ13" s="102">
        <v>12</v>
      </c>
      <c r="BA13" s="102">
        <v>14</v>
      </c>
      <c r="BB13" s="102">
        <v>9</v>
      </c>
      <c r="BC13" s="102">
        <v>7</v>
      </c>
      <c r="BD13" s="103">
        <v>75</v>
      </c>
      <c r="BE13" s="104">
        <v>122</v>
      </c>
      <c r="BF13" s="101">
        <v>72</v>
      </c>
      <c r="BG13" s="102">
        <v>42</v>
      </c>
      <c r="BH13" s="103">
        <v>114</v>
      </c>
      <c r="BI13" s="413">
        <v>0</v>
      </c>
      <c r="BJ13" s="102">
        <v>69</v>
      </c>
      <c r="BK13" s="102">
        <v>31</v>
      </c>
      <c r="BL13" s="102">
        <v>35</v>
      </c>
      <c r="BM13" s="102">
        <v>27</v>
      </c>
      <c r="BN13" s="102">
        <v>11</v>
      </c>
      <c r="BO13" s="103">
        <v>173</v>
      </c>
      <c r="BP13" s="104">
        <v>287</v>
      </c>
      <c r="BQ13" s="101">
        <v>63</v>
      </c>
      <c r="BR13" s="102">
        <v>35</v>
      </c>
      <c r="BS13" s="103">
        <v>98</v>
      </c>
      <c r="BT13" s="413">
        <v>0</v>
      </c>
      <c r="BU13" s="102">
        <v>97</v>
      </c>
      <c r="BV13" s="102">
        <v>65</v>
      </c>
      <c r="BW13" s="102">
        <v>57</v>
      </c>
      <c r="BX13" s="102">
        <v>52</v>
      </c>
      <c r="BY13" s="102">
        <v>21</v>
      </c>
      <c r="BZ13" s="103">
        <v>292</v>
      </c>
      <c r="CA13" s="104">
        <v>390</v>
      </c>
      <c r="CB13" s="101">
        <v>0</v>
      </c>
      <c r="CC13" s="102">
        <v>0</v>
      </c>
      <c r="CD13" s="103">
        <v>0</v>
      </c>
      <c r="CE13" s="413">
        <v>0</v>
      </c>
      <c r="CF13" s="102">
        <v>0</v>
      </c>
      <c r="CG13" s="102">
        <v>0</v>
      </c>
      <c r="CH13" s="102">
        <v>0</v>
      </c>
      <c r="CI13" s="102">
        <v>0</v>
      </c>
      <c r="CJ13" s="102">
        <v>0</v>
      </c>
      <c r="CK13" s="103">
        <v>0</v>
      </c>
      <c r="CL13" s="104">
        <v>0</v>
      </c>
      <c r="CM13" s="101">
        <v>181</v>
      </c>
      <c r="CN13" s="102">
        <v>97</v>
      </c>
      <c r="CO13" s="103">
        <v>278</v>
      </c>
      <c r="CP13" s="413">
        <v>0</v>
      </c>
      <c r="CQ13" s="102">
        <v>211</v>
      </c>
      <c r="CR13" s="102">
        <v>123</v>
      </c>
      <c r="CS13" s="102">
        <v>120</v>
      </c>
      <c r="CT13" s="102">
        <v>97</v>
      </c>
      <c r="CU13" s="102">
        <v>43</v>
      </c>
      <c r="CV13" s="103">
        <v>594</v>
      </c>
      <c r="CW13" s="104">
        <v>872</v>
      </c>
      <c r="CX13" s="105">
        <v>26</v>
      </c>
      <c r="CY13" s="97">
        <v>25</v>
      </c>
      <c r="CZ13" s="98">
        <v>51</v>
      </c>
      <c r="DA13" s="413">
        <v>0</v>
      </c>
      <c r="DB13" s="97">
        <v>28</v>
      </c>
      <c r="DC13" s="97">
        <v>23</v>
      </c>
      <c r="DD13" s="97">
        <v>19</v>
      </c>
      <c r="DE13" s="97">
        <v>20</v>
      </c>
      <c r="DF13" s="97">
        <v>10</v>
      </c>
      <c r="DG13" s="99">
        <v>100</v>
      </c>
      <c r="DH13" s="100">
        <v>151</v>
      </c>
      <c r="DI13" s="101">
        <v>0</v>
      </c>
      <c r="DJ13" s="102">
        <v>1</v>
      </c>
      <c r="DK13" s="103">
        <v>1</v>
      </c>
      <c r="DL13" s="413">
        <v>0</v>
      </c>
      <c r="DM13" s="102">
        <v>0</v>
      </c>
      <c r="DN13" s="102">
        <v>1</v>
      </c>
      <c r="DO13" s="102">
        <v>1</v>
      </c>
      <c r="DP13" s="102">
        <v>0</v>
      </c>
      <c r="DQ13" s="102">
        <v>1</v>
      </c>
      <c r="DR13" s="103">
        <v>3</v>
      </c>
      <c r="DS13" s="104">
        <v>4</v>
      </c>
      <c r="DT13" s="101">
        <v>3</v>
      </c>
      <c r="DU13" s="102">
        <v>3</v>
      </c>
      <c r="DV13" s="103">
        <v>6</v>
      </c>
      <c r="DW13" s="413">
        <v>0</v>
      </c>
      <c r="DX13" s="102">
        <v>1</v>
      </c>
      <c r="DY13" s="102">
        <v>0</v>
      </c>
      <c r="DZ13" s="102">
        <v>0</v>
      </c>
      <c r="EA13" s="102">
        <v>0</v>
      </c>
      <c r="EB13" s="102">
        <v>0</v>
      </c>
      <c r="EC13" s="103">
        <v>1</v>
      </c>
      <c r="ED13" s="104">
        <v>7</v>
      </c>
      <c r="EE13" s="101">
        <v>6</v>
      </c>
      <c r="EF13" s="102">
        <v>0</v>
      </c>
      <c r="EG13" s="103">
        <v>6</v>
      </c>
      <c r="EH13" s="413">
        <v>0</v>
      </c>
      <c r="EI13" s="102">
        <v>2</v>
      </c>
      <c r="EJ13" s="102">
        <v>4</v>
      </c>
      <c r="EK13" s="102">
        <v>3</v>
      </c>
      <c r="EL13" s="102">
        <v>0</v>
      </c>
      <c r="EM13" s="102">
        <v>1</v>
      </c>
      <c r="EN13" s="103">
        <v>10</v>
      </c>
      <c r="EO13" s="104">
        <v>16</v>
      </c>
      <c r="EP13" s="101">
        <v>7</v>
      </c>
      <c r="EQ13" s="102">
        <v>5</v>
      </c>
      <c r="ER13" s="103">
        <v>12</v>
      </c>
      <c r="ES13" s="413">
        <v>0</v>
      </c>
      <c r="ET13" s="102">
        <v>7</v>
      </c>
      <c r="EU13" s="102">
        <v>1</v>
      </c>
      <c r="EV13" s="102">
        <v>2</v>
      </c>
      <c r="EW13" s="102">
        <v>3</v>
      </c>
      <c r="EX13" s="102">
        <v>0</v>
      </c>
      <c r="EY13" s="103">
        <v>13</v>
      </c>
      <c r="EZ13" s="104">
        <v>25</v>
      </c>
      <c r="FA13" s="101">
        <v>6</v>
      </c>
      <c r="FB13" s="102">
        <v>9</v>
      </c>
      <c r="FC13" s="103">
        <v>15</v>
      </c>
      <c r="FD13" s="413">
        <v>0</v>
      </c>
      <c r="FE13" s="102">
        <v>7</v>
      </c>
      <c r="FF13" s="102">
        <v>8</v>
      </c>
      <c r="FG13" s="102">
        <v>2</v>
      </c>
      <c r="FH13" s="102">
        <v>3</v>
      </c>
      <c r="FI13" s="102">
        <v>3</v>
      </c>
      <c r="FJ13" s="103">
        <v>23</v>
      </c>
      <c r="FK13" s="104">
        <v>38</v>
      </c>
      <c r="FL13" s="101">
        <v>4</v>
      </c>
      <c r="FM13" s="102">
        <v>7</v>
      </c>
      <c r="FN13" s="103">
        <v>11</v>
      </c>
      <c r="FO13" s="413">
        <v>0</v>
      </c>
      <c r="FP13" s="102">
        <v>11</v>
      </c>
      <c r="FQ13" s="102">
        <v>9</v>
      </c>
      <c r="FR13" s="102">
        <v>11</v>
      </c>
      <c r="FS13" s="102">
        <v>14</v>
      </c>
      <c r="FT13" s="102">
        <v>5</v>
      </c>
      <c r="FU13" s="103">
        <v>50</v>
      </c>
      <c r="FV13" s="104">
        <v>61</v>
      </c>
      <c r="FW13" s="101">
        <v>0</v>
      </c>
      <c r="FX13" s="102">
        <v>0</v>
      </c>
      <c r="FY13" s="103">
        <v>0</v>
      </c>
      <c r="FZ13" s="413">
        <v>0</v>
      </c>
      <c r="GA13" s="102">
        <v>0</v>
      </c>
      <c r="GB13" s="102">
        <v>0</v>
      </c>
      <c r="GC13" s="102">
        <v>0</v>
      </c>
      <c r="GD13" s="102">
        <v>0</v>
      </c>
      <c r="GE13" s="102">
        <v>0</v>
      </c>
      <c r="GF13" s="103">
        <v>0</v>
      </c>
      <c r="GG13" s="104">
        <v>0</v>
      </c>
      <c r="GH13" s="101">
        <v>26</v>
      </c>
      <c r="GI13" s="102">
        <v>25</v>
      </c>
      <c r="GJ13" s="103">
        <v>51</v>
      </c>
      <c r="GK13" s="413">
        <v>0</v>
      </c>
      <c r="GL13" s="102">
        <v>28</v>
      </c>
      <c r="GM13" s="102">
        <v>23</v>
      </c>
      <c r="GN13" s="102">
        <v>19</v>
      </c>
      <c r="GO13" s="102">
        <v>20</v>
      </c>
      <c r="GP13" s="102">
        <v>10</v>
      </c>
      <c r="GQ13" s="103">
        <v>100</v>
      </c>
      <c r="GR13" s="104">
        <v>151</v>
      </c>
      <c r="GS13" s="105">
        <v>207</v>
      </c>
      <c r="GT13" s="97">
        <v>122</v>
      </c>
      <c r="GU13" s="98">
        <v>329</v>
      </c>
      <c r="GV13" s="413">
        <v>0</v>
      </c>
      <c r="GW13" s="97">
        <v>239</v>
      </c>
      <c r="GX13" s="97">
        <v>146</v>
      </c>
      <c r="GY13" s="97">
        <v>139</v>
      </c>
      <c r="GZ13" s="97">
        <v>117</v>
      </c>
      <c r="HA13" s="97">
        <v>53</v>
      </c>
      <c r="HB13" s="99">
        <v>694</v>
      </c>
      <c r="HC13" s="100">
        <v>1023</v>
      </c>
      <c r="HD13" s="101">
        <v>1</v>
      </c>
      <c r="HE13" s="102">
        <v>1</v>
      </c>
      <c r="HF13" s="103">
        <v>2</v>
      </c>
      <c r="HG13" s="413">
        <v>0</v>
      </c>
      <c r="HH13" s="102">
        <v>0</v>
      </c>
      <c r="HI13" s="102">
        <v>1</v>
      </c>
      <c r="HJ13" s="102">
        <v>3</v>
      </c>
      <c r="HK13" s="102">
        <v>0</v>
      </c>
      <c r="HL13" s="102">
        <v>1</v>
      </c>
      <c r="HM13" s="103">
        <v>5</v>
      </c>
      <c r="HN13" s="104">
        <v>7</v>
      </c>
      <c r="HO13" s="101">
        <v>9</v>
      </c>
      <c r="HP13" s="102">
        <v>3</v>
      </c>
      <c r="HQ13" s="103">
        <v>12</v>
      </c>
      <c r="HR13" s="413">
        <v>0</v>
      </c>
      <c r="HS13" s="102">
        <v>4</v>
      </c>
      <c r="HT13" s="102">
        <v>3</v>
      </c>
      <c r="HU13" s="102">
        <v>1</v>
      </c>
      <c r="HV13" s="102">
        <v>2</v>
      </c>
      <c r="HW13" s="102">
        <v>2</v>
      </c>
      <c r="HX13" s="103">
        <v>12</v>
      </c>
      <c r="HY13" s="104">
        <v>24</v>
      </c>
      <c r="HZ13" s="101">
        <v>16</v>
      </c>
      <c r="IA13" s="102">
        <v>2</v>
      </c>
      <c r="IB13" s="103">
        <v>18</v>
      </c>
      <c r="IC13" s="413">
        <v>0</v>
      </c>
      <c r="ID13" s="102">
        <v>11</v>
      </c>
      <c r="IE13" s="102">
        <v>16</v>
      </c>
      <c r="IF13" s="102">
        <v>14</v>
      </c>
      <c r="IG13" s="102">
        <v>7</v>
      </c>
      <c r="IH13" s="102">
        <v>3</v>
      </c>
      <c r="II13" s="103">
        <v>51</v>
      </c>
      <c r="IJ13" s="104">
        <v>69</v>
      </c>
      <c r="IK13" s="101">
        <v>36</v>
      </c>
      <c r="IL13" s="102">
        <v>23</v>
      </c>
      <c r="IM13" s="103">
        <v>59</v>
      </c>
      <c r="IN13" s="413">
        <v>0</v>
      </c>
      <c r="IO13" s="102">
        <v>40</v>
      </c>
      <c r="IP13" s="102">
        <v>13</v>
      </c>
      <c r="IQ13" s="102">
        <v>16</v>
      </c>
      <c r="IR13" s="102">
        <v>12</v>
      </c>
      <c r="IS13" s="102">
        <v>7</v>
      </c>
      <c r="IT13" s="103">
        <v>88</v>
      </c>
      <c r="IU13" s="104">
        <v>147</v>
      </c>
      <c r="IV13" s="101">
        <v>78</v>
      </c>
      <c r="IW13" s="102">
        <v>51</v>
      </c>
      <c r="IX13" s="103">
        <v>129</v>
      </c>
      <c r="IY13" s="413">
        <v>0</v>
      </c>
      <c r="IZ13" s="102">
        <v>76</v>
      </c>
      <c r="JA13" s="102">
        <v>39</v>
      </c>
      <c r="JB13" s="102">
        <v>37</v>
      </c>
      <c r="JC13" s="102">
        <v>30</v>
      </c>
      <c r="JD13" s="102">
        <v>14</v>
      </c>
      <c r="JE13" s="103">
        <v>196</v>
      </c>
      <c r="JF13" s="104">
        <v>325</v>
      </c>
      <c r="JG13" s="101">
        <v>67</v>
      </c>
      <c r="JH13" s="102">
        <v>42</v>
      </c>
      <c r="JI13" s="103">
        <v>109</v>
      </c>
      <c r="JJ13" s="413">
        <v>0</v>
      </c>
      <c r="JK13" s="102">
        <v>108</v>
      </c>
      <c r="JL13" s="102">
        <v>74</v>
      </c>
      <c r="JM13" s="102">
        <v>68</v>
      </c>
      <c r="JN13" s="102">
        <v>66</v>
      </c>
      <c r="JO13" s="102">
        <v>26</v>
      </c>
      <c r="JP13" s="103">
        <v>342</v>
      </c>
      <c r="JQ13" s="104">
        <v>451</v>
      </c>
      <c r="JR13" s="101">
        <v>0</v>
      </c>
      <c r="JS13" s="102">
        <v>0</v>
      </c>
      <c r="JT13" s="103">
        <v>0</v>
      </c>
      <c r="JU13" s="413">
        <v>0</v>
      </c>
      <c r="JV13" s="102">
        <v>0</v>
      </c>
      <c r="JW13" s="102">
        <v>0</v>
      </c>
      <c r="JX13" s="102">
        <v>0</v>
      </c>
      <c r="JY13" s="102">
        <v>0</v>
      </c>
      <c r="JZ13" s="102">
        <v>0</v>
      </c>
      <c r="KA13" s="103">
        <v>0</v>
      </c>
      <c r="KB13" s="104">
        <v>0</v>
      </c>
      <c r="KC13" s="101">
        <v>207</v>
      </c>
      <c r="KD13" s="102">
        <v>122</v>
      </c>
      <c r="KE13" s="103">
        <v>329</v>
      </c>
      <c r="KF13" s="413">
        <v>0</v>
      </c>
      <c r="KG13" s="102">
        <v>239</v>
      </c>
      <c r="KH13" s="102">
        <v>146</v>
      </c>
      <c r="KI13" s="102">
        <v>139</v>
      </c>
      <c r="KJ13" s="102">
        <v>117</v>
      </c>
      <c r="KK13" s="102">
        <v>53</v>
      </c>
      <c r="KL13" s="103">
        <v>694</v>
      </c>
      <c r="KM13" s="104">
        <v>1023</v>
      </c>
    </row>
    <row r="14" spans="2:299" s="70" customFormat="1" ht="21" customHeight="1" x14ac:dyDescent="0.2">
      <c r="B14" s="106" t="s">
        <v>10</v>
      </c>
      <c r="C14" s="96">
        <v>364</v>
      </c>
      <c r="D14" s="97">
        <v>201</v>
      </c>
      <c r="E14" s="98">
        <v>565</v>
      </c>
      <c r="F14" s="413">
        <v>0</v>
      </c>
      <c r="G14" s="97">
        <v>342</v>
      </c>
      <c r="H14" s="97">
        <v>169</v>
      </c>
      <c r="I14" s="97">
        <v>134</v>
      </c>
      <c r="J14" s="97">
        <v>125</v>
      </c>
      <c r="K14" s="97">
        <v>91</v>
      </c>
      <c r="L14" s="99">
        <v>861</v>
      </c>
      <c r="M14" s="100">
        <v>1426</v>
      </c>
      <c r="N14" s="101">
        <v>7</v>
      </c>
      <c r="O14" s="102">
        <v>3</v>
      </c>
      <c r="P14" s="103">
        <v>10</v>
      </c>
      <c r="Q14" s="413">
        <v>0</v>
      </c>
      <c r="R14" s="102">
        <v>6</v>
      </c>
      <c r="S14" s="102">
        <v>3</v>
      </c>
      <c r="T14" s="102">
        <v>1</v>
      </c>
      <c r="U14" s="102">
        <v>3</v>
      </c>
      <c r="V14" s="102">
        <v>0</v>
      </c>
      <c r="W14" s="103">
        <v>13</v>
      </c>
      <c r="X14" s="104">
        <v>23</v>
      </c>
      <c r="Y14" s="101">
        <v>15</v>
      </c>
      <c r="Z14" s="102">
        <v>4</v>
      </c>
      <c r="AA14" s="103">
        <v>19</v>
      </c>
      <c r="AB14" s="413">
        <v>0</v>
      </c>
      <c r="AC14" s="102">
        <v>15</v>
      </c>
      <c r="AD14" s="102">
        <v>8</v>
      </c>
      <c r="AE14" s="102">
        <v>3</v>
      </c>
      <c r="AF14" s="102">
        <v>6</v>
      </c>
      <c r="AG14" s="102">
        <v>8</v>
      </c>
      <c r="AH14" s="103">
        <v>40</v>
      </c>
      <c r="AI14" s="104">
        <v>59</v>
      </c>
      <c r="AJ14" s="101">
        <v>26</v>
      </c>
      <c r="AK14" s="102">
        <v>12</v>
      </c>
      <c r="AL14" s="103">
        <v>38</v>
      </c>
      <c r="AM14" s="413">
        <v>0</v>
      </c>
      <c r="AN14" s="102">
        <v>28</v>
      </c>
      <c r="AO14" s="102">
        <v>13</v>
      </c>
      <c r="AP14" s="102">
        <v>7</v>
      </c>
      <c r="AQ14" s="102">
        <v>11</v>
      </c>
      <c r="AR14" s="102">
        <v>9</v>
      </c>
      <c r="AS14" s="103">
        <v>68</v>
      </c>
      <c r="AT14" s="104">
        <v>106</v>
      </c>
      <c r="AU14" s="101">
        <v>70</v>
      </c>
      <c r="AV14" s="102">
        <v>37</v>
      </c>
      <c r="AW14" s="103">
        <v>107</v>
      </c>
      <c r="AX14" s="413">
        <v>0</v>
      </c>
      <c r="AY14" s="102">
        <v>69</v>
      </c>
      <c r="AZ14" s="102">
        <v>32</v>
      </c>
      <c r="BA14" s="102">
        <v>26</v>
      </c>
      <c r="BB14" s="102">
        <v>20</v>
      </c>
      <c r="BC14" s="102">
        <v>15</v>
      </c>
      <c r="BD14" s="103">
        <v>162</v>
      </c>
      <c r="BE14" s="104">
        <v>269</v>
      </c>
      <c r="BF14" s="101">
        <v>145</v>
      </c>
      <c r="BG14" s="102">
        <v>76</v>
      </c>
      <c r="BH14" s="103">
        <v>221</v>
      </c>
      <c r="BI14" s="413">
        <v>0</v>
      </c>
      <c r="BJ14" s="102">
        <v>111</v>
      </c>
      <c r="BK14" s="102">
        <v>51</v>
      </c>
      <c r="BL14" s="102">
        <v>29</v>
      </c>
      <c r="BM14" s="102">
        <v>34</v>
      </c>
      <c r="BN14" s="102">
        <v>21</v>
      </c>
      <c r="BO14" s="103">
        <v>246</v>
      </c>
      <c r="BP14" s="104">
        <v>467</v>
      </c>
      <c r="BQ14" s="101">
        <v>101</v>
      </c>
      <c r="BR14" s="102">
        <v>69</v>
      </c>
      <c r="BS14" s="103">
        <v>170</v>
      </c>
      <c r="BT14" s="413">
        <v>0</v>
      </c>
      <c r="BU14" s="102">
        <v>113</v>
      </c>
      <c r="BV14" s="102">
        <v>62</v>
      </c>
      <c r="BW14" s="102">
        <v>68</v>
      </c>
      <c r="BX14" s="102">
        <v>51</v>
      </c>
      <c r="BY14" s="102">
        <v>38</v>
      </c>
      <c r="BZ14" s="103">
        <v>332</v>
      </c>
      <c r="CA14" s="104">
        <v>502</v>
      </c>
      <c r="CB14" s="101">
        <v>0</v>
      </c>
      <c r="CC14" s="102">
        <v>0</v>
      </c>
      <c r="CD14" s="103">
        <v>0</v>
      </c>
      <c r="CE14" s="413">
        <v>0</v>
      </c>
      <c r="CF14" s="102">
        <v>0</v>
      </c>
      <c r="CG14" s="102">
        <v>0</v>
      </c>
      <c r="CH14" s="102">
        <v>0</v>
      </c>
      <c r="CI14" s="102">
        <v>0</v>
      </c>
      <c r="CJ14" s="102">
        <v>0</v>
      </c>
      <c r="CK14" s="103">
        <v>0</v>
      </c>
      <c r="CL14" s="104">
        <v>0</v>
      </c>
      <c r="CM14" s="101">
        <v>364</v>
      </c>
      <c r="CN14" s="102">
        <v>201</v>
      </c>
      <c r="CO14" s="103">
        <v>565</v>
      </c>
      <c r="CP14" s="413">
        <v>0</v>
      </c>
      <c r="CQ14" s="102">
        <v>342</v>
      </c>
      <c r="CR14" s="102">
        <v>169</v>
      </c>
      <c r="CS14" s="102">
        <v>134</v>
      </c>
      <c r="CT14" s="102">
        <v>125</v>
      </c>
      <c r="CU14" s="102">
        <v>91</v>
      </c>
      <c r="CV14" s="103">
        <v>861</v>
      </c>
      <c r="CW14" s="104">
        <v>1426</v>
      </c>
      <c r="CX14" s="105">
        <v>45</v>
      </c>
      <c r="CY14" s="97">
        <v>30</v>
      </c>
      <c r="CZ14" s="98">
        <v>75</v>
      </c>
      <c r="DA14" s="413">
        <v>0</v>
      </c>
      <c r="DB14" s="97">
        <v>57</v>
      </c>
      <c r="DC14" s="97">
        <v>22</v>
      </c>
      <c r="DD14" s="97">
        <v>21</v>
      </c>
      <c r="DE14" s="97">
        <v>29</v>
      </c>
      <c r="DF14" s="97">
        <v>20</v>
      </c>
      <c r="DG14" s="99">
        <v>149</v>
      </c>
      <c r="DH14" s="100">
        <v>224</v>
      </c>
      <c r="DI14" s="101">
        <v>0</v>
      </c>
      <c r="DJ14" s="102">
        <v>2</v>
      </c>
      <c r="DK14" s="103">
        <v>2</v>
      </c>
      <c r="DL14" s="413">
        <v>0</v>
      </c>
      <c r="DM14" s="102">
        <v>1</v>
      </c>
      <c r="DN14" s="102">
        <v>2</v>
      </c>
      <c r="DO14" s="102">
        <v>1</v>
      </c>
      <c r="DP14" s="102">
        <v>0</v>
      </c>
      <c r="DQ14" s="102">
        <v>0</v>
      </c>
      <c r="DR14" s="103">
        <v>4</v>
      </c>
      <c r="DS14" s="104">
        <v>6</v>
      </c>
      <c r="DT14" s="101">
        <v>4</v>
      </c>
      <c r="DU14" s="102">
        <v>3</v>
      </c>
      <c r="DV14" s="103">
        <v>7</v>
      </c>
      <c r="DW14" s="413">
        <v>0</v>
      </c>
      <c r="DX14" s="102">
        <v>2</v>
      </c>
      <c r="DY14" s="102">
        <v>0</v>
      </c>
      <c r="DZ14" s="102">
        <v>0</v>
      </c>
      <c r="EA14" s="102">
        <v>2</v>
      </c>
      <c r="EB14" s="102">
        <v>2</v>
      </c>
      <c r="EC14" s="103">
        <v>6</v>
      </c>
      <c r="ED14" s="104">
        <v>13</v>
      </c>
      <c r="EE14" s="101">
        <v>4</v>
      </c>
      <c r="EF14" s="102">
        <v>2</v>
      </c>
      <c r="EG14" s="103">
        <v>6</v>
      </c>
      <c r="EH14" s="413">
        <v>0</v>
      </c>
      <c r="EI14" s="102">
        <v>3</v>
      </c>
      <c r="EJ14" s="102">
        <v>1</v>
      </c>
      <c r="EK14" s="102">
        <v>1</v>
      </c>
      <c r="EL14" s="102">
        <v>0</v>
      </c>
      <c r="EM14" s="102">
        <v>0</v>
      </c>
      <c r="EN14" s="103">
        <v>5</v>
      </c>
      <c r="EO14" s="104">
        <v>11</v>
      </c>
      <c r="EP14" s="101">
        <v>10</v>
      </c>
      <c r="EQ14" s="102">
        <v>2</v>
      </c>
      <c r="ER14" s="103">
        <v>12</v>
      </c>
      <c r="ES14" s="413">
        <v>0</v>
      </c>
      <c r="ET14" s="102">
        <v>5</v>
      </c>
      <c r="EU14" s="102">
        <v>2</v>
      </c>
      <c r="EV14" s="102">
        <v>3</v>
      </c>
      <c r="EW14" s="102">
        <v>3</v>
      </c>
      <c r="EX14" s="102">
        <v>1</v>
      </c>
      <c r="EY14" s="103">
        <v>14</v>
      </c>
      <c r="EZ14" s="104">
        <v>26</v>
      </c>
      <c r="FA14" s="101">
        <v>19</v>
      </c>
      <c r="FB14" s="102">
        <v>10</v>
      </c>
      <c r="FC14" s="103">
        <v>29</v>
      </c>
      <c r="FD14" s="413">
        <v>0</v>
      </c>
      <c r="FE14" s="102">
        <v>23</v>
      </c>
      <c r="FF14" s="102">
        <v>6</v>
      </c>
      <c r="FG14" s="102">
        <v>5</v>
      </c>
      <c r="FH14" s="102">
        <v>5</v>
      </c>
      <c r="FI14" s="102">
        <v>8</v>
      </c>
      <c r="FJ14" s="103">
        <v>47</v>
      </c>
      <c r="FK14" s="104">
        <v>76</v>
      </c>
      <c r="FL14" s="101">
        <v>8</v>
      </c>
      <c r="FM14" s="102">
        <v>11</v>
      </c>
      <c r="FN14" s="103">
        <v>19</v>
      </c>
      <c r="FO14" s="413">
        <v>0</v>
      </c>
      <c r="FP14" s="102">
        <v>23</v>
      </c>
      <c r="FQ14" s="102">
        <v>11</v>
      </c>
      <c r="FR14" s="102">
        <v>11</v>
      </c>
      <c r="FS14" s="102">
        <v>19</v>
      </c>
      <c r="FT14" s="102">
        <v>9</v>
      </c>
      <c r="FU14" s="103">
        <v>73</v>
      </c>
      <c r="FV14" s="104">
        <v>92</v>
      </c>
      <c r="FW14" s="101">
        <v>0</v>
      </c>
      <c r="FX14" s="102">
        <v>0</v>
      </c>
      <c r="FY14" s="103">
        <v>0</v>
      </c>
      <c r="FZ14" s="413">
        <v>0</v>
      </c>
      <c r="GA14" s="102">
        <v>0</v>
      </c>
      <c r="GB14" s="102">
        <v>0</v>
      </c>
      <c r="GC14" s="102">
        <v>0</v>
      </c>
      <c r="GD14" s="102">
        <v>0</v>
      </c>
      <c r="GE14" s="102">
        <v>0</v>
      </c>
      <c r="GF14" s="103">
        <v>0</v>
      </c>
      <c r="GG14" s="104">
        <v>0</v>
      </c>
      <c r="GH14" s="101">
        <v>45</v>
      </c>
      <c r="GI14" s="102">
        <v>30</v>
      </c>
      <c r="GJ14" s="103">
        <v>75</v>
      </c>
      <c r="GK14" s="413">
        <v>0</v>
      </c>
      <c r="GL14" s="102">
        <v>57</v>
      </c>
      <c r="GM14" s="102">
        <v>22</v>
      </c>
      <c r="GN14" s="102">
        <v>21</v>
      </c>
      <c r="GO14" s="102">
        <v>29</v>
      </c>
      <c r="GP14" s="102">
        <v>20</v>
      </c>
      <c r="GQ14" s="103">
        <v>149</v>
      </c>
      <c r="GR14" s="104">
        <v>224</v>
      </c>
      <c r="GS14" s="105">
        <v>409</v>
      </c>
      <c r="GT14" s="97">
        <v>231</v>
      </c>
      <c r="GU14" s="98">
        <v>640</v>
      </c>
      <c r="GV14" s="413">
        <v>0</v>
      </c>
      <c r="GW14" s="97">
        <v>399</v>
      </c>
      <c r="GX14" s="97">
        <v>191</v>
      </c>
      <c r="GY14" s="97">
        <v>155</v>
      </c>
      <c r="GZ14" s="97">
        <v>154</v>
      </c>
      <c r="HA14" s="97">
        <v>111</v>
      </c>
      <c r="HB14" s="99">
        <v>1010</v>
      </c>
      <c r="HC14" s="100">
        <v>1650</v>
      </c>
      <c r="HD14" s="101">
        <v>7</v>
      </c>
      <c r="HE14" s="102">
        <v>5</v>
      </c>
      <c r="HF14" s="103">
        <v>12</v>
      </c>
      <c r="HG14" s="413">
        <v>0</v>
      </c>
      <c r="HH14" s="102">
        <v>7</v>
      </c>
      <c r="HI14" s="102">
        <v>5</v>
      </c>
      <c r="HJ14" s="102">
        <v>2</v>
      </c>
      <c r="HK14" s="102">
        <v>3</v>
      </c>
      <c r="HL14" s="102">
        <v>0</v>
      </c>
      <c r="HM14" s="103">
        <v>17</v>
      </c>
      <c r="HN14" s="104">
        <v>29</v>
      </c>
      <c r="HO14" s="101">
        <v>19</v>
      </c>
      <c r="HP14" s="102">
        <v>7</v>
      </c>
      <c r="HQ14" s="103">
        <v>26</v>
      </c>
      <c r="HR14" s="413">
        <v>0</v>
      </c>
      <c r="HS14" s="102">
        <v>17</v>
      </c>
      <c r="HT14" s="102">
        <v>8</v>
      </c>
      <c r="HU14" s="102">
        <v>3</v>
      </c>
      <c r="HV14" s="102">
        <v>8</v>
      </c>
      <c r="HW14" s="102">
        <v>10</v>
      </c>
      <c r="HX14" s="103">
        <v>46</v>
      </c>
      <c r="HY14" s="104">
        <v>72</v>
      </c>
      <c r="HZ14" s="101">
        <v>30</v>
      </c>
      <c r="IA14" s="102">
        <v>14</v>
      </c>
      <c r="IB14" s="103">
        <v>44</v>
      </c>
      <c r="IC14" s="413">
        <v>0</v>
      </c>
      <c r="ID14" s="102">
        <v>31</v>
      </c>
      <c r="IE14" s="102">
        <v>14</v>
      </c>
      <c r="IF14" s="102">
        <v>8</v>
      </c>
      <c r="IG14" s="102">
        <v>11</v>
      </c>
      <c r="IH14" s="102">
        <v>9</v>
      </c>
      <c r="II14" s="103">
        <v>73</v>
      </c>
      <c r="IJ14" s="104">
        <v>117</v>
      </c>
      <c r="IK14" s="101">
        <v>80</v>
      </c>
      <c r="IL14" s="102">
        <v>39</v>
      </c>
      <c r="IM14" s="103">
        <v>119</v>
      </c>
      <c r="IN14" s="413">
        <v>0</v>
      </c>
      <c r="IO14" s="102">
        <v>74</v>
      </c>
      <c r="IP14" s="102">
        <v>34</v>
      </c>
      <c r="IQ14" s="102">
        <v>29</v>
      </c>
      <c r="IR14" s="102">
        <v>23</v>
      </c>
      <c r="IS14" s="102">
        <v>16</v>
      </c>
      <c r="IT14" s="103">
        <v>176</v>
      </c>
      <c r="IU14" s="104">
        <v>295</v>
      </c>
      <c r="IV14" s="101">
        <v>164</v>
      </c>
      <c r="IW14" s="102">
        <v>86</v>
      </c>
      <c r="IX14" s="103">
        <v>250</v>
      </c>
      <c r="IY14" s="413">
        <v>0</v>
      </c>
      <c r="IZ14" s="102">
        <v>134</v>
      </c>
      <c r="JA14" s="102">
        <v>57</v>
      </c>
      <c r="JB14" s="102">
        <v>34</v>
      </c>
      <c r="JC14" s="102">
        <v>39</v>
      </c>
      <c r="JD14" s="102">
        <v>29</v>
      </c>
      <c r="JE14" s="103">
        <v>293</v>
      </c>
      <c r="JF14" s="104">
        <v>543</v>
      </c>
      <c r="JG14" s="101">
        <v>109</v>
      </c>
      <c r="JH14" s="102">
        <v>80</v>
      </c>
      <c r="JI14" s="103">
        <v>189</v>
      </c>
      <c r="JJ14" s="413">
        <v>0</v>
      </c>
      <c r="JK14" s="102">
        <v>136</v>
      </c>
      <c r="JL14" s="102">
        <v>73</v>
      </c>
      <c r="JM14" s="102">
        <v>79</v>
      </c>
      <c r="JN14" s="102">
        <v>70</v>
      </c>
      <c r="JO14" s="102">
        <v>47</v>
      </c>
      <c r="JP14" s="103">
        <v>405</v>
      </c>
      <c r="JQ14" s="104">
        <v>594</v>
      </c>
      <c r="JR14" s="101">
        <v>0</v>
      </c>
      <c r="JS14" s="102">
        <v>0</v>
      </c>
      <c r="JT14" s="103">
        <v>0</v>
      </c>
      <c r="JU14" s="413">
        <v>0</v>
      </c>
      <c r="JV14" s="102">
        <v>0</v>
      </c>
      <c r="JW14" s="102">
        <v>0</v>
      </c>
      <c r="JX14" s="102">
        <v>0</v>
      </c>
      <c r="JY14" s="102">
        <v>0</v>
      </c>
      <c r="JZ14" s="102">
        <v>0</v>
      </c>
      <c r="KA14" s="103">
        <v>0</v>
      </c>
      <c r="KB14" s="104">
        <v>0</v>
      </c>
      <c r="KC14" s="101">
        <v>409</v>
      </c>
      <c r="KD14" s="102">
        <v>231</v>
      </c>
      <c r="KE14" s="103">
        <v>640</v>
      </c>
      <c r="KF14" s="413">
        <v>0</v>
      </c>
      <c r="KG14" s="102">
        <v>399</v>
      </c>
      <c r="KH14" s="102">
        <v>191</v>
      </c>
      <c r="KI14" s="102">
        <v>155</v>
      </c>
      <c r="KJ14" s="102">
        <v>154</v>
      </c>
      <c r="KK14" s="102">
        <v>111</v>
      </c>
      <c r="KL14" s="103">
        <v>1010</v>
      </c>
      <c r="KM14" s="104">
        <v>1650</v>
      </c>
    </row>
    <row r="15" spans="2:299" s="70" customFormat="1" ht="21" customHeight="1" x14ac:dyDescent="0.2">
      <c r="B15" s="106" t="s">
        <v>11</v>
      </c>
      <c r="C15" s="96">
        <v>82</v>
      </c>
      <c r="D15" s="97">
        <v>59</v>
      </c>
      <c r="E15" s="98">
        <v>141</v>
      </c>
      <c r="F15" s="413">
        <v>0</v>
      </c>
      <c r="G15" s="97">
        <v>141</v>
      </c>
      <c r="H15" s="97">
        <v>82</v>
      </c>
      <c r="I15" s="97">
        <v>67</v>
      </c>
      <c r="J15" s="97">
        <v>65</v>
      </c>
      <c r="K15" s="97">
        <v>30</v>
      </c>
      <c r="L15" s="99">
        <v>385</v>
      </c>
      <c r="M15" s="100">
        <v>526</v>
      </c>
      <c r="N15" s="101">
        <v>0</v>
      </c>
      <c r="O15" s="102">
        <v>0</v>
      </c>
      <c r="P15" s="103">
        <v>0</v>
      </c>
      <c r="Q15" s="413">
        <v>0</v>
      </c>
      <c r="R15" s="102">
        <v>5</v>
      </c>
      <c r="S15" s="102">
        <v>1</v>
      </c>
      <c r="T15" s="102">
        <v>2</v>
      </c>
      <c r="U15" s="102">
        <v>1</v>
      </c>
      <c r="V15" s="102">
        <v>0</v>
      </c>
      <c r="W15" s="103">
        <v>9</v>
      </c>
      <c r="X15" s="104">
        <v>9</v>
      </c>
      <c r="Y15" s="101">
        <v>3</v>
      </c>
      <c r="Z15" s="102">
        <v>2</v>
      </c>
      <c r="AA15" s="103">
        <v>5</v>
      </c>
      <c r="AB15" s="413">
        <v>0</v>
      </c>
      <c r="AC15" s="102">
        <v>7</v>
      </c>
      <c r="AD15" s="102">
        <v>8</v>
      </c>
      <c r="AE15" s="102">
        <v>6</v>
      </c>
      <c r="AF15" s="102">
        <v>8</v>
      </c>
      <c r="AG15" s="102">
        <v>4</v>
      </c>
      <c r="AH15" s="103">
        <v>33</v>
      </c>
      <c r="AI15" s="104">
        <v>38</v>
      </c>
      <c r="AJ15" s="101">
        <v>5</v>
      </c>
      <c r="AK15" s="102">
        <v>5</v>
      </c>
      <c r="AL15" s="103">
        <v>10</v>
      </c>
      <c r="AM15" s="413">
        <v>0</v>
      </c>
      <c r="AN15" s="102">
        <v>10</v>
      </c>
      <c r="AO15" s="102">
        <v>8</v>
      </c>
      <c r="AP15" s="102">
        <v>8</v>
      </c>
      <c r="AQ15" s="102">
        <v>2</v>
      </c>
      <c r="AR15" s="102">
        <v>0</v>
      </c>
      <c r="AS15" s="103">
        <v>28</v>
      </c>
      <c r="AT15" s="104">
        <v>38</v>
      </c>
      <c r="AU15" s="101">
        <v>15</v>
      </c>
      <c r="AV15" s="102">
        <v>9</v>
      </c>
      <c r="AW15" s="103">
        <v>24</v>
      </c>
      <c r="AX15" s="413">
        <v>0</v>
      </c>
      <c r="AY15" s="102">
        <v>25</v>
      </c>
      <c r="AZ15" s="102">
        <v>12</v>
      </c>
      <c r="BA15" s="102">
        <v>9</v>
      </c>
      <c r="BB15" s="102">
        <v>9</v>
      </c>
      <c r="BC15" s="102">
        <v>3</v>
      </c>
      <c r="BD15" s="103">
        <v>58</v>
      </c>
      <c r="BE15" s="104">
        <v>82</v>
      </c>
      <c r="BF15" s="101">
        <v>34</v>
      </c>
      <c r="BG15" s="102">
        <v>23</v>
      </c>
      <c r="BH15" s="103">
        <v>57</v>
      </c>
      <c r="BI15" s="413">
        <v>0</v>
      </c>
      <c r="BJ15" s="102">
        <v>38</v>
      </c>
      <c r="BK15" s="102">
        <v>17</v>
      </c>
      <c r="BL15" s="102">
        <v>16</v>
      </c>
      <c r="BM15" s="102">
        <v>23</v>
      </c>
      <c r="BN15" s="102">
        <v>11</v>
      </c>
      <c r="BO15" s="103">
        <v>105</v>
      </c>
      <c r="BP15" s="104">
        <v>162</v>
      </c>
      <c r="BQ15" s="101">
        <v>25</v>
      </c>
      <c r="BR15" s="102">
        <v>20</v>
      </c>
      <c r="BS15" s="103">
        <v>45</v>
      </c>
      <c r="BT15" s="413">
        <v>0</v>
      </c>
      <c r="BU15" s="102">
        <v>56</v>
      </c>
      <c r="BV15" s="102">
        <v>36</v>
      </c>
      <c r="BW15" s="102">
        <v>26</v>
      </c>
      <c r="BX15" s="102">
        <v>22</v>
      </c>
      <c r="BY15" s="102">
        <v>12</v>
      </c>
      <c r="BZ15" s="103">
        <v>152</v>
      </c>
      <c r="CA15" s="104">
        <v>197</v>
      </c>
      <c r="CB15" s="101">
        <v>0</v>
      </c>
      <c r="CC15" s="102">
        <v>0</v>
      </c>
      <c r="CD15" s="103">
        <v>0</v>
      </c>
      <c r="CE15" s="413">
        <v>0</v>
      </c>
      <c r="CF15" s="102">
        <v>0</v>
      </c>
      <c r="CG15" s="102">
        <v>0</v>
      </c>
      <c r="CH15" s="102">
        <v>0</v>
      </c>
      <c r="CI15" s="102">
        <v>0</v>
      </c>
      <c r="CJ15" s="102">
        <v>0</v>
      </c>
      <c r="CK15" s="103">
        <v>0</v>
      </c>
      <c r="CL15" s="104">
        <v>0</v>
      </c>
      <c r="CM15" s="101">
        <v>82</v>
      </c>
      <c r="CN15" s="102">
        <v>59</v>
      </c>
      <c r="CO15" s="103">
        <v>141</v>
      </c>
      <c r="CP15" s="413">
        <v>0</v>
      </c>
      <c r="CQ15" s="102">
        <v>141</v>
      </c>
      <c r="CR15" s="102">
        <v>82</v>
      </c>
      <c r="CS15" s="102">
        <v>67</v>
      </c>
      <c r="CT15" s="102">
        <v>65</v>
      </c>
      <c r="CU15" s="102">
        <v>30</v>
      </c>
      <c r="CV15" s="103">
        <v>385</v>
      </c>
      <c r="CW15" s="104">
        <v>526</v>
      </c>
      <c r="CX15" s="105">
        <v>9</v>
      </c>
      <c r="CY15" s="97">
        <v>8</v>
      </c>
      <c r="CZ15" s="98">
        <v>17</v>
      </c>
      <c r="DA15" s="413">
        <v>0</v>
      </c>
      <c r="DB15" s="97">
        <v>18</v>
      </c>
      <c r="DC15" s="97">
        <v>13</v>
      </c>
      <c r="DD15" s="97">
        <v>9</v>
      </c>
      <c r="DE15" s="97">
        <v>20</v>
      </c>
      <c r="DF15" s="97">
        <v>7</v>
      </c>
      <c r="DG15" s="99">
        <v>67</v>
      </c>
      <c r="DH15" s="100">
        <v>84</v>
      </c>
      <c r="DI15" s="101">
        <v>0</v>
      </c>
      <c r="DJ15" s="102">
        <v>0</v>
      </c>
      <c r="DK15" s="103">
        <v>0</v>
      </c>
      <c r="DL15" s="413">
        <v>0</v>
      </c>
      <c r="DM15" s="102">
        <v>1</v>
      </c>
      <c r="DN15" s="102">
        <v>0</v>
      </c>
      <c r="DO15" s="102">
        <v>0</v>
      </c>
      <c r="DP15" s="102">
        <v>0</v>
      </c>
      <c r="DQ15" s="102">
        <v>0</v>
      </c>
      <c r="DR15" s="103">
        <v>1</v>
      </c>
      <c r="DS15" s="104">
        <v>1</v>
      </c>
      <c r="DT15" s="101">
        <v>1</v>
      </c>
      <c r="DU15" s="102">
        <v>0</v>
      </c>
      <c r="DV15" s="103">
        <v>1</v>
      </c>
      <c r="DW15" s="413">
        <v>0</v>
      </c>
      <c r="DX15" s="102">
        <v>1</v>
      </c>
      <c r="DY15" s="102">
        <v>0</v>
      </c>
      <c r="DZ15" s="102">
        <v>1</v>
      </c>
      <c r="EA15" s="102">
        <v>0</v>
      </c>
      <c r="EB15" s="102">
        <v>0</v>
      </c>
      <c r="EC15" s="103">
        <v>2</v>
      </c>
      <c r="ED15" s="104">
        <v>3</v>
      </c>
      <c r="EE15" s="101">
        <v>1</v>
      </c>
      <c r="EF15" s="102">
        <v>0</v>
      </c>
      <c r="EG15" s="103">
        <v>1</v>
      </c>
      <c r="EH15" s="413">
        <v>0</v>
      </c>
      <c r="EI15" s="102">
        <v>2</v>
      </c>
      <c r="EJ15" s="102">
        <v>2</v>
      </c>
      <c r="EK15" s="102">
        <v>0</v>
      </c>
      <c r="EL15" s="102">
        <v>1</v>
      </c>
      <c r="EM15" s="102">
        <v>2</v>
      </c>
      <c r="EN15" s="103">
        <v>7</v>
      </c>
      <c r="EO15" s="104">
        <v>8</v>
      </c>
      <c r="EP15" s="101">
        <v>2</v>
      </c>
      <c r="EQ15" s="102">
        <v>1</v>
      </c>
      <c r="ER15" s="103">
        <v>3</v>
      </c>
      <c r="ES15" s="413">
        <v>0</v>
      </c>
      <c r="ET15" s="102">
        <v>3</v>
      </c>
      <c r="EU15" s="102">
        <v>3</v>
      </c>
      <c r="EV15" s="102">
        <v>1</v>
      </c>
      <c r="EW15" s="102">
        <v>1</v>
      </c>
      <c r="EX15" s="102">
        <v>0</v>
      </c>
      <c r="EY15" s="103">
        <v>8</v>
      </c>
      <c r="EZ15" s="104">
        <v>11</v>
      </c>
      <c r="FA15" s="101">
        <v>2</v>
      </c>
      <c r="FB15" s="102">
        <v>3</v>
      </c>
      <c r="FC15" s="103">
        <v>5</v>
      </c>
      <c r="FD15" s="413">
        <v>0</v>
      </c>
      <c r="FE15" s="102">
        <v>6</v>
      </c>
      <c r="FF15" s="102">
        <v>4</v>
      </c>
      <c r="FG15" s="102">
        <v>2</v>
      </c>
      <c r="FH15" s="102">
        <v>6</v>
      </c>
      <c r="FI15" s="102">
        <v>2</v>
      </c>
      <c r="FJ15" s="103">
        <v>20</v>
      </c>
      <c r="FK15" s="104">
        <v>25</v>
      </c>
      <c r="FL15" s="101">
        <v>3</v>
      </c>
      <c r="FM15" s="102">
        <v>4</v>
      </c>
      <c r="FN15" s="103">
        <v>7</v>
      </c>
      <c r="FO15" s="413">
        <v>0</v>
      </c>
      <c r="FP15" s="102">
        <v>5</v>
      </c>
      <c r="FQ15" s="102">
        <v>4</v>
      </c>
      <c r="FR15" s="102">
        <v>5</v>
      </c>
      <c r="FS15" s="102">
        <v>12</v>
      </c>
      <c r="FT15" s="102">
        <v>3</v>
      </c>
      <c r="FU15" s="103">
        <v>29</v>
      </c>
      <c r="FV15" s="104">
        <v>36</v>
      </c>
      <c r="FW15" s="101">
        <v>0</v>
      </c>
      <c r="FX15" s="102">
        <v>0</v>
      </c>
      <c r="FY15" s="103">
        <v>0</v>
      </c>
      <c r="FZ15" s="413">
        <v>0</v>
      </c>
      <c r="GA15" s="102">
        <v>0</v>
      </c>
      <c r="GB15" s="102">
        <v>0</v>
      </c>
      <c r="GC15" s="102">
        <v>0</v>
      </c>
      <c r="GD15" s="102">
        <v>0</v>
      </c>
      <c r="GE15" s="102">
        <v>0</v>
      </c>
      <c r="GF15" s="103">
        <v>0</v>
      </c>
      <c r="GG15" s="104">
        <v>0</v>
      </c>
      <c r="GH15" s="101">
        <v>9</v>
      </c>
      <c r="GI15" s="102">
        <v>8</v>
      </c>
      <c r="GJ15" s="103">
        <v>17</v>
      </c>
      <c r="GK15" s="413">
        <v>0</v>
      </c>
      <c r="GL15" s="102">
        <v>18</v>
      </c>
      <c r="GM15" s="102">
        <v>13</v>
      </c>
      <c r="GN15" s="102">
        <v>9</v>
      </c>
      <c r="GO15" s="102">
        <v>20</v>
      </c>
      <c r="GP15" s="102">
        <v>7</v>
      </c>
      <c r="GQ15" s="103">
        <v>67</v>
      </c>
      <c r="GR15" s="104">
        <v>84</v>
      </c>
      <c r="GS15" s="105">
        <v>91</v>
      </c>
      <c r="GT15" s="97">
        <v>67</v>
      </c>
      <c r="GU15" s="98">
        <v>158</v>
      </c>
      <c r="GV15" s="413">
        <v>0</v>
      </c>
      <c r="GW15" s="97">
        <v>159</v>
      </c>
      <c r="GX15" s="97">
        <v>95</v>
      </c>
      <c r="GY15" s="97">
        <v>76</v>
      </c>
      <c r="GZ15" s="97">
        <v>85</v>
      </c>
      <c r="HA15" s="97">
        <v>37</v>
      </c>
      <c r="HB15" s="99">
        <v>452</v>
      </c>
      <c r="HC15" s="100">
        <v>610</v>
      </c>
      <c r="HD15" s="101">
        <v>0</v>
      </c>
      <c r="HE15" s="102">
        <v>0</v>
      </c>
      <c r="HF15" s="103">
        <v>0</v>
      </c>
      <c r="HG15" s="413">
        <v>0</v>
      </c>
      <c r="HH15" s="102">
        <v>6</v>
      </c>
      <c r="HI15" s="102">
        <v>1</v>
      </c>
      <c r="HJ15" s="102">
        <v>2</v>
      </c>
      <c r="HK15" s="102">
        <v>1</v>
      </c>
      <c r="HL15" s="102">
        <v>0</v>
      </c>
      <c r="HM15" s="103">
        <v>10</v>
      </c>
      <c r="HN15" s="104">
        <v>10</v>
      </c>
      <c r="HO15" s="101">
        <v>4</v>
      </c>
      <c r="HP15" s="102">
        <v>2</v>
      </c>
      <c r="HQ15" s="103">
        <v>6</v>
      </c>
      <c r="HR15" s="413">
        <v>0</v>
      </c>
      <c r="HS15" s="102">
        <v>8</v>
      </c>
      <c r="HT15" s="102">
        <v>8</v>
      </c>
      <c r="HU15" s="102">
        <v>7</v>
      </c>
      <c r="HV15" s="102">
        <v>8</v>
      </c>
      <c r="HW15" s="102">
        <v>4</v>
      </c>
      <c r="HX15" s="103">
        <v>35</v>
      </c>
      <c r="HY15" s="104">
        <v>41</v>
      </c>
      <c r="HZ15" s="101">
        <v>6</v>
      </c>
      <c r="IA15" s="102">
        <v>5</v>
      </c>
      <c r="IB15" s="103">
        <v>11</v>
      </c>
      <c r="IC15" s="413">
        <v>0</v>
      </c>
      <c r="ID15" s="102">
        <v>12</v>
      </c>
      <c r="IE15" s="102">
        <v>10</v>
      </c>
      <c r="IF15" s="102">
        <v>8</v>
      </c>
      <c r="IG15" s="102">
        <v>3</v>
      </c>
      <c r="IH15" s="102">
        <v>2</v>
      </c>
      <c r="II15" s="103">
        <v>35</v>
      </c>
      <c r="IJ15" s="104">
        <v>46</v>
      </c>
      <c r="IK15" s="101">
        <v>17</v>
      </c>
      <c r="IL15" s="102">
        <v>10</v>
      </c>
      <c r="IM15" s="103">
        <v>27</v>
      </c>
      <c r="IN15" s="413">
        <v>0</v>
      </c>
      <c r="IO15" s="102">
        <v>28</v>
      </c>
      <c r="IP15" s="102">
        <v>15</v>
      </c>
      <c r="IQ15" s="102">
        <v>10</v>
      </c>
      <c r="IR15" s="102">
        <v>10</v>
      </c>
      <c r="IS15" s="102">
        <v>3</v>
      </c>
      <c r="IT15" s="103">
        <v>66</v>
      </c>
      <c r="IU15" s="104">
        <v>93</v>
      </c>
      <c r="IV15" s="101">
        <v>36</v>
      </c>
      <c r="IW15" s="102">
        <v>26</v>
      </c>
      <c r="IX15" s="103">
        <v>62</v>
      </c>
      <c r="IY15" s="413">
        <v>0</v>
      </c>
      <c r="IZ15" s="102">
        <v>44</v>
      </c>
      <c r="JA15" s="102">
        <v>21</v>
      </c>
      <c r="JB15" s="102">
        <v>18</v>
      </c>
      <c r="JC15" s="102">
        <v>29</v>
      </c>
      <c r="JD15" s="102">
        <v>13</v>
      </c>
      <c r="JE15" s="103">
        <v>125</v>
      </c>
      <c r="JF15" s="104">
        <v>187</v>
      </c>
      <c r="JG15" s="101">
        <v>28</v>
      </c>
      <c r="JH15" s="102">
        <v>24</v>
      </c>
      <c r="JI15" s="103">
        <v>52</v>
      </c>
      <c r="JJ15" s="413">
        <v>0</v>
      </c>
      <c r="JK15" s="102">
        <v>61</v>
      </c>
      <c r="JL15" s="102">
        <v>40</v>
      </c>
      <c r="JM15" s="102">
        <v>31</v>
      </c>
      <c r="JN15" s="102">
        <v>34</v>
      </c>
      <c r="JO15" s="102">
        <v>15</v>
      </c>
      <c r="JP15" s="103">
        <v>181</v>
      </c>
      <c r="JQ15" s="104">
        <v>233</v>
      </c>
      <c r="JR15" s="101">
        <v>0</v>
      </c>
      <c r="JS15" s="102">
        <v>0</v>
      </c>
      <c r="JT15" s="103">
        <v>0</v>
      </c>
      <c r="JU15" s="413">
        <v>0</v>
      </c>
      <c r="JV15" s="102">
        <v>0</v>
      </c>
      <c r="JW15" s="102">
        <v>0</v>
      </c>
      <c r="JX15" s="102">
        <v>0</v>
      </c>
      <c r="JY15" s="102">
        <v>0</v>
      </c>
      <c r="JZ15" s="102">
        <v>0</v>
      </c>
      <c r="KA15" s="103">
        <v>0</v>
      </c>
      <c r="KB15" s="104">
        <v>0</v>
      </c>
      <c r="KC15" s="101">
        <v>91</v>
      </c>
      <c r="KD15" s="102">
        <v>67</v>
      </c>
      <c r="KE15" s="103">
        <v>158</v>
      </c>
      <c r="KF15" s="413">
        <v>0</v>
      </c>
      <c r="KG15" s="102">
        <v>159</v>
      </c>
      <c r="KH15" s="102">
        <v>95</v>
      </c>
      <c r="KI15" s="102">
        <v>76</v>
      </c>
      <c r="KJ15" s="102">
        <v>85</v>
      </c>
      <c r="KK15" s="102">
        <v>37</v>
      </c>
      <c r="KL15" s="103">
        <v>452</v>
      </c>
      <c r="KM15" s="104">
        <v>610</v>
      </c>
    </row>
    <row r="16" spans="2:299" s="70" customFormat="1" ht="21" customHeight="1" x14ac:dyDescent="0.2">
      <c r="B16" s="106" t="s">
        <v>12</v>
      </c>
      <c r="C16" s="96">
        <v>156</v>
      </c>
      <c r="D16" s="97">
        <v>140</v>
      </c>
      <c r="E16" s="98">
        <v>296</v>
      </c>
      <c r="F16" s="413">
        <v>0</v>
      </c>
      <c r="G16" s="97">
        <v>154</v>
      </c>
      <c r="H16" s="97">
        <v>135</v>
      </c>
      <c r="I16" s="97">
        <v>93</v>
      </c>
      <c r="J16" s="97">
        <v>81</v>
      </c>
      <c r="K16" s="97">
        <v>37</v>
      </c>
      <c r="L16" s="99">
        <v>500</v>
      </c>
      <c r="M16" s="100">
        <v>796</v>
      </c>
      <c r="N16" s="107">
        <v>2</v>
      </c>
      <c r="O16" s="102">
        <v>2</v>
      </c>
      <c r="P16" s="103">
        <v>4</v>
      </c>
      <c r="Q16" s="413">
        <v>0</v>
      </c>
      <c r="R16" s="102">
        <v>2</v>
      </c>
      <c r="S16" s="102">
        <v>2</v>
      </c>
      <c r="T16" s="102">
        <v>1</v>
      </c>
      <c r="U16" s="102">
        <v>3</v>
      </c>
      <c r="V16" s="102">
        <v>0</v>
      </c>
      <c r="W16" s="103">
        <v>8</v>
      </c>
      <c r="X16" s="104">
        <v>12</v>
      </c>
      <c r="Y16" s="101">
        <v>9</v>
      </c>
      <c r="Z16" s="102">
        <v>8</v>
      </c>
      <c r="AA16" s="103">
        <v>17</v>
      </c>
      <c r="AB16" s="413">
        <v>0</v>
      </c>
      <c r="AC16" s="102">
        <v>3</v>
      </c>
      <c r="AD16" s="102">
        <v>5</v>
      </c>
      <c r="AE16" s="102">
        <v>5</v>
      </c>
      <c r="AF16" s="102">
        <v>3</v>
      </c>
      <c r="AG16" s="102">
        <v>2</v>
      </c>
      <c r="AH16" s="103">
        <v>18</v>
      </c>
      <c r="AI16" s="104">
        <v>35</v>
      </c>
      <c r="AJ16" s="107">
        <v>6</v>
      </c>
      <c r="AK16" s="102">
        <v>11</v>
      </c>
      <c r="AL16" s="103">
        <v>17</v>
      </c>
      <c r="AM16" s="413">
        <v>0</v>
      </c>
      <c r="AN16" s="102">
        <v>9</v>
      </c>
      <c r="AO16" s="102">
        <v>9</v>
      </c>
      <c r="AP16" s="102">
        <v>6</v>
      </c>
      <c r="AQ16" s="102">
        <v>6</v>
      </c>
      <c r="AR16" s="102">
        <v>4</v>
      </c>
      <c r="AS16" s="103">
        <v>34</v>
      </c>
      <c r="AT16" s="104">
        <v>51</v>
      </c>
      <c r="AU16" s="101">
        <v>34</v>
      </c>
      <c r="AV16" s="102">
        <v>24</v>
      </c>
      <c r="AW16" s="103">
        <v>58</v>
      </c>
      <c r="AX16" s="413">
        <v>0</v>
      </c>
      <c r="AY16" s="102">
        <v>24</v>
      </c>
      <c r="AZ16" s="102">
        <v>31</v>
      </c>
      <c r="BA16" s="102">
        <v>19</v>
      </c>
      <c r="BB16" s="102">
        <v>15</v>
      </c>
      <c r="BC16" s="102">
        <v>7</v>
      </c>
      <c r="BD16" s="103">
        <v>96</v>
      </c>
      <c r="BE16" s="104">
        <v>154</v>
      </c>
      <c r="BF16" s="107">
        <v>57</v>
      </c>
      <c r="BG16" s="102">
        <v>46</v>
      </c>
      <c r="BH16" s="103">
        <v>103</v>
      </c>
      <c r="BI16" s="413">
        <v>0</v>
      </c>
      <c r="BJ16" s="102">
        <v>58</v>
      </c>
      <c r="BK16" s="102">
        <v>36</v>
      </c>
      <c r="BL16" s="102">
        <v>25</v>
      </c>
      <c r="BM16" s="102">
        <v>17</v>
      </c>
      <c r="BN16" s="102">
        <v>13</v>
      </c>
      <c r="BO16" s="103">
        <v>149</v>
      </c>
      <c r="BP16" s="104">
        <v>252</v>
      </c>
      <c r="BQ16" s="101">
        <v>48</v>
      </c>
      <c r="BR16" s="102">
        <v>49</v>
      </c>
      <c r="BS16" s="103">
        <v>97</v>
      </c>
      <c r="BT16" s="413">
        <v>0</v>
      </c>
      <c r="BU16" s="102">
        <v>58</v>
      </c>
      <c r="BV16" s="102">
        <v>52</v>
      </c>
      <c r="BW16" s="102">
        <v>37</v>
      </c>
      <c r="BX16" s="102">
        <v>37</v>
      </c>
      <c r="BY16" s="102">
        <v>11</v>
      </c>
      <c r="BZ16" s="103">
        <v>195</v>
      </c>
      <c r="CA16" s="104">
        <v>292</v>
      </c>
      <c r="CB16" s="101">
        <v>0</v>
      </c>
      <c r="CC16" s="102">
        <v>0</v>
      </c>
      <c r="CD16" s="103">
        <v>0</v>
      </c>
      <c r="CE16" s="413">
        <v>0</v>
      </c>
      <c r="CF16" s="102">
        <v>0</v>
      </c>
      <c r="CG16" s="102">
        <v>0</v>
      </c>
      <c r="CH16" s="102">
        <v>0</v>
      </c>
      <c r="CI16" s="102">
        <v>0</v>
      </c>
      <c r="CJ16" s="102">
        <v>0</v>
      </c>
      <c r="CK16" s="103">
        <v>0</v>
      </c>
      <c r="CL16" s="104">
        <v>0</v>
      </c>
      <c r="CM16" s="101">
        <v>156</v>
      </c>
      <c r="CN16" s="102">
        <v>140</v>
      </c>
      <c r="CO16" s="103">
        <v>296</v>
      </c>
      <c r="CP16" s="413">
        <v>0</v>
      </c>
      <c r="CQ16" s="102">
        <v>154</v>
      </c>
      <c r="CR16" s="102">
        <v>135</v>
      </c>
      <c r="CS16" s="102">
        <v>93</v>
      </c>
      <c r="CT16" s="102">
        <v>81</v>
      </c>
      <c r="CU16" s="102">
        <v>37</v>
      </c>
      <c r="CV16" s="103">
        <v>500</v>
      </c>
      <c r="CW16" s="104">
        <v>796</v>
      </c>
      <c r="CX16" s="105">
        <v>19</v>
      </c>
      <c r="CY16" s="97">
        <v>19</v>
      </c>
      <c r="CZ16" s="98">
        <v>38</v>
      </c>
      <c r="DA16" s="413">
        <v>0</v>
      </c>
      <c r="DB16" s="97">
        <v>16</v>
      </c>
      <c r="DC16" s="97">
        <v>15</v>
      </c>
      <c r="DD16" s="97">
        <v>13</v>
      </c>
      <c r="DE16" s="97">
        <v>11</v>
      </c>
      <c r="DF16" s="97">
        <v>7</v>
      </c>
      <c r="DG16" s="99">
        <v>62</v>
      </c>
      <c r="DH16" s="100">
        <v>100</v>
      </c>
      <c r="DI16" s="107">
        <v>2</v>
      </c>
      <c r="DJ16" s="102">
        <v>2</v>
      </c>
      <c r="DK16" s="103">
        <v>4</v>
      </c>
      <c r="DL16" s="413">
        <v>0</v>
      </c>
      <c r="DM16" s="102">
        <v>0</v>
      </c>
      <c r="DN16" s="102">
        <v>0</v>
      </c>
      <c r="DO16" s="102">
        <v>0</v>
      </c>
      <c r="DP16" s="102">
        <v>0</v>
      </c>
      <c r="DQ16" s="102">
        <v>0</v>
      </c>
      <c r="DR16" s="103">
        <v>0</v>
      </c>
      <c r="DS16" s="104">
        <v>4</v>
      </c>
      <c r="DT16" s="101">
        <v>1</v>
      </c>
      <c r="DU16" s="102">
        <v>1</v>
      </c>
      <c r="DV16" s="103">
        <v>2</v>
      </c>
      <c r="DW16" s="413">
        <v>0</v>
      </c>
      <c r="DX16" s="102">
        <v>0</v>
      </c>
      <c r="DY16" s="102">
        <v>0</v>
      </c>
      <c r="DZ16" s="102">
        <v>0</v>
      </c>
      <c r="EA16" s="102">
        <v>0</v>
      </c>
      <c r="EB16" s="102">
        <v>0</v>
      </c>
      <c r="EC16" s="103">
        <v>0</v>
      </c>
      <c r="ED16" s="104">
        <v>2</v>
      </c>
      <c r="EE16" s="107">
        <v>0</v>
      </c>
      <c r="EF16" s="102">
        <v>3</v>
      </c>
      <c r="EG16" s="103">
        <v>3</v>
      </c>
      <c r="EH16" s="413">
        <v>0</v>
      </c>
      <c r="EI16" s="102">
        <v>0</v>
      </c>
      <c r="EJ16" s="102">
        <v>2</v>
      </c>
      <c r="EK16" s="102">
        <v>1</v>
      </c>
      <c r="EL16" s="102">
        <v>1</v>
      </c>
      <c r="EM16" s="102">
        <v>0</v>
      </c>
      <c r="EN16" s="103">
        <v>4</v>
      </c>
      <c r="EO16" s="104">
        <v>7</v>
      </c>
      <c r="EP16" s="101">
        <v>5</v>
      </c>
      <c r="EQ16" s="102">
        <v>3</v>
      </c>
      <c r="ER16" s="103">
        <v>8</v>
      </c>
      <c r="ES16" s="413">
        <v>0</v>
      </c>
      <c r="ET16" s="102">
        <v>3</v>
      </c>
      <c r="EU16" s="102">
        <v>2</v>
      </c>
      <c r="EV16" s="102">
        <v>1</v>
      </c>
      <c r="EW16" s="102">
        <v>0</v>
      </c>
      <c r="EX16" s="102">
        <v>0</v>
      </c>
      <c r="EY16" s="103">
        <v>6</v>
      </c>
      <c r="EZ16" s="104">
        <v>14</v>
      </c>
      <c r="FA16" s="107">
        <v>5</v>
      </c>
      <c r="FB16" s="102">
        <v>6</v>
      </c>
      <c r="FC16" s="103">
        <v>11</v>
      </c>
      <c r="FD16" s="413">
        <v>0</v>
      </c>
      <c r="FE16" s="102">
        <v>5</v>
      </c>
      <c r="FF16" s="102">
        <v>3</v>
      </c>
      <c r="FG16" s="102">
        <v>3</v>
      </c>
      <c r="FH16" s="102">
        <v>3</v>
      </c>
      <c r="FI16" s="102">
        <v>2</v>
      </c>
      <c r="FJ16" s="103">
        <v>16</v>
      </c>
      <c r="FK16" s="104">
        <v>27</v>
      </c>
      <c r="FL16" s="101">
        <v>6</v>
      </c>
      <c r="FM16" s="102">
        <v>4</v>
      </c>
      <c r="FN16" s="103">
        <v>10</v>
      </c>
      <c r="FO16" s="413">
        <v>0</v>
      </c>
      <c r="FP16" s="102">
        <v>8</v>
      </c>
      <c r="FQ16" s="102">
        <v>8</v>
      </c>
      <c r="FR16" s="102">
        <v>8</v>
      </c>
      <c r="FS16" s="102">
        <v>7</v>
      </c>
      <c r="FT16" s="102">
        <v>5</v>
      </c>
      <c r="FU16" s="103">
        <v>36</v>
      </c>
      <c r="FV16" s="104">
        <v>46</v>
      </c>
      <c r="FW16" s="101">
        <v>0</v>
      </c>
      <c r="FX16" s="102">
        <v>0</v>
      </c>
      <c r="FY16" s="103">
        <v>0</v>
      </c>
      <c r="FZ16" s="413">
        <v>0</v>
      </c>
      <c r="GA16" s="102">
        <v>0</v>
      </c>
      <c r="GB16" s="102">
        <v>0</v>
      </c>
      <c r="GC16" s="102">
        <v>0</v>
      </c>
      <c r="GD16" s="102">
        <v>0</v>
      </c>
      <c r="GE16" s="102">
        <v>0</v>
      </c>
      <c r="GF16" s="103">
        <v>0</v>
      </c>
      <c r="GG16" s="104">
        <v>0</v>
      </c>
      <c r="GH16" s="101">
        <v>19</v>
      </c>
      <c r="GI16" s="102">
        <v>19</v>
      </c>
      <c r="GJ16" s="103">
        <v>38</v>
      </c>
      <c r="GK16" s="413">
        <v>0</v>
      </c>
      <c r="GL16" s="102">
        <v>16</v>
      </c>
      <c r="GM16" s="102">
        <v>15</v>
      </c>
      <c r="GN16" s="102">
        <v>13</v>
      </c>
      <c r="GO16" s="102">
        <v>11</v>
      </c>
      <c r="GP16" s="102">
        <v>7</v>
      </c>
      <c r="GQ16" s="103">
        <v>62</v>
      </c>
      <c r="GR16" s="104">
        <v>100</v>
      </c>
      <c r="GS16" s="105">
        <v>175</v>
      </c>
      <c r="GT16" s="97">
        <v>159</v>
      </c>
      <c r="GU16" s="98">
        <v>334</v>
      </c>
      <c r="GV16" s="413">
        <v>0</v>
      </c>
      <c r="GW16" s="97">
        <v>170</v>
      </c>
      <c r="GX16" s="97">
        <v>150</v>
      </c>
      <c r="GY16" s="97">
        <v>106</v>
      </c>
      <c r="GZ16" s="97">
        <v>92</v>
      </c>
      <c r="HA16" s="97">
        <v>44</v>
      </c>
      <c r="HB16" s="99">
        <v>562</v>
      </c>
      <c r="HC16" s="100">
        <v>896</v>
      </c>
      <c r="HD16" s="107">
        <v>4</v>
      </c>
      <c r="HE16" s="102">
        <v>4</v>
      </c>
      <c r="HF16" s="103">
        <v>8</v>
      </c>
      <c r="HG16" s="413">
        <v>0</v>
      </c>
      <c r="HH16" s="102">
        <v>2</v>
      </c>
      <c r="HI16" s="102">
        <v>2</v>
      </c>
      <c r="HJ16" s="102">
        <v>1</v>
      </c>
      <c r="HK16" s="102">
        <v>3</v>
      </c>
      <c r="HL16" s="102">
        <v>0</v>
      </c>
      <c r="HM16" s="103">
        <v>8</v>
      </c>
      <c r="HN16" s="104">
        <v>16</v>
      </c>
      <c r="HO16" s="101">
        <v>10</v>
      </c>
      <c r="HP16" s="102">
        <v>9</v>
      </c>
      <c r="HQ16" s="103">
        <v>19</v>
      </c>
      <c r="HR16" s="413">
        <v>0</v>
      </c>
      <c r="HS16" s="102">
        <v>3</v>
      </c>
      <c r="HT16" s="102">
        <v>5</v>
      </c>
      <c r="HU16" s="102">
        <v>5</v>
      </c>
      <c r="HV16" s="102">
        <v>3</v>
      </c>
      <c r="HW16" s="102">
        <v>2</v>
      </c>
      <c r="HX16" s="103">
        <v>18</v>
      </c>
      <c r="HY16" s="104">
        <v>37</v>
      </c>
      <c r="HZ16" s="107">
        <v>6</v>
      </c>
      <c r="IA16" s="102">
        <v>14</v>
      </c>
      <c r="IB16" s="103">
        <v>20</v>
      </c>
      <c r="IC16" s="413">
        <v>0</v>
      </c>
      <c r="ID16" s="102">
        <v>9</v>
      </c>
      <c r="IE16" s="102">
        <v>11</v>
      </c>
      <c r="IF16" s="102">
        <v>7</v>
      </c>
      <c r="IG16" s="102">
        <v>7</v>
      </c>
      <c r="IH16" s="102">
        <v>4</v>
      </c>
      <c r="II16" s="103">
        <v>38</v>
      </c>
      <c r="IJ16" s="104">
        <v>58</v>
      </c>
      <c r="IK16" s="101">
        <v>39</v>
      </c>
      <c r="IL16" s="102">
        <v>27</v>
      </c>
      <c r="IM16" s="103">
        <v>66</v>
      </c>
      <c r="IN16" s="413">
        <v>0</v>
      </c>
      <c r="IO16" s="102">
        <v>27</v>
      </c>
      <c r="IP16" s="102">
        <v>33</v>
      </c>
      <c r="IQ16" s="102">
        <v>20</v>
      </c>
      <c r="IR16" s="102">
        <v>15</v>
      </c>
      <c r="IS16" s="102">
        <v>7</v>
      </c>
      <c r="IT16" s="103">
        <v>102</v>
      </c>
      <c r="IU16" s="104">
        <v>168</v>
      </c>
      <c r="IV16" s="107">
        <v>62</v>
      </c>
      <c r="IW16" s="102">
        <v>52</v>
      </c>
      <c r="IX16" s="103">
        <v>114</v>
      </c>
      <c r="IY16" s="413">
        <v>0</v>
      </c>
      <c r="IZ16" s="102">
        <v>63</v>
      </c>
      <c r="JA16" s="102">
        <v>39</v>
      </c>
      <c r="JB16" s="102">
        <v>28</v>
      </c>
      <c r="JC16" s="102">
        <v>20</v>
      </c>
      <c r="JD16" s="102">
        <v>15</v>
      </c>
      <c r="JE16" s="103">
        <v>165</v>
      </c>
      <c r="JF16" s="104">
        <v>279</v>
      </c>
      <c r="JG16" s="101">
        <v>54</v>
      </c>
      <c r="JH16" s="102">
        <v>53</v>
      </c>
      <c r="JI16" s="103">
        <v>107</v>
      </c>
      <c r="JJ16" s="413">
        <v>0</v>
      </c>
      <c r="JK16" s="102">
        <v>66</v>
      </c>
      <c r="JL16" s="102">
        <v>60</v>
      </c>
      <c r="JM16" s="102">
        <v>45</v>
      </c>
      <c r="JN16" s="102">
        <v>44</v>
      </c>
      <c r="JO16" s="102">
        <v>16</v>
      </c>
      <c r="JP16" s="103">
        <v>231</v>
      </c>
      <c r="JQ16" s="104">
        <v>338</v>
      </c>
      <c r="JR16" s="101">
        <v>0</v>
      </c>
      <c r="JS16" s="102">
        <v>0</v>
      </c>
      <c r="JT16" s="103">
        <v>0</v>
      </c>
      <c r="JU16" s="413">
        <v>0</v>
      </c>
      <c r="JV16" s="102">
        <v>0</v>
      </c>
      <c r="JW16" s="102">
        <v>0</v>
      </c>
      <c r="JX16" s="102">
        <v>0</v>
      </c>
      <c r="JY16" s="102">
        <v>0</v>
      </c>
      <c r="JZ16" s="102">
        <v>0</v>
      </c>
      <c r="KA16" s="103">
        <v>0</v>
      </c>
      <c r="KB16" s="104">
        <v>0</v>
      </c>
      <c r="KC16" s="101">
        <v>175</v>
      </c>
      <c r="KD16" s="102">
        <v>159</v>
      </c>
      <c r="KE16" s="103">
        <v>334</v>
      </c>
      <c r="KF16" s="413">
        <v>0</v>
      </c>
      <c r="KG16" s="102">
        <v>170</v>
      </c>
      <c r="KH16" s="102">
        <v>150</v>
      </c>
      <c r="KI16" s="102">
        <v>106</v>
      </c>
      <c r="KJ16" s="102">
        <v>92</v>
      </c>
      <c r="KK16" s="102">
        <v>44</v>
      </c>
      <c r="KL16" s="103">
        <v>562</v>
      </c>
      <c r="KM16" s="104">
        <v>896</v>
      </c>
    </row>
    <row r="17" spans="2:299" s="70" customFormat="1" ht="21" customHeight="1" x14ac:dyDescent="0.2">
      <c r="B17" s="106" t="s">
        <v>13</v>
      </c>
      <c r="C17" s="96">
        <v>40</v>
      </c>
      <c r="D17" s="97">
        <v>38</v>
      </c>
      <c r="E17" s="98">
        <v>78</v>
      </c>
      <c r="F17" s="413">
        <v>0</v>
      </c>
      <c r="G17" s="97">
        <v>75</v>
      </c>
      <c r="H17" s="97">
        <v>68</v>
      </c>
      <c r="I17" s="97">
        <v>63</v>
      </c>
      <c r="J17" s="97">
        <v>29</v>
      </c>
      <c r="K17" s="97">
        <v>24</v>
      </c>
      <c r="L17" s="99">
        <v>259</v>
      </c>
      <c r="M17" s="100">
        <v>337</v>
      </c>
      <c r="N17" s="101">
        <v>1</v>
      </c>
      <c r="O17" s="102">
        <v>0</v>
      </c>
      <c r="P17" s="103">
        <v>1</v>
      </c>
      <c r="Q17" s="413">
        <v>0</v>
      </c>
      <c r="R17" s="102">
        <v>1</v>
      </c>
      <c r="S17" s="102">
        <v>0</v>
      </c>
      <c r="T17" s="102">
        <v>0</v>
      </c>
      <c r="U17" s="102">
        <v>0</v>
      </c>
      <c r="V17" s="102">
        <v>0</v>
      </c>
      <c r="W17" s="103">
        <v>1</v>
      </c>
      <c r="X17" s="104">
        <v>2</v>
      </c>
      <c r="Y17" s="101">
        <v>1</v>
      </c>
      <c r="Z17" s="102">
        <v>2</v>
      </c>
      <c r="AA17" s="103">
        <v>3</v>
      </c>
      <c r="AB17" s="413">
        <v>0</v>
      </c>
      <c r="AC17" s="102">
        <v>2</v>
      </c>
      <c r="AD17" s="102">
        <v>0</v>
      </c>
      <c r="AE17" s="102">
        <v>4</v>
      </c>
      <c r="AF17" s="102">
        <v>1</v>
      </c>
      <c r="AG17" s="102">
        <v>1</v>
      </c>
      <c r="AH17" s="103">
        <v>8</v>
      </c>
      <c r="AI17" s="104">
        <v>11</v>
      </c>
      <c r="AJ17" s="101">
        <v>1</v>
      </c>
      <c r="AK17" s="102">
        <v>1</v>
      </c>
      <c r="AL17" s="103">
        <v>2</v>
      </c>
      <c r="AM17" s="413">
        <v>0</v>
      </c>
      <c r="AN17" s="102">
        <v>4</v>
      </c>
      <c r="AO17" s="102">
        <v>4</v>
      </c>
      <c r="AP17" s="102">
        <v>5</v>
      </c>
      <c r="AQ17" s="102">
        <v>0</v>
      </c>
      <c r="AR17" s="102">
        <v>1</v>
      </c>
      <c r="AS17" s="103">
        <v>14</v>
      </c>
      <c r="AT17" s="104">
        <v>16</v>
      </c>
      <c r="AU17" s="101">
        <v>6</v>
      </c>
      <c r="AV17" s="102">
        <v>6</v>
      </c>
      <c r="AW17" s="103">
        <v>12</v>
      </c>
      <c r="AX17" s="413">
        <v>0</v>
      </c>
      <c r="AY17" s="102">
        <v>17</v>
      </c>
      <c r="AZ17" s="102">
        <v>8</v>
      </c>
      <c r="BA17" s="102">
        <v>10</v>
      </c>
      <c r="BB17" s="102">
        <v>7</v>
      </c>
      <c r="BC17" s="102">
        <v>5</v>
      </c>
      <c r="BD17" s="103">
        <v>47</v>
      </c>
      <c r="BE17" s="104">
        <v>59</v>
      </c>
      <c r="BF17" s="101">
        <v>19</v>
      </c>
      <c r="BG17" s="102">
        <v>15</v>
      </c>
      <c r="BH17" s="103">
        <v>34</v>
      </c>
      <c r="BI17" s="413">
        <v>0</v>
      </c>
      <c r="BJ17" s="102">
        <v>24</v>
      </c>
      <c r="BK17" s="102">
        <v>25</v>
      </c>
      <c r="BL17" s="102">
        <v>19</v>
      </c>
      <c r="BM17" s="102">
        <v>10</v>
      </c>
      <c r="BN17" s="102">
        <v>5</v>
      </c>
      <c r="BO17" s="103">
        <v>83</v>
      </c>
      <c r="BP17" s="104">
        <v>117</v>
      </c>
      <c r="BQ17" s="101">
        <v>12</v>
      </c>
      <c r="BR17" s="102">
        <v>14</v>
      </c>
      <c r="BS17" s="103">
        <v>26</v>
      </c>
      <c r="BT17" s="413">
        <v>0</v>
      </c>
      <c r="BU17" s="102">
        <v>27</v>
      </c>
      <c r="BV17" s="102">
        <v>31</v>
      </c>
      <c r="BW17" s="102">
        <v>25</v>
      </c>
      <c r="BX17" s="102">
        <v>11</v>
      </c>
      <c r="BY17" s="102">
        <v>12</v>
      </c>
      <c r="BZ17" s="103">
        <v>106</v>
      </c>
      <c r="CA17" s="104">
        <v>132</v>
      </c>
      <c r="CB17" s="101">
        <v>0</v>
      </c>
      <c r="CC17" s="102">
        <v>0</v>
      </c>
      <c r="CD17" s="103">
        <v>0</v>
      </c>
      <c r="CE17" s="413">
        <v>0</v>
      </c>
      <c r="CF17" s="102">
        <v>0</v>
      </c>
      <c r="CG17" s="102">
        <v>0</v>
      </c>
      <c r="CH17" s="102">
        <v>0</v>
      </c>
      <c r="CI17" s="102">
        <v>0</v>
      </c>
      <c r="CJ17" s="102">
        <v>0</v>
      </c>
      <c r="CK17" s="103">
        <v>0</v>
      </c>
      <c r="CL17" s="104">
        <v>0</v>
      </c>
      <c r="CM17" s="101">
        <v>40</v>
      </c>
      <c r="CN17" s="102">
        <v>38</v>
      </c>
      <c r="CO17" s="103">
        <v>78</v>
      </c>
      <c r="CP17" s="413">
        <v>0</v>
      </c>
      <c r="CQ17" s="102">
        <v>75</v>
      </c>
      <c r="CR17" s="102">
        <v>68</v>
      </c>
      <c r="CS17" s="102">
        <v>63</v>
      </c>
      <c r="CT17" s="102">
        <v>29</v>
      </c>
      <c r="CU17" s="102">
        <v>24</v>
      </c>
      <c r="CV17" s="103">
        <v>259</v>
      </c>
      <c r="CW17" s="104">
        <v>337</v>
      </c>
      <c r="CX17" s="105">
        <v>8</v>
      </c>
      <c r="CY17" s="97">
        <v>5</v>
      </c>
      <c r="CZ17" s="98">
        <v>13</v>
      </c>
      <c r="DA17" s="413">
        <v>0</v>
      </c>
      <c r="DB17" s="97">
        <v>13</v>
      </c>
      <c r="DC17" s="97">
        <v>9</v>
      </c>
      <c r="DD17" s="97">
        <v>4</v>
      </c>
      <c r="DE17" s="97">
        <v>7</v>
      </c>
      <c r="DF17" s="97">
        <v>2</v>
      </c>
      <c r="DG17" s="99">
        <v>35</v>
      </c>
      <c r="DH17" s="100">
        <v>48</v>
      </c>
      <c r="DI17" s="101">
        <v>0</v>
      </c>
      <c r="DJ17" s="102">
        <v>0</v>
      </c>
      <c r="DK17" s="103">
        <v>0</v>
      </c>
      <c r="DL17" s="413">
        <v>0</v>
      </c>
      <c r="DM17" s="102">
        <v>0</v>
      </c>
      <c r="DN17" s="102">
        <v>0</v>
      </c>
      <c r="DO17" s="102">
        <v>0</v>
      </c>
      <c r="DP17" s="102">
        <v>0</v>
      </c>
      <c r="DQ17" s="102">
        <v>0</v>
      </c>
      <c r="DR17" s="103">
        <v>0</v>
      </c>
      <c r="DS17" s="104">
        <v>0</v>
      </c>
      <c r="DT17" s="101">
        <v>0</v>
      </c>
      <c r="DU17" s="102">
        <v>0</v>
      </c>
      <c r="DV17" s="103">
        <v>0</v>
      </c>
      <c r="DW17" s="413">
        <v>0</v>
      </c>
      <c r="DX17" s="102">
        <v>0</v>
      </c>
      <c r="DY17" s="102">
        <v>0</v>
      </c>
      <c r="DZ17" s="102">
        <v>1</v>
      </c>
      <c r="EA17" s="102">
        <v>0</v>
      </c>
      <c r="EB17" s="102">
        <v>0</v>
      </c>
      <c r="EC17" s="103">
        <v>1</v>
      </c>
      <c r="ED17" s="104">
        <v>1</v>
      </c>
      <c r="EE17" s="101">
        <v>1</v>
      </c>
      <c r="EF17" s="102">
        <v>1</v>
      </c>
      <c r="EG17" s="103">
        <v>2</v>
      </c>
      <c r="EH17" s="413">
        <v>0</v>
      </c>
      <c r="EI17" s="102">
        <v>4</v>
      </c>
      <c r="EJ17" s="102">
        <v>0</v>
      </c>
      <c r="EK17" s="102">
        <v>0</v>
      </c>
      <c r="EL17" s="102">
        <v>0</v>
      </c>
      <c r="EM17" s="102">
        <v>0</v>
      </c>
      <c r="EN17" s="103">
        <v>4</v>
      </c>
      <c r="EO17" s="104">
        <v>6</v>
      </c>
      <c r="EP17" s="101">
        <v>3</v>
      </c>
      <c r="EQ17" s="102">
        <v>1</v>
      </c>
      <c r="ER17" s="103">
        <v>4</v>
      </c>
      <c r="ES17" s="413">
        <v>0</v>
      </c>
      <c r="ET17" s="102">
        <v>3</v>
      </c>
      <c r="EU17" s="102">
        <v>2</v>
      </c>
      <c r="EV17" s="102">
        <v>1</v>
      </c>
      <c r="EW17" s="102">
        <v>1</v>
      </c>
      <c r="EX17" s="102">
        <v>0</v>
      </c>
      <c r="EY17" s="103">
        <v>7</v>
      </c>
      <c r="EZ17" s="104">
        <v>11</v>
      </c>
      <c r="FA17" s="101">
        <v>1</v>
      </c>
      <c r="FB17" s="102">
        <v>3</v>
      </c>
      <c r="FC17" s="103">
        <v>4</v>
      </c>
      <c r="FD17" s="413">
        <v>0</v>
      </c>
      <c r="FE17" s="102">
        <v>2</v>
      </c>
      <c r="FF17" s="102">
        <v>3</v>
      </c>
      <c r="FG17" s="102">
        <v>1</v>
      </c>
      <c r="FH17" s="102">
        <v>2</v>
      </c>
      <c r="FI17" s="102">
        <v>0</v>
      </c>
      <c r="FJ17" s="103">
        <v>8</v>
      </c>
      <c r="FK17" s="104">
        <v>12</v>
      </c>
      <c r="FL17" s="101">
        <v>3</v>
      </c>
      <c r="FM17" s="102">
        <v>0</v>
      </c>
      <c r="FN17" s="103">
        <v>3</v>
      </c>
      <c r="FO17" s="413">
        <v>0</v>
      </c>
      <c r="FP17" s="102">
        <v>4</v>
      </c>
      <c r="FQ17" s="102">
        <v>4</v>
      </c>
      <c r="FR17" s="102">
        <v>1</v>
      </c>
      <c r="FS17" s="102">
        <v>4</v>
      </c>
      <c r="FT17" s="102">
        <v>2</v>
      </c>
      <c r="FU17" s="103">
        <v>15</v>
      </c>
      <c r="FV17" s="104">
        <v>18</v>
      </c>
      <c r="FW17" s="101">
        <v>0</v>
      </c>
      <c r="FX17" s="102">
        <v>0</v>
      </c>
      <c r="FY17" s="103">
        <v>0</v>
      </c>
      <c r="FZ17" s="413">
        <v>0</v>
      </c>
      <c r="GA17" s="102">
        <v>0</v>
      </c>
      <c r="GB17" s="102">
        <v>0</v>
      </c>
      <c r="GC17" s="102">
        <v>0</v>
      </c>
      <c r="GD17" s="102">
        <v>0</v>
      </c>
      <c r="GE17" s="102">
        <v>0</v>
      </c>
      <c r="GF17" s="103">
        <v>0</v>
      </c>
      <c r="GG17" s="104">
        <v>0</v>
      </c>
      <c r="GH17" s="101">
        <v>8</v>
      </c>
      <c r="GI17" s="102">
        <v>5</v>
      </c>
      <c r="GJ17" s="103">
        <v>13</v>
      </c>
      <c r="GK17" s="413">
        <v>0</v>
      </c>
      <c r="GL17" s="102">
        <v>13</v>
      </c>
      <c r="GM17" s="102">
        <v>9</v>
      </c>
      <c r="GN17" s="102">
        <v>4</v>
      </c>
      <c r="GO17" s="102">
        <v>7</v>
      </c>
      <c r="GP17" s="102">
        <v>2</v>
      </c>
      <c r="GQ17" s="103">
        <v>35</v>
      </c>
      <c r="GR17" s="104">
        <v>48</v>
      </c>
      <c r="GS17" s="105">
        <v>48</v>
      </c>
      <c r="GT17" s="97">
        <v>43</v>
      </c>
      <c r="GU17" s="98">
        <v>91</v>
      </c>
      <c r="GV17" s="413">
        <v>0</v>
      </c>
      <c r="GW17" s="97">
        <v>88</v>
      </c>
      <c r="GX17" s="97">
        <v>77</v>
      </c>
      <c r="GY17" s="97">
        <v>67</v>
      </c>
      <c r="GZ17" s="97">
        <v>36</v>
      </c>
      <c r="HA17" s="97">
        <v>26</v>
      </c>
      <c r="HB17" s="99">
        <v>294</v>
      </c>
      <c r="HC17" s="100">
        <v>385</v>
      </c>
      <c r="HD17" s="101">
        <v>1</v>
      </c>
      <c r="HE17" s="102">
        <v>0</v>
      </c>
      <c r="HF17" s="103">
        <v>1</v>
      </c>
      <c r="HG17" s="413">
        <v>0</v>
      </c>
      <c r="HH17" s="102">
        <v>1</v>
      </c>
      <c r="HI17" s="102">
        <v>0</v>
      </c>
      <c r="HJ17" s="102">
        <v>0</v>
      </c>
      <c r="HK17" s="102">
        <v>0</v>
      </c>
      <c r="HL17" s="102">
        <v>0</v>
      </c>
      <c r="HM17" s="103">
        <v>1</v>
      </c>
      <c r="HN17" s="104">
        <v>2</v>
      </c>
      <c r="HO17" s="101">
        <v>1</v>
      </c>
      <c r="HP17" s="102">
        <v>2</v>
      </c>
      <c r="HQ17" s="103">
        <v>3</v>
      </c>
      <c r="HR17" s="413">
        <v>0</v>
      </c>
      <c r="HS17" s="102">
        <v>2</v>
      </c>
      <c r="HT17" s="102">
        <v>0</v>
      </c>
      <c r="HU17" s="102">
        <v>5</v>
      </c>
      <c r="HV17" s="102">
        <v>1</v>
      </c>
      <c r="HW17" s="102">
        <v>1</v>
      </c>
      <c r="HX17" s="103">
        <v>9</v>
      </c>
      <c r="HY17" s="104">
        <v>12</v>
      </c>
      <c r="HZ17" s="101">
        <v>2</v>
      </c>
      <c r="IA17" s="102">
        <v>2</v>
      </c>
      <c r="IB17" s="103">
        <v>4</v>
      </c>
      <c r="IC17" s="413">
        <v>0</v>
      </c>
      <c r="ID17" s="102">
        <v>8</v>
      </c>
      <c r="IE17" s="102">
        <v>4</v>
      </c>
      <c r="IF17" s="102">
        <v>5</v>
      </c>
      <c r="IG17" s="102">
        <v>0</v>
      </c>
      <c r="IH17" s="102">
        <v>1</v>
      </c>
      <c r="II17" s="103">
        <v>18</v>
      </c>
      <c r="IJ17" s="104">
        <v>22</v>
      </c>
      <c r="IK17" s="101">
        <v>9</v>
      </c>
      <c r="IL17" s="102">
        <v>7</v>
      </c>
      <c r="IM17" s="103">
        <v>16</v>
      </c>
      <c r="IN17" s="413">
        <v>0</v>
      </c>
      <c r="IO17" s="102">
        <v>20</v>
      </c>
      <c r="IP17" s="102">
        <v>10</v>
      </c>
      <c r="IQ17" s="102">
        <v>11</v>
      </c>
      <c r="IR17" s="102">
        <v>8</v>
      </c>
      <c r="IS17" s="102">
        <v>5</v>
      </c>
      <c r="IT17" s="103">
        <v>54</v>
      </c>
      <c r="IU17" s="104">
        <v>70</v>
      </c>
      <c r="IV17" s="101">
        <v>20</v>
      </c>
      <c r="IW17" s="102">
        <v>18</v>
      </c>
      <c r="IX17" s="103">
        <v>38</v>
      </c>
      <c r="IY17" s="413">
        <v>0</v>
      </c>
      <c r="IZ17" s="102">
        <v>26</v>
      </c>
      <c r="JA17" s="102">
        <v>28</v>
      </c>
      <c r="JB17" s="102">
        <v>20</v>
      </c>
      <c r="JC17" s="102">
        <v>12</v>
      </c>
      <c r="JD17" s="102">
        <v>5</v>
      </c>
      <c r="JE17" s="103">
        <v>91</v>
      </c>
      <c r="JF17" s="104">
        <v>129</v>
      </c>
      <c r="JG17" s="101">
        <v>15</v>
      </c>
      <c r="JH17" s="102">
        <v>14</v>
      </c>
      <c r="JI17" s="103">
        <v>29</v>
      </c>
      <c r="JJ17" s="413">
        <v>0</v>
      </c>
      <c r="JK17" s="102">
        <v>31</v>
      </c>
      <c r="JL17" s="102">
        <v>35</v>
      </c>
      <c r="JM17" s="102">
        <v>26</v>
      </c>
      <c r="JN17" s="102">
        <v>15</v>
      </c>
      <c r="JO17" s="102">
        <v>14</v>
      </c>
      <c r="JP17" s="103">
        <v>121</v>
      </c>
      <c r="JQ17" s="104">
        <v>150</v>
      </c>
      <c r="JR17" s="101">
        <v>0</v>
      </c>
      <c r="JS17" s="102">
        <v>0</v>
      </c>
      <c r="JT17" s="103">
        <v>0</v>
      </c>
      <c r="JU17" s="413">
        <v>0</v>
      </c>
      <c r="JV17" s="102">
        <v>0</v>
      </c>
      <c r="JW17" s="102">
        <v>0</v>
      </c>
      <c r="JX17" s="102">
        <v>0</v>
      </c>
      <c r="JY17" s="102">
        <v>0</v>
      </c>
      <c r="JZ17" s="102">
        <v>0</v>
      </c>
      <c r="KA17" s="103">
        <v>0</v>
      </c>
      <c r="KB17" s="104">
        <v>0</v>
      </c>
      <c r="KC17" s="101">
        <v>48</v>
      </c>
      <c r="KD17" s="102">
        <v>43</v>
      </c>
      <c r="KE17" s="103">
        <v>91</v>
      </c>
      <c r="KF17" s="413">
        <v>0</v>
      </c>
      <c r="KG17" s="102">
        <v>88</v>
      </c>
      <c r="KH17" s="102">
        <v>77</v>
      </c>
      <c r="KI17" s="102">
        <v>67</v>
      </c>
      <c r="KJ17" s="102">
        <v>36</v>
      </c>
      <c r="KK17" s="102">
        <v>26</v>
      </c>
      <c r="KL17" s="103">
        <v>294</v>
      </c>
      <c r="KM17" s="104">
        <v>385</v>
      </c>
    </row>
    <row r="18" spans="2:299" s="70" customFormat="1" ht="21" customHeight="1" x14ac:dyDescent="0.2">
      <c r="B18" s="106" t="s">
        <v>15</v>
      </c>
      <c r="C18" s="96">
        <v>20</v>
      </c>
      <c r="D18" s="97">
        <v>27</v>
      </c>
      <c r="E18" s="98">
        <v>47</v>
      </c>
      <c r="F18" s="413">
        <v>0</v>
      </c>
      <c r="G18" s="97">
        <v>35</v>
      </c>
      <c r="H18" s="97">
        <v>25</v>
      </c>
      <c r="I18" s="97">
        <v>23</v>
      </c>
      <c r="J18" s="97">
        <v>28</v>
      </c>
      <c r="K18" s="97">
        <v>7</v>
      </c>
      <c r="L18" s="99">
        <v>118</v>
      </c>
      <c r="M18" s="100">
        <v>165</v>
      </c>
      <c r="N18" s="101">
        <v>0</v>
      </c>
      <c r="O18" s="102">
        <v>1</v>
      </c>
      <c r="P18" s="103">
        <v>1</v>
      </c>
      <c r="Q18" s="413">
        <v>0</v>
      </c>
      <c r="R18" s="102">
        <v>1</v>
      </c>
      <c r="S18" s="102">
        <v>0</v>
      </c>
      <c r="T18" s="102">
        <v>0</v>
      </c>
      <c r="U18" s="102">
        <v>1</v>
      </c>
      <c r="V18" s="102">
        <v>0</v>
      </c>
      <c r="W18" s="103">
        <v>2</v>
      </c>
      <c r="X18" s="104">
        <v>3</v>
      </c>
      <c r="Y18" s="101">
        <v>2</v>
      </c>
      <c r="Z18" s="102">
        <v>2</v>
      </c>
      <c r="AA18" s="103">
        <v>4</v>
      </c>
      <c r="AB18" s="413">
        <v>0</v>
      </c>
      <c r="AC18" s="102">
        <v>2</v>
      </c>
      <c r="AD18" s="102">
        <v>2</v>
      </c>
      <c r="AE18" s="102">
        <v>2</v>
      </c>
      <c r="AF18" s="102">
        <v>2</v>
      </c>
      <c r="AG18" s="102">
        <v>2</v>
      </c>
      <c r="AH18" s="103">
        <v>10</v>
      </c>
      <c r="AI18" s="104">
        <v>14</v>
      </c>
      <c r="AJ18" s="101">
        <v>3</v>
      </c>
      <c r="AK18" s="102">
        <v>2</v>
      </c>
      <c r="AL18" s="103">
        <v>5</v>
      </c>
      <c r="AM18" s="413">
        <v>0</v>
      </c>
      <c r="AN18" s="102">
        <v>5</v>
      </c>
      <c r="AO18" s="102">
        <v>7</v>
      </c>
      <c r="AP18" s="102">
        <v>4</v>
      </c>
      <c r="AQ18" s="102">
        <v>3</v>
      </c>
      <c r="AR18" s="102">
        <v>1</v>
      </c>
      <c r="AS18" s="103">
        <v>20</v>
      </c>
      <c r="AT18" s="104">
        <v>25</v>
      </c>
      <c r="AU18" s="101">
        <v>6</v>
      </c>
      <c r="AV18" s="102">
        <v>2</v>
      </c>
      <c r="AW18" s="103">
        <v>8</v>
      </c>
      <c r="AX18" s="413">
        <v>0</v>
      </c>
      <c r="AY18" s="102">
        <v>10</v>
      </c>
      <c r="AZ18" s="102">
        <v>5</v>
      </c>
      <c r="BA18" s="102">
        <v>3</v>
      </c>
      <c r="BB18" s="102">
        <v>2</v>
      </c>
      <c r="BC18" s="102">
        <v>2</v>
      </c>
      <c r="BD18" s="103">
        <v>22</v>
      </c>
      <c r="BE18" s="104">
        <v>30</v>
      </c>
      <c r="BF18" s="101">
        <v>2</v>
      </c>
      <c r="BG18" s="102">
        <v>11</v>
      </c>
      <c r="BH18" s="103">
        <v>13</v>
      </c>
      <c r="BI18" s="413">
        <v>0</v>
      </c>
      <c r="BJ18" s="102">
        <v>7</v>
      </c>
      <c r="BK18" s="102">
        <v>4</v>
      </c>
      <c r="BL18" s="102">
        <v>6</v>
      </c>
      <c r="BM18" s="102">
        <v>8</v>
      </c>
      <c r="BN18" s="102">
        <v>0</v>
      </c>
      <c r="BO18" s="103">
        <v>25</v>
      </c>
      <c r="BP18" s="104">
        <v>38</v>
      </c>
      <c r="BQ18" s="101">
        <v>7</v>
      </c>
      <c r="BR18" s="102">
        <v>9</v>
      </c>
      <c r="BS18" s="103">
        <v>16</v>
      </c>
      <c r="BT18" s="413">
        <v>0</v>
      </c>
      <c r="BU18" s="102">
        <v>10</v>
      </c>
      <c r="BV18" s="102">
        <v>7</v>
      </c>
      <c r="BW18" s="102">
        <v>8</v>
      </c>
      <c r="BX18" s="102">
        <v>12</v>
      </c>
      <c r="BY18" s="102">
        <v>2</v>
      </c>
      <c r="BZ18" s="103">
        <v>39</v>
      </c>
      <c r="CA18" s="104">
        <v>55</v>
      </c>
      <c r="CB18" s="101">
        <v>0</v>
      </c>
      <c r="CC18" s="102">
        <v>0</v>
      </c>
      <c r="CD18" s="103">
        <v>0</v>
      </c>
      <c r="CE18" s="413">
        <v>0</v>
      </c>
      <c r="CF18" s="102">
        <v>0</v>
      </c>
      <c r="CG18" s="102">
        <v>0</v>
      </c>
      <c r="CH18" s="102">
        <v>0</v>
      </c>
      <c r="CI18" s="102">
        <v>0</v>
      </c>
      <c r="CJ18" s="102">
        <v>0</v>
      </c>
      <c r="CK18" s="103">
        <v>0</v>
      </c>
      <c r="CL18" s="104">
        <v>0</v>
      </c>
      <c r="CM18" s="101">
        <v>20</v>
      </c>
      <c r="CN18" s="102">
        <v>27</v>
      </c>
      <c r="CO18" s="103">
        <v>47</v>
      </c>
      <c r="CP18" s="413">
        <v>0</v>
      </c>
      <c r="CQ18" s="102">
        <v>35</v>
      </c>
      <c r="CR18" s="102">
        <v>25</v>
      </c>
      <c r="CS18" s="102">
        <v>23</v>
      </c>
      <c r="CT18" s="102">
        <v>28</v>
      </c>
      <c r="CU18" s="102">
        <v>7</v>
      </c>
      <c r="CV18" s="103">
        <v>118</v>
      </c>
      <c r="CW18" s="104">
        <v>165</v>
      </c>
      <c r="CX18" s="105">
        <v>5</v>
      </c>
      <c r="CY18" s="97">
        <v>7</v>
      </c>
      <c r="CZ18" s="98">
        <v>12</v>
      </c>
      <c r="DA18" s="413">
        <v>0</v>
      </c>
      <c r="DB18" s="97">
        <v>5</v>
      </c>
      <c r="DC18" s="97">
        <v>7</v>
      </c>
      <c r="DD18" s="97">
        <v>1</v>
      </c>
      <c r="DE18" s="97">
        <v>4</v>
      </c>
      <c r="DF18" s="97">
        <v>2</v>
      </c>
      <c r="DG18" s="99">
        <v>19</v>
      </c>
      <c r="DH18" s="100">
        <v>31</v>
      </c>
      <c r="DI18" s="101">
        <v>0</v>
      </c>
      <c r="DJ18" s="102">
        <v>1</v>
      </c>
      <c r="DK18" s="103">
        <v>1</v>
      </c>
      <c r="DL18" s="413">
        <v>0</v>
      </c>
      <c r="DM18" s="102">
        <v>1</v>
      </c>
      <c r="DN18" s="102">
        <v>0</v>
      </c>
      <c r="DO18" s="102">
        <v>0</v>
      </c>
      <c r="DP18" s="102">
        <v>0</v>
      </c>
      <c r="DQ18" s="102">
        <v>0</v>
      </c>
      <c r="DR18" s="103">
        <v>1</v>
      </c>
      <c r="DS18" s="104">
        <v>2</v>
      </c>
      <c r="DT18" s="101">
        <v>1</v>
      </c>
      <c r="DU18" s="102">
        <v>0</v>
      </c>
      <c r="DV18" s="103">
        <v>1</v>
      </c>
      <c r="DW18" s="413">
        <v>0</v>
      </c>
      <c r="DX18" s="102">
        <v>1</v>
      </c>
      <c r="DY18" s="102">
        <v>0</v>
      </c>
      <c r="DZ18" s="102">
        <v>0</v>
      </c>
      <c r="EA18" s="102">
        <v>0</v>
      </c>
      <c r="EB18" s="102">
        <v>0</v>
      </c>
      <c r="EC18" s="103">
        <v>1</v>
      </c>
      <c r="ED18" s="104">
        <v>2</v>
      </c>
      <c r="EE18" s="101">
        <v>1</v>
      </c>
      <c r="EF18" s="102">
        <v>3</v>
      </c>
      <c r="EG18" s="103">
        <v>4</v>
      </c>
      <c r="EH18" s="413">
        <v>0</v>
      </c>
      <c r="EI18" s="102">
        <v>0</v>
      </c>
      <c r="EJ18" s="102">
        <v>0</v>
      </c>
      <c r="EK18" s="102">
        <v>0</v>
      </c>
      <c r="EL18" s="102">
        <v>0</v>
      </c>
      <c r="EM18" s="102">
        <v>0</v>
      </c>
      <c r="EN18" s="103">
        <v>0</v>
      </c>
      <c r="EO18" s="104">
        <v>4</v>
      </c>
      <c r="EP18" s="101">
        <v>0</v>
      </c>
      <c r="EQ18" s="102">
        <v>1</v>
      </c>
      <c r="ER18" s="103">
        <v>1</v>
      </c>
      <c r="ES18" s="413">
        <v>0</v>
      </c>
      <c r="ET18" s="102">
        <v>1</v>
      </c>
      <c r="EU18" s="102">
        <v>1</v>
      </c>
      <c r="EV18" s="102">
        <v>0</v>
      </c>
      <c r="EW18" s="102">
        <v>1</v>
      </c>
      <c r="EX18" s="102">
        <v>0</v>
      </c>
      <c r="EY18" s="103">
        <v>3</v>
      </c>
      <c r="EZ18" s="104">
        <v>4</v>
      </c>
      <c r="FA18" s="101">
        <v>2</v>
      </c>
      <c r="FB18" s="102">
        <v>1</v>
      </c>
      <c r="FC18" s="103">
        <v>3</v>
      </c>
      <c r="FD18" s="413">
        <v>0</v>
      </c>
      <c r="FE18" s="102">
        <v>1</v>
      </c>
      <c r="FF18" s="102">
        <v>2</v>
      </c>
      <c r="FG18" s="102">
        <v>0</v>
      </c>
      <c r="FH18" s="102">
        <v>0</v>
      </c>
      <c r="FI18" s="102">
        <v>2</v>
      </c>
      <c r="FJ18" s="103">
        <v>5</v>
      </c>
      <c r="FK18" s="104">
        <v>8</v>
      </c>
      <c r="FL18" s="101">
        <v>1</v>
      </c>
      <c r="FM18" s="102">
        <v>1</v>
      </c>
      <c r="FN18" s="103">
        <v>2</v>
      </c>
      <c r="FO18" s="413">
        <v>0</v>
      </c>
      <c r="FP18" s="102">
        <v>1</v>
      </c>
      <c r="FQ18" s="102">
        <v>4</v>
      </c>
      <c r="FR18" s="102">
        <v>1</v>
      </c>
      <c r="FS18" s="102">
        <v>3</v>
      </c>
      <c r="FT18" s="102">
        <v>0</v>
      </c>
      <c r="FU18" s="103">
        <v>9</v>
      </c>
      <c r="FV18" s="104">
        <v>11</v>
      </c>
      <c r="FW18" s="101">
        <v>0</v>
      </c>
      <c r="FX18" s="102">
        <v>0</v>
      </c>
      <c r="FY18" s="103">
        <v>0</v>
      </c>
      <c r="FZ18" s="413">
        <v>0</v>
      </c>
      <c r="GA18" s="102">
        <v>0</v>
      </c>
      <c r="GB18" s="102">
        <v>0</v>
      </c>
      <c r="GC18" s="102">
        <v>0</v>
      </c>
      <c r="GD18" s="102">
        <v>0</v>
      </c>
      <c r="GE18" s="102">
        <v>0</v>
      </c>
      <c r="GF18" s="103">
        <v>0</v>
      </c>
      <c r="GG18" s="104">
        <v>0</v>
      </c>
      <c r="GH18" s="101">
        <v>5</v>
      </c>
      <c r="GI18" s="102">
        <v>7</v>
      </c>
      <c r="GJ18" s="103">
        <v>12</v>
      </c>
      <c r="GK18" s="413">
        <v>0</v>
      </c>
      <c r="GL18" s="102">
        <v>5</v>
      </c>
      <c r="GM18" s="102">
        <v>7</v>
      </c>
      <c r="GN18" s="102">
        <v>1</v>
      </c>
      <c r="GO18" s="102">
        <v>4</v>
      </c>
      <c r="GP18" s="102">
        <v>2</v>
      </c>
      <c r="GQ18" s="103">
        <v>19</v>
      </c>
      <c r="GR18" s="104">
        <v>31</v>
      </c>
      <c r="GS18" s="105">
        <v>25</v>
      </c>
      <c r="GT18" s="97">
        <v>34</v>
      </c>
      <c r="GU18" s="98">
        <v>59</v>
      </c>
      <c r="GV18" s="413">
        <v>0</v>
      </c>
      <c r="GW18" s="97">
        <v>40</v>
      </c>
      <c r="GX18" s="97">
        <v>32</v>
      </c>
      <c r="GY18" s="97">
        <v>24</v>
      </c>
      <c r="GZ18" s="97">
        <v>32</v>
      </c>
      <c r="HA18" s="97">
        <v>9</v>
      </c>
      <c r="HB18" s="99">
        <v>137</v>
      </c>
      <c r="HC18" s="100">
        <v>196</v>
      </c>
      <c r="HD18" s="101">
        <v>0</v>
      </c>
      <c r="HE18" s="102">
        <v>2</v>
      </c>
      <c r="HF18" s="103">
        <v>2</v>
      </c>
      <c r="HG18" s="413">
        <v>0</v>
      </c>
      <c r="HH18" s="102">
        <v>2</v>
      </c>
      <c r="HI18" s="102">
        <v>0</v>
      </c>
      <c r="HJ18" s="102">
        <v>0</v>
      </c>
      <c r="HK18" s="102">
        <v>1</v>
      </c>
      <c r="HL18" s="102">
        <v>0</v>
      </c>
      <c r="HM18" s="103">
        <v>3</v>
      </c>
      <c r="HN18" s="104">
        <v>5</v>
      </c>
      <c r="HO18" s="101">
        <v>3</v>
      </c>
      <c r="HP18" s="102">
        <v>2</v>
      </c>
      <c r="HQ18" s="103">
        <v>5</v>
      </c>
      <c r="HR18" s="413">
        <v>0</v>
      </c>
      <c r="HS18" s="102">
        <v>3</v>
      </c>
      <c r="HT18" s="102">
        <v>2</v>
      </c>
      <c r="HU18" s="102">
        <v>2</v>
      </c>
      <c r="HV18" s="102">
        <v>2</v>
      </c>
      <c r="HW18" s="102">
        <v>2</v>
      </c>
      <c r="HX18" s="103">
        <v>11</v>
      </c>
      <c r="HY18" s="104">
        <v>16</v>
      </c>
      <c r="HZ18" s="101">
        <v>4</v>
      </c>
      <c r="IA18" s="102">
        <v>5</v>
      </c>
      <c r="IB18" s="103">
        <v>9</v>
      </c>
      <c r="IC18" s="413">
        <v>0</v>
      </c>
      <c r="ID18" s="102">
        <v>5</v>
      </c>
      <c r="IE18" s="102">
        <v>7</v>
      </c>
      <c r="IF18" s="102">
        <v>4</v>
      </c>
      <c r="IG18" s="102">
        <v>3</v>
      </c>
      <c r="IH18" s="102">
        <v>1</v>
      </c>
      <c r="II18" s="103">
        <v>20</v>
      </c>
      <c r="IJ18" s="104">
        <v>29</v>
      </c>
      <c r="IK18" s="101">
        <v>6</v>
      </c>
      <c r="IL18" s="102">
        <v>3</v>
      </c>
      <c r="IM18" s="103">
        <v>9</v>
      </c>
      <c r="IN18" s="413">
        <v>0</v>
      </c>
      <c r="IO18" s="102">
        <v>11</v>
      </c>
      <c r="IP18" s="102">
        <v>6</v>
      </c>
      <c r="IQ18" s="102">
        <v>3</v>
      </c>
      <c r="IR18" s="102">
        <v>3</v>
      </c>
      <c r="IS18" s="102">
        <v>2</v>
      </c>
      <c r="IT18" s="103">
        <v>25</v>
      </c>
      <c r="IU18" s="104">
        <v>34</v>
      </c>
      <c r="IV18" s="101">
        <v>4</v>
      </c>
      <c r="IW18" s="102">
        <v>12</v>
      </c>
      <c r="IX18" s="103">
        <v>16</v>
      </c>
      <c r="IY18" s="413">
        <v>0</v>
      </c>
      <c r="IZ18" s="102">
        <v>8</v>
      </c>
      <c r="JA18" s="102">
        <v>6</v>
      </c>
      <c r="JB18" s="102">
        <v>6</v>
      </c>
      <c r="JC18" s="102">
        <v>8</v>
      </c>
      <c r="JD18" s="102">
        <v>2</v>
      </c>
      <c r="JE18" s="103">
        <v>30</v>
      </c>
      <c r="JF18" s="104">
        <v>46</v>
      </c>
      <c r="JG18" s="101">
        <v>8</v>
      </c>
      <c r="JH18" s="102">
        <v>10</v>
      </c>
      <c r="JI18" s="103">
        <v>18</v>
      </c>
      <c r="JJ18" s="413">
        <v>0</v>
      </c>
      <c r="JK18" s="102">
        <v>11</v>
      </c>
      <c r="JL18" s="102">
        <v>11</v>
      </c>
      <c r="JM18" s="102">
        <v>9</v>
      </c>
      <c r="JN18" s="102">
        <v>15</v>
      </c>
      <c r="JO18" s="102">
        <v>2</v>
      </c>
      <c r="JP18" s="103">
        <v>48</v>
      </c>
      <c r="JQ18" s="104">
        <v>66</v>
      </c>
      <c r="JR18" s="101">
        <v>0</v>
      </c>
      <c r="JS18" s="102">
        <v>0</v>
      </c>
      <c r="JT18" s="103">
        <v>0</v>
      </c>
      <c r="JU18" s="413">
        <v>0</v>
      </c>
      <c r="JV18" s="102">
        <v>0</v>
      </c>
      <c r="JW18" s="102">
        <v>0</v>
      </c>
      <c r="JX18" s="102">
        <v>0</v>
      </c>
      <c r="JY18" s="102">
        <v>0</v>
      </c>
      <c r="JZ18" s="102">
        <v>0</v>
      </c>
      <c r="KA18" s="103">
        <v>0</v>
      </c>
      <c r="KB18" s="104">
        <v>0</v>
      </c>
      <c r="KC18" s="101">
        <v>25</v>
      </c>
      <c r="KD18" s="102">
        <v>34</v>
      </c>
      <c r="KE18" s="103">
        <v>59</v>
      </c>
      <c r="KF18" s="413">
        <v>0</v>
      </c>
      <c r="KG18" s="102">
        <v>40</v>
      </c>
      <c r="KH18" s="102">
        <v>32</v>
      </c>
      <c r="KI18" s="102">
        <v>24</v>
      </c>
      <c r="KJ18" s="102">
        <v>32</v>
      </c>
      <c r="KK18" s="102">
        <v>9</v>
      </c>
      <c r="KL18" s="103">
        <v>137</v>
      </c>
      <c r="KM18" s="104">
        <v>196</v>
      </c>
    </row>
    <row r="19" spans="2:299" s="70" customFormat="1" ht="21" customHeight="1" x14ac:dyDescent="0.2">
      <c r="B19" s="106" t="s">
        <v>16</v>
      </c>
      <c r="C19" s="96">
        <v>42</v>
      </c>
      <c r="D19" s="97">
        <v>46</v>
      </c>
      <c r="E19" s="98">
        <v>88</v>
      </c>
      <c r="F19" s="413">
        <v>0</v>
      </c>
      <c r="G19" s="97">
        <v>75</v>
      </c>
      <c r="H19" s="97">
        <v>102</v>
      </c>
      <c r="I19" s="97">
        <v>50</v>
      </c>
      <c r="J19" s="97">
        <v>34</v>
      </c>
      <c r="K19" s="97">
        <v>27</v>
      </c>
      <c r="L19" s="99">
        <v>288</v>
      </c>
      <c r="M19" s="100">
        <v>376</v>
      </c>
      <c r="N19" s="101">
        <v>1</v>
      </c>
      <c r="O19" s="102">
        <v>0</v>
      </c>
      <c r="P19" s="103">
        <v>1</v>
      </c>
      <c r="Q19" s="413">
        <v>0</v>
      </c>
      <c r="R19" s="102">
        <v>0</v>
      </c>
      <c r="S19" s="102">
        <v>2</v>
      </c>
      <c r="T19" s="102">
        <v>0</v>
      </c>
      <c r="U19" s="102">
        <v>0</v>
      </c>
      <c r="V19" s="102">
        <v>1</v>
      </c>
      <c r="W19" s="103">
        <v>3</v>
      </c>
      <c r="X19" s="104">
        <v>4</v>
      </c>
      <c r="Y19" s="101">
        <v>1</v>
      </c>
      <c r="Z19" s="102">
        <v>4</v>
      </c>
      <c r="AA19" s="103">
        <v>5</v>
      </c>
      <c r="AB19" s="413">
        <v>0</v>
      </c>
      <c r="AC19" s="102">
        <v>6</v>
      </c>
      <c r="AD19" s="102">
        <v>8</v>
      </c>
      <c r="AE19" s="102">
        <v>5</v>
      </c>
      <c r="AF19" s="102">
        <v>1</v>
      </c>
      <c r="AG19" s="102">
        <v>4</v>
      </c>
      <c r="AH19" s="103">
        <v>24</v>
      </c>
      <c r="AI19" s="104">
        <v>29</v>
      </c>
      <c r="AJ19" s="101">
        <v>8</v>
      </c>
      <c r="AK19" s="102">
        <v>5</v>
      </c>
      <c r="AL19" s="103">
        <v>13</v>
      </c>
      <c r="AM19" s="413">
        <v>0</v>
      </c>
      <c r="AN19" s="102">
        <v>4</v>
      </c>
      <c r="AO19" s="102">
        <v>4</v>
      </c>
      <c r="AP19" s="102">
        <v>10</v>
      </c>
      <c r="AQ19" s="102">
        <v>1</v>
      </c>
      <c r="AR19" s="102">
        <v>5</v>
      </c>
      <c r="AS19" s="103">
        <v>24</v>
      </c>
      <c r="AT19" s="104">
        <v>37</v>
      </c>
      <c r="AU19" s="101">
        <v>11</v>
      </c>
      <c r="AV19" s="102">
        <v>7</v>
      </c>
      <c r="AW19" s="103">
        <v>18</v>
      </c>
      <c r="AX19" s="413">
        <v>0</v>
      </c>
      <c r="AY19" s="102">
        <v>16</v>
      </c>
      <c r="AZ19" s="102">
        <v>26</v>
      </c>
      <c r="BA19" s="102">
        <v>7</v>
      </c>
      <c r="BB19" s="102">
        <v>6</v>
      </c>
      <c r="BC19" s="102">
        <v>6</v>
      </c>
      <c r="BD19" s="103">
        <v>61</v>
      </c>
      <c r="BE19" s="104">
        <v>79</v>
      </c>
      <c r="BF19" s="101">
        <v>9</v>
      </c>
      <c r="BG19" s="102">
        <v>18</v>
      </c>
      <c r="BH19" s="103">
        <v>27</v>
      </c>
      <c r="BI19" s="413">
        <v>0</v>
      </c>
      <c r="BJ19" s="102">
        <v>25</v>
      </c>
      <c r="BK19" s="102">
        <v>25</v>
      </c>
      <c r="BL19" s="102">
        <v>11</v>
      </c>
      <c r="BM19" s="102">
        <v>3</v>
      </c>
      <c r="BN19" s="102">
        <v>4</v>
      </c>
      <c r="BO19" s="103">
        <v>68</v>
      </c>
      <c r="BP19" s="104">
        <v>95</v>
      </c>
      <c r="BQ19" s="101">
        <v>12</v>
      </c>
      <c r="BR19" s="102">
        <v>12</v>
      </c>
      <c r="BS19" s="103">
        <v>24</v>
      </c>
      <c r="BT19" s="413">
        <v>0</v>
      </c>
      <c r="BU19" s="102">
        <v>24</v>
      </c>
      <c r="BV19" s="102">
        <v>37</v>
      </c>
      <c r="BW19" s="102">
        <v>17</v>
      </c>
      <c r="BX19" s="102">
        <v>23</v>
      </c>
      <c r="BY19" s="102">
        <v>7</v>
      </c>
      <c r="BZ19" s="103">
        <v>108</v>
      </c>
      <c r="CA19" s="104">
        <v>132</v>
      </c>
      <c r="CB19" s="101">
        <v>0</v>
      </c>
      <c r="CC19" s="102">
        <v>0</v>
      </c>
      <c r="CD19" s="103">
        <v>0</v>
      </c>
      <c r="CE19" s="413">
        <v>0</v>
      </c>
      <c r="CF19" s="102">
        <v>0</v>
      </c>
      <c r="CG19" s="102">
        <v>0</v>
      </c>
      <c r="CH19" s="102">
        <v>0</v>
      </c>
      <c r="CI19" s="102">
        <v>0</v>
      </c>
      <c r="CJ19" s="102">
        <v>0</v>
      </c>
      <c r="CK19" s="103">
        <v>0</v>
      </c>
      <c r="CL19" s="104">
        <v>0</v>
      </c>
      <c r="CM19" s="101">
        <v>42</v>
      </c>
      <c r="CN19" s="102">
        <v>46</v>
      </c>
      <c r="CO19" s="103">
        <v>88</v>
      </c>
      <c r="CP19" s="413">
        <v>0</v>
      </c>
      <c r="CQ19" s="102">
        <v>75</v>
      </c>
      <c r="CR19" s="102">
        <v>102</v>
      </c>
      <c r="CS19" s="102">
        <v>50</v>
      </c>
      <c r="CT19" s="102">
        <v>34</v>
      </c>
      <c r="CU19" s="102">
        <v>27</v>
      </c>
      <c r="CV19" s="103">
        <v>288</v>
      </c>
      <c r="CW19" s="104">
        <v>376</v>
      </c>
      <c r="CX19" s="105">
        <v>10</v>
      </c>
      <c r="CY19" s="97">
        <v>12</v>
      </c>
      <c r="CZ19" s="98">
        <v>22</v>
      </c>
      <c r="DA19" s="413">
        <v>0</v>
      </c>
      <c r="DB19" s="97">
        <v>7</v>
      </c>
      <c r="DC19" s="97">
        <v>11</v>
      </c>
      <c r="DD19" s="97">
        <v>4</v>
      </c>
      <c r="DE19" s="97">
        <v>9</v>
      </c>
      <c r="DF19" s="97">
        <v>7</v>
      </c>
      <c r="DG19" s="99">
        <v>38</v>
      </c>
      <c r="DH19" s="100">
        <v>60</v>
      </c>
      <c r="DI19" s="101">
        <v>1</v>
      </c>
      <c r="DJ19" s="102">
        <v>1</v>
      </c>
      <c r="DK19" s="103">
        <v>2</v>
      </c>
      <c r="DL19" s="413">
        <v>0</v>
      </c>
      <c r="DM19" s="102">
        <v>0</v>
      </c>
      <c r="DN19" s="102">
        <v>0</v>
      </c>
      <c r="DO19" s="102">
        <v>0</v>
      </c>
      <c r="DP19" s="102">
        <v>0</v>
      </c>
      <c r="DQ19" s="102">
        <v>0</v>
      </c>
      <c r="DR19" s="103">
        <v>0</v>
      </c>
      <c r="DS19" s="104">
        <v>2</v>
      </c>
      <c r="DT19" s="101">
        <v>0</v>
      </c>
      <c r="DU19" s="102">
        <v>1</v>
      </c>
      <c r="DV19" s="103">
        <v>1</v>
      </c>
      <c r="DW19" s="413">
        <v>0</v>
      </c>
      <c r="DX19" s="102">
        <v>0</v>
      </c>
      <c r="DY19" s="102">
        <v>1</v>
      </c>
      <c r="DZ19" s="102">
        <v>0</v>
      </c>
      <c r="EA19" s="102">
        <v>0</v>
      </c>
      <c r="EB19" s="102">
        <v>1</v>
      </c>
      <c r="EC19" s="103">
        <v>2</v>
      </c>
      <c r="ED19" s="104">
        <v>3</v>
      </c>
      <c r="EE19" s="101">
        <v>0</v>
      </c>
      <c r="EF19" s="102">
        <v>1</v>
      </c>
      <c r="EG19" s="103">
        <v>1</v>
      </c>
      <c r="EH19" s="413">
        <v>0</v>
      </c>
      <c r="EI19" s="102">
        <v>1</v>
      </c>
      <c r="EJ19" s="102">
        <v>0</v>
      </c>
      <c r="EK19" s="102">
        <v>0</v>
      </c>
      <c r="EL19" s="102">
        <v>1</v>
      </c>
      <c r="EM19" s="102">
        <v>1</v>
      </c>
      <c r="EN19" s="103">
        <v>3</v>
      </c>
      <c r="EO19" s="104">
        <v>4</v>
      </c>
      <c r="EP19" s="101">
        <v>3</v>
      </c>
      <c r="EQ19" s="102">
        <v>2</v>
      </c>
      <c r="ER19" s="103">
        <v>5</v>
      </c>
      <c r="ES19" s="413">
        <v>0</v>
      </c>
      <c r="ET19" s="102">
        <v>2</v>
      </c>
      <c r="EU19" s="102">
        <v>6</v>
      </c>
      <c r="EV19" s="102">
        <v>0</v>
      </c>
      <c r="EW19" s="102">
        <v>1</v>
      </c>
      <c r="EX19" s="102">
        <v>1</v>
      </c>
      <c r="EY19" s="103">
        <v>10</v>
      </c>
      <c r="EZ19" s="104">
        <v>15</v>
      </c>
      <c r="FA19" s="101">
        <v>5</v>
      </c>
      <c r="FB19" s="102">
        <v>4</v>
      </c>
      <c r="FC19" s="103">
        <v>9</v>
      </c>
      <c r="FD19" s="413">
        <v>0</v>
      </c>
      <c r="FE19" s="102">
        <v>2</v>
      </c>
      <c r="FF19" s="102">
        <v>2</v>
      </c>
      <c r="FG19" s="102">
        <v>2</v>
      </c>
      <c r="FH19" s="102">
        <v>3</v>
      </c>
      <c r="FI19" s="102">
        <v>2</v>
      </c>
      <c r="FJ19" s="103">
        <v>11</v>
      </c>
      <c r="FK19" s="104">
        <v>20</v>
      </c>
      <c r="FL19" s="101">
        <v>1</v>
      </c>
      <c r="FM19" s="102">
        <v>3</v>
      </c>
      <c r="FN19" s="103">
        <v>4</v>
      </c>
      <c r="FO19" s="413">
        <v>0</v>
      </c>
      <c r="FP19" s="102">
        <v>2</v>
      </c>
      <c r="FQ19" s="102">
        <v>2</v>
      </c>
      <c r="FR19" s="102">
        <v>2</v>
      </c>
      <c r="FS19" s="102">
        <v>4</v>
      </c>
      <c r="FT19" s="102">
        <v>2</v>
      </c>
      <c r="FU19" s="103">
        <v>12</v>
      </c>
      <c r="FV19" s="104">
        <v>16</v>
      </c>
      <c r="FW19" s="101">
        <v>0</v>
      </c>
      <c r="FX19" s="102">
        <v>0</v>
      </c>
      <c r="FY19" s="103">
        <v>0</v>
      </c>
      <c r="FZ19" s="413">
        <v>0</v>
      </c>
      <c r="GA19" s="102">
        <v>0</v>
      </c>
      <c r="GB19" s="102">
        <v>0</v>
      </c>
      <c r="GC19" s="102">
        <v>0</v>
      </c>
      <c r="GD19" s="102">
        <v>0</v>
      </c>
      <c r="GE19" s="102">
        <v>0</v>
      </c>
      <c r="GF19" s="103">
        <v>0</v>
      </c>
      <c r="GG19" s="104">
        <v>0</v>
      </c>
      <c r="GH19" s="101">
        <v>10</v>
      </c>
      <c r="GI19" s="102">
        <v>12</v>
      </c>
      <c r="GJ19" s="103">
        <v>22</v>
      </c>
      <c r="GK19" s="413">
        <v>0</v>
      </c>
      <c r="GL19" s="102">
        <v>7</v>
      </c>
      <c r="GM19" s="102">
        <v>11</v>
      </c>
      <c r="GN19" s="102">
        <v>4</v>
      </c>
      <c r="GO19" s="102">
        <v>9</v>
      </c>
      <c r="GP19" s="102">
        <v>7</v>
      </c>
      <c r="GQ19" s="103">
        <v>38</v>
      </c>
      <c r="GR19" s="104">
        <v>60</v>
      </c>
      <c r="GS19" s="105">
        <v>52</v>
      </c>
      <c r="GT19" s="97">
        <v>58</v>
      </c>
      <c r="GU19" s="98">
        <v>110</v>
      </c>
      <c r="GV19" s="413">
        <v>0</v>
      </c>
      <c r="GW19" s="97">
        <v>82</v>
      </c>
      <c r="GX19" s="97">
        <v>113</v>
      </c>
      <c r="GY19" s="97">
        <v>54</v>
      </c>
      <c r="GZ19" s="97">
        <v>43</v>
      </c>
      <c r="HA19" s="97">
        <v>34</v>
      </c>
      <c r="HB19" s="99">
        <v>326</v>
      </c>
      <c r="HC19" s="100">
        <v>436</v>
      </c>
      <c r="HD19" s="101">
        <v>2</v>
      </c>
      <c r="HE19" s="102">
        <v>1</v>
      </c>
      <c r="HF19" s="103">
        <v>3</v>
      </c>
      <c r="HG19" s="413">
        <v>0</v>
      </c>
      <c r="HH19" s="102">
        <v>0</v>
      </c>
      <c r="HI19" s="102">
        <v>2</v>
      </c>
      <c r="HJ19" s="102">
        <v>0</v>
      </c>
      <c r="HK19" s="102">
        <v>0</v>
      </c>
      <c r="HL19" s="102">
        <v>1</v>
      </c>
      <c r="HM19" s="103">
        <v>3</v>
      </c>
      <c r="HN19" s="104">
        <v>6</v>
      </c>
      <c r="HO19" s="101">
        <v>1</v>
      </c>
      <c r="HP19" s="102">
        <v>5</v>
      </c>
      <c r="HQ19" s="103">
        <v>6</v>
      </c>
      <c r="HR19" s="413">
        <v>0</v>
      </c>
      <c r="HS19" s="102">
        <v>6</v>
      </c>
      <c r="HT19" s="102">
        <v>9</v>
      </c>
      <c r="HU19" s="102">
        <v>5</v>
      </c>
      <c r="HV19" s="102">
        <v>1</v>
      </c>
      <c r="HW19" s="102">
        <v>5</v>
      </c>
      <c r="HX19" s="103">
        <v>26</v>
      </c>
      <c r="HY19" s="104">
        <v>32</v>
      </c>
      <c r="HZ19" s="101">
        <v>8</v>
      </c>
      <c r="IA19" s="102">
        <v>6</v>
      </c>
      <c r="IB19" s="103">
        <v>14</v>
      </c>
      <c r="IC19" s="413">
        <v>0</v>
      </c>
      <c r="ID19" s="102">
        <v>5</v>
      </c>
      <c r="IE19" s="102">
        <v>4</v>
      </c>
      <c r="IF19" s="102">
        <v>10</v>
      </c>
      <c r="IG19" s="102">
        <v>2</v>
      </c>
      <c r="IH19" s="102">
        <v>6</v>
      </c>
      <c r="II19" s="103">
        <v>27</v>
      </c>
      <c r="IJ19" s="104">
        <v>41</v>
      </c>
      <c r="IK19" s="101">
        <v>14</v>
      </c>
      <c r="IL19" s="102">
        <v>9</v>
      </c>
      <c r="IM19" s="103">
        <v>23</v>
      </c>
      <c r="IN19" s="413">
        <v>0</v>
      </c>
      <c r="IO19" s="102">
        <v>18</v>
      </c>
      <c r="IP19" s="102">
        <v>32</v>
      </c>
      <c r="IQ19" s="102">
        <v>7</v>
      </c>
      <c r="IR19" s="102">
        <v>7</v>
      </c>
      <c r="IS19" s="102">
        <v>7</v>
      </c>
      <c r="IT19" s="103">
        <v>71</v>
      </c>
      <c r="IU19" s="104">
        <v>94</v>
      </c>
      <c r="IV19" s="101">
        <v>14</v>
      </c>
      <c r="IW19" s="102">
        <v>22</v>
      </c>
      <c r="IX19" s="103">
        <v>36</v>
      </c>
      <c r="IY19" s="413">
        <v>0</v>
      </c>
      <c r="IZ19" s="102">
        <v>27</v>
      </c>
      <c r="JA19" s="102">
        <v>27</v>
      </c>
      <c r="JB19" s="102">
        <v>13</v>
      </c>
      <c r="JC19" s="102">
        <v>6</v>
      </c>
      <c r="JD19" s="102">
        <v>6</v>
      </c>
      <c r="JE19" s="103">
        <v>79</v>
      </c>
      <c r="JF19" s="104">
        <v>115</v>
      </c>
      <c r="JG19" s="101">
        <v>13</v>
      </c>
      <c r="JH19" s="102">
        <v>15</v>
      </c>
      <c r="JI19" s="103">
        <v>28</v>
      </c>
      <c r="JJ19" s="413">
        <v>0</v>
      </c>
      <c r="JK19" s="102">
        <v>26</v>
      </c>
      <c r="JL19" s="102">
        <v>39</v>
      </c>
      <c r="JM19" s="102">
        <v>19</v>
      </c>
      <c r="JN19" s="102">
        <v>27</v>
      </c>
      <c r="JO19" s="102">
        <v>9</v>
      </c>
      <c r="JP19" s="103">
        <v>120</v>
      </c>
      <c r="JQ19" s="104">
        <v>148</v>
      </c>
      <c r="JR19" s="101">
        <v>0</v>
      </c>
      <c r="JS19" s="102">
        <v>0</v>
      </c>
      <c r="JT19" s="103">
        <v>0</v>
      </c>
      <c r="JU19" s="413">
        <v>0</v>
      </c>
      <c r="JV19" s="102">
        <v>0</v>
      </c>
      <c r="JW19" s="102">
        <v>0</v>
      </c>
      <c r="JX19" s="102">
        <v>0</v>
      </c>
      <c r="JY19" s="102">
        <v>0</v>
      </c>
      <c r="JZ19" s="102">
        <v>0</v>
      </c>
      <c r="KA19" s="103">
        <v>0</v>
      </c>
      <c r="KB19" s="104">
        <v>0</v>
      </c>
      <c r="KC19" s="101">
        <v>52</v>
      </c>
      <c r="KD19" s="102">
        <v>58</v>
      </c>
      <c r="KE19" s="103">
        <v>110</v>
      </c>
      <c r="KF19" s="413">
        <v>0</v>
      </c>
      <c r="KG19" s="102">
        <v>82</v>
      </c>
      <c r="KH19" s="102">
        <v>113</v>
      </c>
      <c r="KI19" s="102">
        <v>54</v>
      </c>
      <c r="KJ19" s="102">
        <v>43</v>
      </c>
      <c r="KK19" s="102">
        <v>34</v>
      </c>
      <c r="KL19" s="103">
        <v>326</v>
      </c>
      <c r="KM19" s="104">
        <v>436</v>
      </c>
    </row>
    <row r="20" spans="2:299" s="70" customFormat="1" ht="21" customHeight="1" x14ac:dyDescent="0.2">
      <c r="B20" s="106" t="s">
        <v>17</v>
      </c>
      <c r="C20" s="96">
        <v>72</v>
      </c>
      <c r="D20" s="97">
        <v>61</v>
      </c>
      <c r="E20" s="98">
        <v>133</v>
      </c>
      <c r="F20" s="413">
        <v>0</v>
      </c>
      <c r="G20" s="97">
        <v>102</v>
      </c>
      <c r="H20" s="97">
        <v>120</v>
      </c>
      <c r="I20" s="97">
        <v>68</v>
      </c>
      <c r="J20" s="97">
        <v>41</v>
      </c>
      <c r="K20" s="97">
        <v>23</v>
      </c>
      <c r="L20" s="99">
        <v>354</v>
      </c>
      <c r="M20" s="100">
        <v>487</v>
      </c>
      <c r="N20" s="101">
        <v>2</v>
      </c>
      <c r="O20" s="102">
        <v>3</v>
      </c>
      <c r="P20" s="103">
        <v>5</v>
      </c>
      <c r="Q20" s="413">
        <v>0</v>
      </c>
      <c r="R20" s="102">
        <v>1</v>
      </c>
      <c r="S20" s="102">
        <v>0</v>
      </c>
      <c r="T20" s="102">
        <v>3</v>
      </c>
      <c r="U20" s="102">
        <v>1</v>
      </c>
      <c r="V20" s="102">
        <v>1</v>
      </c>
      <c r="W20" s="103">
        <v>6</v>
      </c>
      <c r="X20" s="104">
        <v>11</v>
      </c>
      <c r="Y20" s="101">
        <v>3</v>
      </c>
      <c r="Z20" s="102">
        <v>3</v>
      </c>
      <c r="AA20" s="103">
        <v>6</v>
      </c>
      <c r="AB20" s="413">
        <v>0</v>
      </c>
      <c r="AC20" s="102">
        <v>5</v>
      </c>
      <c r="AD20" s="102">
        <v>6</v>
      </c>
      <c r="AE20" s="102">
        <v>2</v>
      </c>
      <c r="AF20" s="102">
        <v>1</v>
      </c>
      <c r="AG20" s="102">
        <v>1</v>
      </c>
      <c r="AH20" s="103">
        <v>15</v>
      </c>
      <c r="AI20" s="104">
        <v>21</v>
      </c>
      <c r="AJ20" s="101">
        <v>4</v>
      </c>
      <c r="AK20" s="102">
        <v>7</v>
      </c>
      <c r="AL20" s="103">
        <v>11</v>
      </c>
      <c r="AM20" s="413">
        <v>0</v>
      </c>
      <c r="AN20" s="102">
        <v>16</v>
      </c>
      <c r="AO20" s="102">
        <v>12</v>
      </c>
      <c r="AP20" s="102">
        <v>5</v>
      </c>
      <c r="AQ20" s="102">
        <v>2</v>
      </c>
      <c r="AR20" s="102">
        <v>3</v>
      </c>
      <c r="AS20" s="103">
        <v>38</v>
      </c>
      <c r="AT20" s="104">
        <v>49</v>
      </c>
      <c r="AU20" s="101">
        <v>20</v>
      </c>
      <c r="AV20" s="102">
        <v>17</v>
      </c>
      <c r="AW20" s="103">
        <v>37</v>
      </c>
      <c r="AX20" s="413">
        <v>0</v>
      </c>
      <c r="AY20" s="102">
        <v>21</v>
      </c>
      <c r="AZ20" s="102">
        <v>30</v>
      </c>
      <c r="BA20" s="102">
        <v>13</v>
      </c>
      <c r="BB20" s="102">
        <v>11</v>
      </c>
      <c r="BC20" s="102">
        <v>4</v>
      </c>
      <c r="BD20" s="103">
        <v>79</v>
      </c>
      <c r="BE20" s="104">
        <v>116</v>
      </c>
      <c r="BF20" s="101">
        <v>25</v>
      </c>
      <c r="BG20" s="102">
        <v>13</v>
      </c>
      <c r="BH20" s="103">
        <v>38</v>
      </c>
      <c r="BI20" s="413">
        <v>0</v>
      </c>
      <c r="BJ20" s="102">
        <v>35</v>
      </c>
      <c r="BK20" s="102">
        <v>39</v>
      </c>
      <c r="BL20" s="102">
        <v>24</v>
      </c>
      <c r="BM20" s="102">
        <v>12</v>
      </c>
      <c r="BN20" s="102">
        <v>6</v>
      </c>
      <c r="BO20" s="103">
        <v>116</v>
      </c>
      <c r="BP20" s="104">
        <v>154</v>
      </c>
      <c r="BQ20" s="101">
        <v>18</v>
      </c>
      <c r="BR20" s="102">
        <v>18</v>
      </c>
      <c r="BS20" s="103">
        <v>36</v>
      </c>
      <c r="BT20" s="413">
        <v>0</v>
      </c>
      <c r="BU20" s="102">
        <v>24</v>
      </c>
      <c r="BV20" s="102">
        <v>33</v>
      </c>
      <c r="BW20" s="102">
        <v>21</v>
      </c>
      <c r="BX20" s="102">
        <v>14</v>
      </c>
      <c r="BY20" s="102">
        <v>8</v>
      </c>
      <c r="BZ20" s="103">
        <v>100</v>
      </c>
      <c r="CA20" s="104">
        <v>136</v>
      </c>
      <c r="CB20" s="101">
        <v>0</v>
      </c>
      <c r="CC20" s="102">
        <v>0</v>
      </c>
      <c r="CD20" s="103">
        <v>0</v>
      </c>
      <c r="CE20" s="413">
        <v>0</v>
      </c>
      <c r="CF20" s="102">
        <v>0</v>
      </c>
      <c r="CG20" s="102">
        <v>0</v>
      </c>
      <c r="CH20" s="102">
        <v>0</v>
      </c>
      <c r="CI20" s="102">
        <v>0</v>
      </c>
      <c r="CJ20" s="102">
        <v>0</v>
      </c>
      <c r="CK20" s="103">
        <v>0</v>
      </c>
      <c r="CL20" s="104">
        <v>0</v>
      </c>
      <c r="CM20" s="101">
        <v>72</v>
      </c>
      <c r="CN20" s="102">
        <v>61</v>
      </c>
      <c r="CO20" s="103">
        <v>133</v>
      </c>
      <c r="CP20" s="413">
        <v>0</v>
      </c>
      <c r="CQ20" s="102">
        <v>102</v>
      </c>
      <c r="CR20" s="102">
        <v>120</v>
      </c>
      <c r="CS20" s="102">
        <v>68</v>
      </c>
      <c r="CT20" s="102">
        <v>41</v>
      </c>
      <c r="CU20" s="102">
        <v>23</v>
      </c>
      <c r="CV20" s="103">
        <v>354</v>
      </c>
      <c r="CW20" s="104">
        <v>487</v>
      </c>
      <c r="CX20" s="105">
        <v>8</v>
      </c>
      <c r="CY20" s="97">
        <v>8</v>
      </c>
      <c r="CZ20" s="98">
        <v>16</v>
      </c>
      <c r="DA20" s="413">
        <v>0</v>
      </c>
      <c r="DB20" s="97">
        <v>9</v>
      </c>
      <c r="DC20" s="97">
        <v>17</v>
      </c>
      <c r="DD20" s="97">
        <v>11</v>
      </c>
      <c r="DE20" s="97">
        <v>13</v>
      </c>
      <c r="DF20" s="97">
        <v>6</v>
      </c>
      <c r="DG20" s="99">
        <v>56</v>
      </c>
      <c r="DH20" s="100">
        <v>72</v>
      </c>
      <c r="DI20" s="101">
        <v>0</v>
      </c>
      <c r="DJ20" s="102">
        <v>0</v>
      </c>
      <c r="DK20" s="103">
        <v>0</v>
      </c>
      <c r="DL20" s="413">
        <v>0</v>
      </c>
      <c r="DM20" s="102">
        <v>0</v>
      </c>
      <c r="DN20" s="102">
        <v>3</v>
      </c>
      <c r="DO20" s="102">
        <v>0</v>
      </c>
      <c r="DP20" s="102">
        <v>2</v>
      </c>
      <c r="DQ20" s="102">
        <v>0</v>
      </c>
      <c r="DR20" s="103">
        <v>5</v>
      </c>
      <c r="DS20" s="104">
        <v>5</v>
      </c>
      <c r="DT20" s="101">
        <v>0</v>
      </c>
      <c r="DU20" s="102">
        <v>0</v>
      </c>
      <c r="DV20" s="103">
        <v>0</v>
      </c>
      <c r="DW20" s="413">
        <v>0</v>
      </c>
      <c r="DX20" s="102">
        <v>0</v>
      </c>
      <c r="DY20" s="102">
        <v>1</v>
      </c>
      <c r="DZ20" s="102">
        <v>1</v>
      </c>
      <c r="EA20" s="102">
        <v>0</v>
      </c>
      <c r="EB20" s="102">
        <v>0</v>
      </c>
      <c r="EC20" s="103">
        <v>2</v>
      </c>
      <c r="ED20" s="104">
        <v>2</v>
      </c>
      <c r="EE20" s="101">
        <v>5</v>
      </c>
      <c r="EF20" s="102">
        <v>3</v>
      </c>
      <c r="EG20" s="103">
        <v>8</v>
      </c>
      <c r="EH20" s="413">
        <v>0</v>
      </c>
      <c r="EI20" s="102">
        <v>0</v>
      </c>
      <c r="EJ20" s="102">
        <v>0</v>
      </c>
      <c r="EK20" s="102">
        <v>0</v>
      </c>
      <c r="EL20" s="102">
        <v>0</v>
      </c>
      <c r="EM20" s="102">
        <v>0</v>
      </c>
      <c r="EN20" s="103">
        <v>0</v>
      </c>
      <c r="EO20" s="104">
        <v>8</v>
      </c>
      <c r="EP20" s="101">
        <v>2</v>
      </c>
      <c r="EQ20" s="102">
        <v>1</v>
      </c>
      <c r="ER20" s="103">
        <v>3</v>
      </c>
      <c r="ES20" s="413">
        <v>0</v>
      </c>
      <c r="ET20" s="102">
        <v>3</v>
      </c>
      <c r="EU20" s="102">
        <v>2</v>
      </c>
      <c r="EV20" s="102">
        <v>2</v>
      </c>
      <c r="EW20" s="102">
        <v>0</v>
      </c>
      <c r="EX20" s="102">
        <v>0</v>
      </c>
      <c r="EY20" s="103">
        <v>7</v>
      </c>
      <c r="EZ20" s="104">
        <v>10</v>
      </c>
      <c r="FA20" s="101">
        <v>1</v>
      </c>
      <c r="FB20" s="102">
        <v>2</v>
      </c>
      <c r="FC20" s="103">
        <v>3</v>
      </c>
      <c r="FD20" s="413">
        <v>0</v>
      </c>
      <c r="FE20" s="102">
        <v>3</v>
      </c>
      <c r="FF20" s="102">
        <v>5</v>
      </c>
      <c r="FG20" s="102">
        <v>3</v>
      </c>
      <c r="FH20" s="102">
        <v>3</v>
      </c>
      <c r="FI20" s="102">
        <v>0</v>
      </c>
      <c r="FJ20" s="103">
        <v>14</v>
      </c>
      <c r="FK20" s="104">
        <v>17</v>
      </c>
      <c r="FL20" s="101">
        <v>0</v>
      </c>
      <c r="FM20" s="102">
        <v>2</v>
      </c>
      <c r="FN20" s="103">
        <v>2</v>
      </c>
      <c r="FO20" s="413">
        <v>0</v>
      </c>
      <c r="FP20" s="102">
        <v>3</v>
      </c>
      <c r="FQ20" s="102">
        <v>6</v>
      </c>
      <c r="FR20" s="102">
        <v>5</v>
      </c>
      <c r="FS20" s="102">
        <v>8</v>
      </c>
      <c r="FT20" s="102">
        <v>6</v>
      </c>
      <c r="FU20" s="103">
        <v>28</v>
      </c>
      <c r="FV20" s="104">
        <v>30</v>
      </c>
      <c r="FW20" s="101">
        <v>0</v>
      </c>
      <c r="FX20" s="102">
        <v>0</v>
      </c>
      <c r="FY20" s="103">
        <v>0</v>
      </c>
      <c r="FZ20" s="413">
        <v>0</v>
      </c>
      <c r="GA20" s="102">
        <v>0</v>
      </c>
      <c r="GB20" s="102">
        <v>0</v>
      </c>
      <c r="GC20" s="102">
        <v>0</v>
      </c>
      <c r="GD20" s="102">
        <v>0</v>
      </c>
      <c r="GE20" s="102">
        <v>0</v>
      </c>
      <c r="GF20" s="103">
        <v>0</v>
      </c>
      <c r="GG20" s="104">
        <v>0</v>
      </c>
      <c r="GH20" s="101">
        <v>8</v>
      </c>
      <c r="GI20" s="102">
        <v>8</v>
      </c>
      <c r="GJ20" s="103">
        <v>16</v>
      </c>
      <c r="GK20" s="413">
        <v>0</v>
      </c>
      <c r="GL20" s="102">
        <v>9</v>
      </c>
      <c r="GM20" s="102">
        <v>17</v>
      </c>
      <c r="GN20" s="102">
        <v>11</v>
      </c>
      <c r="GO20" s="102">
        <v>13</v>
      </c>
      <c r="GP20" s="102">
        <v>6</v>
      </c>
      <c r="GQ20" s="103">
        <v>56</v>
      </c>
      <c r="GR20" s="104">
        <v>72</v>
      </c>
      <c r="GS20" s="105">
        <v>80</v>
      </c>
      <c r="GT20" s="97">
        <v>69</v>
      </c>
      <c r="GU20" s="98">
        <v>149</v>
      </c>
      <c r="GV20" s="413">
        <v>0</v>
      </c>
      <c r="GW20" s="97">
        <v>111</v>
      </c>
      <c r="GX20" s="97">
        <v>137</v>
      </c>
      <c r="GY20" s="97">
        <v>79</v>
      </c>
      <c r="GZ20" s="97">
        <v>54</v>
      </c>
      <c r="HA20" s="97">
        <v>29</v>
      </c>
      <c r="HB20" s="99">
        <v>410</v>
      </c>
      <c r="HC20" s="100">
        <v>559</v>
      </c>
      <c r="HD20" s="101">
        <v>2</v>
      </c>
      <c r="HE20" s="102">
        <v>3</v>
      </c>
      <c r="HF20" s="103">
        <v>5</v>
      </c>
      <c r="HG20" s="413">
        <v>0</v>
      </c>
      <c r="HH20" s="102">
        <v>1</v>
      </c>
      <c r="HI20" s="102">
        <v>3</v>
      </c>
      <c r="HJ20" s="102">
        <v>3</v>
      </c>
      <c r="HK20" s="102">
        <v>3</v>
      </c>
      <c r="HL20" s="102">
        <v>1</v>
      </c>
      <c r="HM20" s="103">
        <v>11</v>
      </c>
      <c r="HN20" s="104">
        <v>16</v>
      </c>
      <c r="HO20" s="101">
        <v>3</v>
      </c>
      <c r="HP20" s="102">
        <v>3</v>
      </c>
      <c r="HQ20" s="103">
        <v>6</v>
      </c>
      <c r="HR20" s="413">
        <v>0</v>
      </c>
      <c r="HS20" s="102">
        <v>5</v>
      </c>
      <c r="HT20" s="102">
        <v>7</v>
      </c>
      <c r="HU20" s="102">
        <v>3</v>
      </c>
      <c r="HV20" s="102">
        <v>1</v>
      </c>
      <c r="HW20" s="102">
        <v>1</v>
      </c>
      <c r="HX20" s="103">
        <v>17</v>
      </c>
      <c r="HY20" s="104">
        <v>23</v>
      </c>
      <c r="HZ20" s="101">
        <v>9</v>
      </c>
      <c r="IA20" s="102">
        <v>10</v>
      </c>
      <c r="IB20" s="103">
        <v>19</v>
      </c>
      <c r="IC20" s="413">
        <v>0</v>
      </c>
      <c r="ID20" s="102">
        <v>16</v>
      </c>
      <c r="IE20" s="102">
        <v>12</v>
      </c>
      <c r="IF20" s="102">
        <v>5</v>
      </c>
      <c r="IG20" s="102">
        <v>2</v>
      </c>
      <c r="IH20" s="102">
        <v>3</v>
      </c>
      <c r="II20" s="103">
        <v>38</v>
      </c>
      <c r="IJ20" s="104">
        <v>57</v>
      </c>
      <c r="IK20" s="101">
        <v>22</v>
      </c>
      <c r="IL20" s="102">
        <v>18</v>
      </c>
      <c r="IM20" s="103">
        <v>40</v>
      </c>
      <c r="IN20" s="413">
        <v>0</v>
      </c>
      <c r="IO20" s="102">
        <v>24</v>
      </c>
      <c r="IP20" s="102">
        <v>32</v>
      </c>
      <c r="IQ20" s="102">
        <v>15</v>
      </c>
      <c r="IR20" s="102">
        <v>11</v>
      </c>
      <c r="IS20" s="102">
        <v>4</v>
      </c>
      <c r="IT20" s="103">
        <v>86</v>
      </c>
      <c r="IU20" s="104">
        <v>126</v>
      </c>
      <c r="IV20" s="101">
        <v>26</v>
      </c>
      <c r="IW20" s="102">
        <v>15</v>
      </c>
      <c r="IX20" s="103">
        <v>41</v>
      </c>
      <c r="IY20" s="413">
        <v>0</v>
      </c>
      <c r="IZ20" s="102">
        <v>38</v>
      </c>
      <c r="JA20" s="102">
        <v>44</v>
      </c>
      <c r="JB20" s="102">
        <v>27</v>
      </c>
      <c r="JC20" s="102">
        <v>15</v>
      </c>
      <c r="JD20" s="102">
        <v>6</v>
      </c>
      <c r="JE20" s="103">
        <v>130</v>
      </c>
      <c r="JF20" s="104">
        <v>171</v>
      </c>
      <c r="JG20" s="101">
        <v>18</v>
      </c>
      <c r="JH20" s="102">
        <v>20</v>
      </c>
      <c r="JI20" s="103">
        <v>38</v>
      </c>
      <c r="JJ20" s="413">
        <v>0</v>
      </c>
      <c r="JK20" s="102">
        <v>27</v>
      </c>
      <c r="JL20" s="102">
        <v>39</v>
      </c>
      <c r="JM20" s="102">
        <v>26</v>
      </c>
      <c r="JN20" s="102">
        <v>22</v>
      </c>
      <c r="JO20" s="102">
        <v>14</v>
      </c>
      <c r="JP20" s="103">
        <v>128</v>
      </c>
      <c r="JQ20" s="104">
        <v>166</v>
      </c>
      <c r="JR20" s="101">
        <v>0</v>
      </c>
      <c r="JS20" s="102">
        <v>0</v>
      </c>
      <c r="JT20" s="103">
        <v>0</v>
      </c>
      <c r="JU20" s="413">
        <v>0</v>
      </c>
      <c r="JV20" s="102">
        <v>0</v>
      </c>
      <c r="JW20" s="102">
        <v>0</v>
      </c>
      <c r="JX20" s="102">
        <v>0</v>
      </c>
      <c r="JY20" s="102">
        <v>0</v>
      </c>
      <c r="JZ20" s="102">
        <v>0</v>
      </c>
      <c r="KA20" s="103">
        <v>0</v>
      </c>
      <c r="KB20" s="104">
        <v>0</v>
      </c>
      <c r="KC20" s="101">
        <v>80</v>
      </c>
      <c r="KD20" s="102">
        <v>69</v>
      </c>
      <c r="KE20" s="103">
        <v>149</v>
      </c>
      <c r="KF20" s="413">
        <v>0</v>
      </c>
      <c r="KG20" s="102">
        <v>111</v>
      </c>
      <c r="KH20" s="102">
        <v>137</v>
      </c>
      <c r="KI20" s="102">
        <v>79</v>
      </c>
      <c r="KJ20" s="102">
        <v>54</v>
      </c>
      <c r="KK20" s="102">
        <v>29</v>
      </c>
      <c r="KL20" s="103">
        <v>410</v>
      </c>
      <c r="KM20" s="104">
        <v>559</v>
      </c>
    </row>
    <row r="21" spans="2:299" s="70" customFormat="1" ht="21" customHeight="1" x14ac:dyDescent="0.2">
      <c r="B21" s="106" t="s">
        <v>18</v>
      </c>
      <c r="C21" s="96">
        <v>65</v>
      </c>
      <c r="D21" s="97">
        <v>82</v>
      </c>
      <c r="E21" s="98">
        <v>147</v>
      </c>
      <c r="F21" s="413">
        <v>0</v>
      </c>
      <c r="G21" s="97">
        <v>154</v>
      </c>
      <c r="H21" s="97">
        <v>118</v>
      </c>
      <c r="I21" s="97">
        <v>88</v>
      </c>
      <c r="J21" s="97">
        <v>61</v>
      </c>
      <c r="K21" s="97">
        <v>36</v>
      </c>
      <c r="L21" s="99">
        <v>457</v>
      </c>
      <c r="M21" s="100">
        <v>604</v>
      </c>
      <c r="N21" s="101">
        <v>1</v>
      </c>
      <c r="O21" s="102">
        <v>1</v>
      </c>
      <c r="P21" s="103">
        <v>2</v>
      </c>
      <c r="Q21" s="413">
        <v>0</v>
      </c>
      <c r="R21" s="102">
        <v>5</v>
      </c>
      <c r="S21" s="102">
        <v>2</v>
      </c>
      <c r="T21" s="102">
        <v>0</v>
      </c>
      <c r="U21" s="102">
        <v>2</v>
      </c>
      <c r="V21" s="102">
        <v>1</v>
      </c>
      <c r="W21" s="103">
        <v>10</v>
      </c>
      <c r="X21" s="104">
        <v>12</v>
      </c>
      <c r="Y21" s="101">
        <v>2</v>
      </c>
      <c r="Z21" s="102">
        <v>3</v>
      </c>
      <c r="AA21" s="103">
        <v>5</v>
      </c>
      <c r="AB21" s="413">
        <v>0</v>
      </c>
      <c r="AC21" s="102">
        <v>10</v>
      </c>
      <c r="AD21" s="102">
        <v>10</v>
      </c>
      <c r="AE21" s="102">
        <v>4</v>
      </c>
      <c r="AF21" s="102">
        <v>3</v>
      </c>
      <c r="AG21" s="102">
        <v>4</v>
      </c>
      <c r="AH21" s="103">
        <v>31</v>
      </c>
      <c r="AI21" s="104">
        <v>36</v>
      </c>
      <c r="AJ21" s="101">
        <v>7</v>
      </c>
      <c r="AK21" s="102">
        <v>11</v>
      </c>
      <c r="AL21" s="103">
        <v>18</v>
      </c>
      <c r="AM21" s="413">
        <v>0</v>
      </c>
      <c r="AN21" s="102">
        <v>11</v>
      </c>
      <c r="AO21" s="102">
        <v>5</v>
      </c>
      <c r="AP21" s="102">
        <v>4</v>
      </c>
      <c r="AQ21" s="102">
        <v>7</v>
      </c>
      <c r="AR21" s="102">
        <v>4</v>
      </c>
      <c r="AS21" s="103">
        <v>31</v>
      </c>
      <c r="AT21" s="104">
        <v>49</v>
      </c>
      <c r="AU21" s="101">
        <v>19</v>
      </c>
      <c r="AV21" s="102">
        <v>9</v>
      </c>
      <c r="AW21" s="103">
        <v>28</v>
      </c>
      <c r="AX21" s="413">
        <v>0</v>
      </c>
      <c r="AY21" s="102">
        <v>24</v>
      </c>
      <c r="AZ21" s="102">
        <v>29</v>
      </c>
      <c r="BA21" s="102">
        <v>11</v>
      </c>
      <c r="BB21" s="102">
        <v>8</v>
      </c>
      <c r="BC21" s="102">
        <v>5</v>
      </c>
      <c r="BD21" s="103">
        <v>77</v>
      </c>
      <c r="BE21" s="104">
        <v>105</v>
      </c>
      <c r="BF21" s="101">
        <v>19</v>
      </c>
      <c r="BG21" s="102">
        <v>28</v>
      </c>
      <c r="BH21" s="103">
        <v>47</v>
      </c>
      <c r="BI21" s="413">
        <v>0</v>
      </c>
      <c r="BJ21" s="102">
        <v>52</v>
      </c>
      <c r="BK21" s="102">
        <v>33</v>
      </c>
      <c r="BL21" s="102">
        <v>38</v>
      </c>
      <c r="BM21" s="102">
        <v>17</v>
      </c>
      <c r="BN21" s="102">
        <v>10</v>
      </c>
      <c r="BO21" s="103">
        <v>150</v>
      </c>
      <c r="BP21" s="104">
        <v>197</v>
      </c>
      <c r="BQ21" s="101">
        <v>17</v>
      </c>
      <c r="BR21" s="102">
        <v>30</v>
      </c>
      <c r="BS21" s="103">
        <v>47</v>
      </c>
      <c r="BT21" s="413">
        <v>0</v>
      </c>
      <c r="BU21" s="102">
        <v>52</v>
      </c>
      <c r="BV21" s="102">
        <v>39</v>
      </c>
      <c r="BW21" s="102">
        <v>31</v>
      </c>
      <c r="BX21" s="102">
        <v>24</v>
      </c>
      <c r="BY21" s="102">
        <v>12</v>
      </c>
      <c r="BZ21" s="103">
        <v>158</v>
      </c>
      <c r="CA21" s="104">
        <v>205</v>
      </c>
      <c r="CB21" s="101">
        <v>0</v>
      </c>
      <c r="CC21" s="102">
        <v>0</v>
      </c>
      <c r="CD21" s="103">
        <v>0</v>
      </c>
      <c r="CE21" s="413">
        <v>0</v>
      </c>
      <c r="CF21" s="102">
        <v>0</v>
      </c>
      <c r="CG21" s="102">
        <v>0</v>
      </c>
      <c r="CH21" s="102">
        <v>0</v>
      </c>
      <c r="CI21" s="102">
        <v>0</v>
      </c>
      <c r="CJ21" s="102">
        <v>0</v>
      </c>
      <c r="CK21" s="103">
        <v>0</v>
      </c>
      <c r="CL21" s="104">
        <v>0</v>
      </c>
      <c r="CM21" s="101">
        <v>65</v>
      </c>
      <c r="CN21" s="102">
        <v>82</v>
      </c>
      <c r="CO21" s="103">
        <v>147</v>
      </c>
      <c r="CP21" s="413">
        <v>0</v>
      </c>
      <c r="CQ21" s="102">
        <v>154</v>
      </c>
      <c r="CR21" s="102">
        <v>118</v>
      </c>
      <c r="CS21" s="102">
        <v>88</v>
      </c>
      <c r="CT21" s="102">
        <v>61</v>
      </c>
      <c r="CU21" s="102">
        <v>36</v>
      </c>
      <c r="CV21" s="103">
        <v>457</v>
      </c>
      <c r="CW21" s="104">
        <v>604</v>
      </c>
      <c r="CX21" s="105">
        <v>10</v>
      </c>
      <c r="CY21" s="97">
        <v>21</v>
      </c>
      <c r="CZ21" s="98">
        <v>31</v>
      </c>
      <c r="DA21" s="413">
        <v>0</v>
      </c>
      <c r="DB21" s="97">
        <v>24</v>
      </c>
      <c r="DC21" s="97">
        <v>13</v>
      </c>
      <c r="DD21" s="97">
        <v>8</v>
      </c>
      <c r="DE21" s="97">
        <v>5</v>
      </c>
      <c r="DF21" s="97">
        <v>6</v>
      </c>
      <c r="DG21" s="99">
        <v>56</v>
      </c>
      <c r="DH21" s="100">
        <v>87</v>
      </c>
      <c r="DI21" s="101">
        <v>0</v>
      </c>
      <c r="DJ21" s="102">
        <v>0</v>
      </c>
      <c r="DK21" s="103">
        <v>0</v>
      </c>
      <c r="DL21" s="413">
        <v>0</v>
      </c>
      <c r="DM21" s="102">
        <v>0</v>
      </c>
      <c r="DN21" s="102">
        <v>0</v>
      </c>
      <c r="DO21" s="102">
        <v>0</v>
      </c>
      <c r="DP21" s="102">
        <v>0</v>
      </c>
      <c r="DQ21" s="102">
        <v>2</v>
      </c>
      <c r="DR21" s="103">
        <v>2</v>
      </c>
      <c r="DS21" s="104">
        <v>2</v>
      </c>
      <c r="DT21" s="101">
        <v>1</v>
      </c>
      <c r="DU21" s="102">
        <v>3</v>
      </c>
      <c r="DV21" s="103">
        <v>4</v>
      </c>
      <c r="DW21" s="413">
        <v>0</v>
      </c>
      <c r="DX21" s="102">
        <v>1</v>
      </c>
      <c r="DY21" s="102">
        <v>2</v>
      </c>
      <c r="DZ21" s="102">
        <v>1</v>
      </c>
      <c r="EA21" s="102">
        <v>0</v>
      </c>
      <c r="EB21" s="102">
        <v>0</v>
      </c>
      <c r="EC21" s="103">
        <v>4</v>
      </c>
      <c r="ED21" s="104">
        <v>8</v>
      </c>
      <c r="EE21" s="101">
        <v>3</v>
      </c>
      <c r="EF21" s="102">
        <v>5</v>
      </c>
      <c r="EG21" s="103">
        <v>8</v>
      </c>
      <c r="EH21" s="413">
        <v>0</v>
      </c>
      <c r="EI21" s="102">
        <v>4</v>
      </c>
      <c r="EJ21" s="102">
        <v>0</v>
      </c>
      <c r="EK21" s="102">
        <v>0</v>
      </c>
      <c r="EL21" s="102">
        <v>0</v>
      </c>
      <c r="EM21" s="102">
        <v>0</v>
      </c>
      <c r="EN21" s="103">
        <v>4</v>
      </c>
      <c r="EO21" s="104">
        <v>12</v>
      </c>
      <c r="EP21" s="101">
        <v>3</v>
      </c>
      <c r="EQ21" s="102">
        <v>9</v>
      </c>
      <c r="ER21" s="103">
        <v>12</v>
      </c>
      <c r="ES21" s="413">
        <v>0</v>
      </c>
      <c r="ET21" s="102">
        <v>6</v>
      </c>
      <c r="EU21" s="102">
        <v>1</v>
      </c>
      <c r="EV21" s="102">
        <v>1</v>
      </c>
      <c r="EW21" s="102">
        <v>0</v>
      </c>
      <c r="EX21" s="102">
        <v>0</v>
      </c>
      <c r="EY21" s="103">
        <v>8</v>
      </c>
      <c r="EZ21" s="104">
        <v>20</v>
      </c>
      <c r="FA21" s="101">
        <v>1</v>
      </c>
      <c r="FB21" s="102">
        <v>2</v>
      </c>
      <c r="FC21" s="103">
        <v>3</v>
      </c>
      <c r="FD21" s="413">
        <v>0</v>
      </c>
      <c r="FE21" s="102">
        <v>7</v>
      </c>
      <c r="FF21" s="102">
        <v>5</v>
      </c>
      <c r="FG21" s="102">
        <v>2</v>
      </c>
      <c r="FH21" s="102">
        <v>0</v>
      </c>
      <c r="FI21" s="102">
        <v>1</v>
      </c>
      <c r="FJ21" s="103">
        <v>15</v>
      </c>
      <c r="FK21" s="104">
        <v>18</v>
      </c>
      <c r="FL21" s="101">
        <v>2</v>
      </c>
      <c r="FM21" s="102">
        <v>2</v>
      </c>
      <c r="FN21" s="103">
        <v>4</v>
      </c>
      <c r="FO21" s="413">
        <v>0</v>
      </c>
      <c r="FP21" s="102">
        <v>6</v>
      </c>
      <c r="FQ21" s="102">
        <v>5</v>
      </c>
      <c r="FR21" s="102">
        <v>4</v>
      </c>
      <c r="FS21" s="102">
        <v>5</v>
      </c>
      <c r="FT21" s="102">
        <v>3</v>
      </c>
      <c r="FU21" s="103">
        <v>23</v>
      </c>
      <c r="FV21" s="104">
        <v>27</v>
      </c>
      <c r="FW21" s="101">
        <v>0</v>
      </c>
      <c r="FX21" s="102">
        <v>0</v>
      </c>
      <c r="FY21" s="103">
        <v>0</v>
      </c>
      <c r="FZ21" s="413">
        <v>0</v>
      </c>
      <c r="GA21" s="102">
        <v>0</v>
      </c>
      <c r="GB21" s="102">
        <v>0</v>
      </c>
      <c r="GC21" s="102">
        <v>0</v>
      </c>
      <c r="GD21" s="102">
        <v>0</v>
      </c>
      <c r="GE21" s="102">
        <v>0</v>
      </c>
      <c r="GF21" s="103">
        <v>0</v>
      </c>
      <c r="GG21" s="104">
        <v>0</v>
      </c>
      <c r="GH21" s="101">
        <v>10</v>
      </c>
      <c r="GI21" s="102">
        <v>21</v>
      </c>
      <c r="GJ21" s="103">
        <v>31</v>
      </c>
      <c r="GK21" s="413">
        <v>0</v>
      </c>
      <c r="GL21" s="102">
        <v>24</v>
      </c>
      <c r="GM21" s="102">
        <v>13</v>
      </c>
      <c r="GN21" s="102">
        <v>8</v>
      </c>
      <c r="GO21" s="102">
        <v>5</v>
      </c>
      <c r="GP21" s="102">
        <v>6</v>
      </c>
      <c r="GQ21" s="103">
        <v>56</v>
      </c>
      <c r="GR21" s="104">
        <v>87</v>
      </c>
      <c r="GS21" s="105">
        <v>75</v>
      </c>
      <c r="GT21" s="97">
        <v>103</v>
      </c>
      <c r="GU21" s="98">
        <v>178</v>
      </c>
      <c r="GV21" s="413">
        <v>0</v>
      </c>
      <c r="GW21" s="97">
        <v>178</v>
      </c>
      <c r="GX21" s="97">
        <v>131</v>
      </c>
      <c r="GY21" s="97">
        <v>96</v>
      </c>
      <c r="GZ21" s="97">
        <v>66</v>
      </c>
      <c r="HA21" s="97">
        <v>42</v>
      </c>
      <c r="HB21" s="99">
        <v>513</v>
      </c>
      <c r="HC21" s="100">
        <v>691</v>
      </c>
      <c r="HD21" s="101">
        <v>1</v>
      </c>
      <c r="HE21" s="102">
        <v>1</v>
      </c>
      <c r="HF21" s="103">
        <v>2</v>
      </c>
      <c r="HG21" s="413">
        <v>0</v>
      </c>
      <c r="HH21" s="102">
        <v>5</v>
      </c>
      <c r="HI21" s="102">
        <v>2</v>
      </c>
      <c r="HJ21" s="102">
        <v>0</v>
      </c>
      <c r="HK21" s="102">
        <v>2</v>
      </c>
      <c r="HL21" s="102">
        <v>3</v>
      </c>
      <c r="HM21" s="103">
        <v>12</v>
      </c>
      <c r="HN21" s="104">
        <v>14</v>
      </c>
      <c r="HO21" s="101">
        <v>3</v>
      </c>
      <c r="HP21" s="102">
        <v>6</v>
      </c>
      <c r="HQ21" s="103">
        <v>9</v>
      </c>
      <c r="HR21" s="413">
        <v>0</v>
      </c>
      <c r="HS21" s="102">
        <v>11</v>
      </c>
      <c r="HT21" s="102">
        <v>12</v>
      </c>
      <c r="HU21" s="102">
        <v>5</v>
      </c>
      <c r="HV21" s="102">
        <v>3</v>
      </c>
      <c r="HW21" s="102">
        <v>4</v>
      </c>
      <c r="HX21" s="103">
        <v>35</v>
      </c>
      <c r="HY21" s="104">
        <v>44</v>
      </c>
      <c r="HZ21" s="101">
        <v>10</v>
      </c>
      <c r="IA21" s="102">
        <v>16</v>
      </c>
      <c r="IB21" s="103">
        <v>26</v>
      </c>
      <c r="IC21" s="413">
        <v>0</v>
      </c>
      <c r="ID21" s="102">
        <v>15</v>
      </c>
      <c r="IE21" s="102">
        <v>5</v>
      </c>
      <c r="IF21" s="102">
        <v>4</v>
      </c>
      <c r="IG21" s="102">
        <v>7</v>
      </c>
      <c r="IH21" s="102">
        <v>4</v>
      </c>
      <c r="II21" s="103">
        <v>35</v>
      </c>
      <c r="IJ21" s="104">
        <v>61</v>
      </c>
      <c r="IK21" s="101">
        <v>22</v>
      </c>
      <c r="IL21" s="102">
        <v>18</v>
      </c>
      <c r="IM21" s="103">
        <v>40</v>
      </c>
      <c r="IN21" s="413">
        <v>0</v>
      </c>
      <c r="IO21" s="102">
        <v>30</v>
      </c>
      <c r="IP21" s="102">
        <v>30</v>
      </c>
      <c r="IQ21" s="102">
        <v>12</v>
      </c>
      <c r="IR21" s="102">
        <v>8</v>
      </c>
      <c r="IS21" s="102">
        <v>5</v>
      </c>
      <c r="IT21" s="103">
        <v>85</v>
      </c>
      <c r="IU21" s="104">
        <v>125</v>
      </c>
      <c r="IV21" s="101">
        <v>20</v>
      </c>
      <c r="IW21" s="102">
        <v>30</v>
      </c>
      <c r="IX21" s="103">
        <v>50</v>
      </c>
      <c r="IY21" s="413">
        <v>0</v>
      </c>
      <c r="IZ21" s="102">
        <v>59</v>
      </c>
      <c r="JA21" s="102">
        <v>38</v>
      </c>
      <c r="JB21" s="102">
        <v>40</v>
      </c>
      <c r="JC21" s="102">
        <v>17</v>
      </c>
      <c r="JD21" s="102">
        <v>11</v>
      </c>
      <c r="JE21" s="103">
        <v>165</v>
      </c>
      <c r="JF21" s="104">
        <v>215</v>
      </c>
      <c r="JG21" s="101">
        <v>19</v>
      </c>
      <c r="JH21" s="102">
        <v>32</v>
      </c>
      <c r="JI21" s="103">
        <v>51</v>
      </c>
      <c r="JJ21" s="413">
        <v>0</v>
      </c>
      <c r="JK21" s="102">
        <v>58</v>
      </c>
      <c r="JL21" s="102">
        <v>44</v>
      </c>
      <c r="JM21" s="102">
        <v>35</v>
      </c>
      <c r="JN21" s="102">
        <v>29</v>
      </c>
      <c r="JO21" s="102">
        <v>15</v>
      </c>
      <c r="JP21" s="103">
        <v>181</v>
      </c>
      <c r="JQ21" s="104">
        <v>232</v>
      </c>
      <c r="JR21" s="101">
        <v>0</v>
      </c>
      <c r="JS21" s="102">
        <v>0</v>
      </c>
      <c r="JT21" s="103">
        <v>0</v>
      </c>
      <c r="JU21" s="413">
        <v>0</v>
      </c>
      <c r="JV21" s="102">
        <v>0</v>
      </c>
      <c r="JW21" s="102">
        <v>0</v>
      </c>
      <c r="JX21" s="102">
        <v>0</v>
      </c>
      <c r="JY21" s="102">
        <v>0</v>
      </c>
      <c r="JZ21" s="102">
        <v>0</v>
      </c>
      <c r="KA21" s="103">
        <v>0</v>
      </c>
      <c r="KB21" s="104">
        <v>0</v>
      </c>
      <c r="KC21" s="101">
        <v>75</v>
      </c>
      <c r="KD21" s="102">
        <v>103</v>
      </c>
      <c r="KE21" s="103">
        <v>178</v>
      </c>
      <c r="KF21" s="413">
        <v>0</v>
      </c>
      <c r="KG21" s="102">
        <v>178</v>
      </c>
      <c r="KH21" s="102">
        <v>131</v>
      </c>
      <c r="KI21" s="102">
        <v>96</v>
      </c>
      <c r="KJ21" s="102">
        <v>66</v>
      </c>
      <c r="KK21" s="102">
        <v>42</v>
      </c>
      <c r="KL21" s="103">
        <v>513</v>
      </c>
      <c r="KM21" s="104">
        <v>691</v>
      </c>
    </row>
    <row r="22" spans="2:299" s="70" customFormat="1" ht="21" customHeight="1" x14ac:dyDescent="0.2">
      <c r="B22" s="106" t="s">
        <v>19</v>
      </c>
      <c r="C22" s="96">
        <v>39</v>
      </c>
      <c r="D22" s="97">
        <v>33</v>
      </c>
      <c r="E22" s="98">
        <v>72</v>
      </c>
      <c r="F22" s="413">
        <v>0</v>
      </c>
      <c r="G22" s="97">
        <v>72</v>
      </c>
      <c r="H22" s="97">
        <v>45</v>
      </c>
      <c r="I22" s="97">
        <v>28</v>
      </c>
      <c r="J22" s="97">
        <v>19</v>
      </c>
      <c r="K22" s="97">
        <v>21</v>
      </c>
      <c r="L22" s="99">
        <v>185</v>
      </c>
      <c r="M22" s="100">
        <v>257</v>
      </c>
      <c r="N22" s="107">
        <v>0</v>
      </c>
      <c r="O22" s="102">
        <v>1</v>
      </c>
      <c r="P22" s="103">
        <v>1</v>
      </c>
      <c r="Q22" s="413">
        <v>0</v>
      </c>
      <c r="R22" s="102">
        <v>1</v>
      </c>
      <c r="S22" s="102">
        <v>1</v>
      </c>
      <c r="T22" s="102">
        <v>1</v>
      </c>
      <c r="U22" s="102">
        <v>0</v>
      </c>
      <c r="V22" s="102">
        <v>2</v>
      </c>
      <c r="W22" s="103">
        <v>5</v>
      </c>
      <c r="X22" s="104">
        <v>6</v>
      </c>
      <c r="Y22" s="101">
        <v>1</v>
      </c>
      <c r="Z22" s="102">
        <v>1</v>
      </c>
      <c r="AA22" s="103">
        <v>2</v>
      </c>
      <c r="AB22" s="413">
        <v>0</v>
      </c>
      <c r="AC22" s="102">
        <v>3</v>
      </c>
      <c r="AD22" s="102">
        <v>3</v>
      </c>
      <c r="AE22" s="102">
        <v>0</v>
      </c>
      <c r="AF22" s="102">
        <v>1</v>
      </c>
      <c r="AG22" s="102">
        <v>0</v>
      </c>
      <c r="AH22" s="103">
        <v>7</v>
      </c>
      <c r="AI22" s="104">
        <v>9</v>
      </c>
      <c r="AJ22" s="107">
        <v>2</v>
      </c>
      <c r="AK22" s="102">
        <v>1</v>
      </c>
      <c r="AL22" s="103">
        <v>3</v>
      </c>
      <c r="AM22" s="413">
        <v>0</v>
      </c>
      <c r="AN22" s="102">
        <v>8</v>
      </c>
      <c r="AO22" s="102">
        <v>2</v>
      </c>
      <c r="AP22" s="102">
        <v>1</v>
      </c>
      <c r="AQ22" s="102">
        <v>1</v>
      </c>
      <c r="AR22" s="102">
        <v>1</v>
      </c>
      <c r="AS22" s="103">
        <v>13</v>
      </c>
      <c r="AT22" s="104">
        <v>16</v>
      </c>
      <c r="AU22" s="101">
        <v>9</v>
      </c>
      <c r="AV22" s="102">
        <v>7</v>
      </c>
      <c r="AW22" s="103">
        <v>16</v>
      </c>
      <c r="AX22" s="413">
        <v>0</v>
      </c>
      <c r="AY22" s="102">
        <v>10</v>
      </c>
      <c r="AZ22" s="102">
        <v>7</v>
      </c>
      <c r="BA22" s="102">
        <v>6</v>
      </c>
      <c r="BB22" s="102">
        <v>5</v>
      </c>
      <c r="BC22" s="102">
        <v>3</v>
      </c>
      <c r="BD22" s="103">
        <v>31</v>
      </c>
      <c r="BE22" s="104">
        <v>47</v>
      </c>
      <c r="BF22" s="107">
        <v>12</v>
      </c>
      <c r="BG22" s="102">
        <v>11</v>
      </c>
      <c r="BH22" s="103">
        <v>23</v>
      </c>
      <c r="BI22" s="413">
        <v>0</v>
      </c>
      <c r="BJ22" s="102">
        <v>29</v>
      </c>
      <c r="BK22" s="102">
        <v>10</v>
      </c>
      <c r="BL22" s="102">
        <v>9</v>
      </c>
      <c r="BM22" s="102">
        <v>10</v>
      </c>
      <c r="BN22" s="102">
        <v>10</v>
      </c>
      <c r="BO22" s="103">
        <v>68</v>
      </c>
      <c r="BP22" s="104">
        <v>91</v>
      </c>
      <c r="BQ22" s="101">
        <v>15</v>
      </c>
      <c r="BR22" s="102">
        <v>12</v>
      </c>
      <c r="BS22" s="103">
        <v>27</v>
      </c>
      <c r="BT22" s="413">
        <v>0</v>
      </c>
      <c r="BU22" s="102">
        <v>21</v>
      </c>
      <c r="BV22" s="102">
        <v>22</v>
      </c>
      <c r="BW22" s="102">
        <v>11</v>
      </c>
      <c r="BX22" s="102">
        <v>2</v>
      </c>
      <c r="BY22" s="102">
        <v>5</v>
      </c>
      <c r="BZ22" s="103">
        <v>61</v>
      </c>
      <c r="CA22" s="104">
        <v>88</v>
      </c>
      <c r="CB22" s="101">
        <v>0</v>
      </c>
      <c r="CC22" s="102">
        <v>0</v>
      </c>
      <c r="CD22" s="103">
        <v>0</v>
      </c>
      <c r="CE22" s="413">
        <v>0</v>
      </c>
      <c r="CF22" s="102">
        <v>0</v>
      </c>
      <c r="CG22" s="102">
        <v>0</v>
      </c>
      <c r="CH22" s="102">
        <v>0</v>
      </c>
      <c r="CI22" s="102">
        <v>0</v>
      </c>
      <c r="CJ22" s="102">
        <v>0</v>
      </c>
      <c r="CK22" s="103">
        <v>0</v>
      </c>
      <c r="CL22" s="104">
        <v>0</v>
      </c>
      <c r="CM22" s="101">
        <v>39</v>
      </c>
      <c r="CN22" s="102">
        <v>33</v>
      </c>
      <c r="CO22" s="103">
        <v>72</v>
      </c>
      <c r="CP22" s="413">
        <v>0</v>
      </c>
      <c r="CQ22" s="102">
        <v>72</v>
      </c>
      <c r="CR22" s="102">
        <v>45</v>
      </c>
      <c r="CS22" s="102">
        <v>28</v>
      </c>
      <c r="CT22" s="102">
        <v>19</v>
      </c>
      <c r="CU22" s="102">
        <v>21</v>
      </c>
      <c r="CV22" s="103">
        <v>185</v>
      </c>
      <c r="CW22" s="104">
        <v>257</v>
      </c>
      <c r="CX22" s="105">
        <v>5</v>
      </c>
      <c r="CY22" s="97">
        <v>4</v>
      </c>
      <c r="CZ22" s="98">
        <v>9</v>
      </c>
      <c r="DA22" s="413">
        <v>0</v>
      </c>
      <c r="DB22" s="97">
        <v>12</v>
      </c>
      <c r="DC22" s="97">
        <v>7</v>
      </c>
      <c r="DD22" s="97">
        <v>8</v>
      </c>
      <c r="DE22" s="97">
        <v>4</v>
      </c>
      <c r="DF22" s="97">
        <v>2</v>
      </c>
      <c r="DG22" s="99">
        <v>33</v>
      </c>
      <c r="DH22" s="100">
        <v>42</v>
      </c>
      <c r="DI22" s="107">
        <v>1</v>
      </c>
      <c r="DJ22" s="102">
        <v>0</v>
      </c>
      <c r="DK22" s="103">
        <v>1</v>
      </c>
      <c r="DL22" s="413">
        <v>0</v>
      </c>
      <c r="DM22" s="102">
        <v>0</v>
      </c>
      <c r="DN22" s="102">
        <v>1</v>
      </c>
      <c r="DO22" s="102">
        <v>0</v>
      </c>
      <c r="DP22" s="102">
        <v>0</v>
      </c>
      <c r="DQ22" s="102">
        <v>0</v>
      </c>
      <c r="DR22" s="103">
        <v>1</v>
      </c>
      <c r="DS22" s="104">
        <v>2</v>
      </c>
      <c r="DT22" s="101">
        <v>0</v>
      </c>
      <c r="DU22" s="102">
        <v>0</v>
      </c>
      <c r="DV22" s="103">
        <v>0</v>
      </c>
      <c r="DW22" s="413">
        <v>0</v>
      </c>
      <c r="DX22" s="102">
        <v>0</v>
      </c>
      <c r="DY22" s="102">
        <v>0</v>
      </c>
      <c r="DZ22" s="102">
        <v>0</v>
      </c>
      <c r="EA22" s="102">
        <v>0</v>
      </c>
      <c r="EB22" s="102">
        <v>0</v>
      </c>
      <c r="EC22" s="103">
        <v>0</v>
      </c>
      <c r="ED22" s="104">
        <v>0</v>
      </c>
      <c r="EE22" s="107">
        <v>0</v>
      </c>
      <c r="EF22" s="102">
        <v>1</v>
      </c>
      <c r="EG22" s="103">
        <v>1</v>
      </c>
      <c r="EH22" s="413">
        <v>0</v>
      </c>
      <c r="EI22" s="102">
        <v>0</v>
      </c>
      <c r="EJ22" s="102">
        <v>0</v>
      </c>
      <c r="EK22" s="102">
        <v>0</v>
      </c>
      <c r="EL22" s="102">
        <v>1</v>
      </c>
      <c r="EM22" s="102">
        <v>0</v>
      </c>
      <c r="EN22" s="103">
        <v>1</v>
      </c>
      <c r="EO22" s="104">
        <v>2</v>
      </c>
      <c r="EP22" s="101">
        <v>4</v>
      </c>
      <c r="EQ22" s="102">
        <v>1</v>
      </c>
      <c r="ER22" s="103">
        <v>5</v>
      </c>
      <c r="ES22" s="413">
        <v>0</v>
      </c>
      <c r="ET22" s="102">
        <v>5</v>
      </c>
      <c r="EU22" s="102">
        <v>2</v>
      </c>
      <c r="EV22" s="102">
        <v>1</v>
      </c>
      <c r="EW22" s="102">
        <v>0</v>
      </c>
      <c r="EX22" s="102">
        <v>0</v>
      </c>
      <c r="EY22" s="103">
        <v>8</v>
      </c>
      <c r="EZ22" s="104">
        <v>13</v>
      </c>
      <c r="FA22" s="107">
        <v>0</v>
      </c>
      <c r="FB22" s="102">
        <v>1</v>
      </c>
      <c r="FC22" s="103">
        <v>1</v>
      </c>
      <c r="FD22" s="413">
        <v>0</v>
      </c>
      <c r="FE22" s="102">
        <v>4</v>
      </c>
      <c r="FF22" s="102">
        <v>2</v>
      </c>
      <c r="FG22" s="102">
        <v>3</v>
      </c>
      <c r="FH22" s="102">
        <v>2</v>
      </c>
      <c r="FI22" s="102">
        <v>1</v>
      </c>
      <c r="FJ22" s="103">
        <v>12</v>
      </c>
      <c r="FK22" s="104">
        <v>13</v>
      </c>
      <c r="FL22" s="101">
        <v>0</v>
      </c>
      <c r="FM22" s="102">
        <v>1</v>
      </c>
      <c r="FN22" s="103">
        <v>1</v>
      </c>
      <c r="FO22" s="413">
        <v>0</v>
      </c>
      <c r="FP22" s="102">
        <v>3</v>
      </c>
      <c r="FQ22" s="102">
        <v>2</v>
      </c>
      <c r="FR22" s="102">
        <v>4</v>
      </c>
      <c r="FS22" s="102">
        <v>1</v>
      </c>
      <c r="FT22" s="102">
        <v>1</v>
      </c>
      <c r="FU22" s="103">
        <v>11</v>
      </c>
      <c r="FV22" s="104">
        <v>12</v>
      </c>
      <c r="FW22" s="101">
        <v>0</v>
      </c>
      <c r="FX22" s="102">
        <v>0</v>
      </c>
      <c r="FY22" s="103">
        <v>0</v>
      </c>
      <c r="FZ22" s="413">
        <v>0</v>
      </c>
      <c r="GA22" s="102">
        <v>0</v>
      </c>
      <c r="GB22" s="102">
        <v>0</v>
      </c>
      <c r="GC22" s="102">
        <v>0</v>
      </c>
      <c r="GD22" s="102">
        <v>0</v>
      </c>
      <c r="GE22" s="102">
        <v>0</v>
      </c>
      <c r="GF22" s="103">
        <v>0</v>
      </c>
      <c r="GG22" s="104">
        <v>0</v>
      </c>
      <c r="GH22" s="101">
        <v>5</v>
      </c>
      <c r="GI22" s="102">
        <v>4</v>
      </c>
      <c r="GJ22" s="103">
        <v>9</v>
      </c>
      <c r="GK22" s="413">
        <v>0</v>
      </c>
      <c r="GL22" s="102">
        <v>12</v>
      </c>
      <c r="GM22" s="102">
        <v>7</v>
      </c>
      <c r="GN22" s="102">
        <v>8</v>
      </c>
      <c r="GO22" s="102">
        <v>4</v>
      </c>
      <c r="GP22" s="102">
        <v>2</v>
      </c>
      <c r="GQ22" s="103">
        <v>33</v>
      </c>
      <c r="GR22" s="104">
        <v>42</v>
      </c>
      <c r="GS22" s="105">
        <v>44</v>
      </c>
      <c r="GT22" s="97">
        <v>37</v>
      </c>
      <c r="GU22" s="98">
        <v>81</v>
      </c>
      <c r="GV22" s="413">
        <v>0</v>
      </c>
      <c r="GW22" s="97">
        <v>84</v>
      </c>
      <c r="GX22" s="97">
        <v>52</v>
      </c>
      <c r="GY22" s="97">
        <v>36</v>
      </c>
      <c r="GZ22" s="97">
        <v>23</v>
      </c>
      <c r="HA22" s="97">
        <v>23</v>
      </c>
      <c r="HB22" s="99">
        <v>218</v>
      </c>
      <c r="HC22" s="100">
        <v>299</v>
      </c>
      <c r="HD22" s="107">
        <v>1</v>
      </c>
      <c r="HE22" s="102">
        <v>1</v>
      </c>
      <c r="HF22" s="103">
        <v>2</v>
      </c>
      <c r="HG22" s="413">
        <v>0</v>
      </c>
      <c r="HH22" s="102">
        <v>1</v>
      </c>
      <c r="HI22" s="102">
        <v>2</v>
      </c>
      <c r="HJ22" s="102">
        <v>1</v>
      </c>
      <c r="HK22" s="102">
        <v>0</v>
      </c>
      <c r="HL22" s="102">
        <v>2</v>
      </c>
      <c r="HM22" s="103">
        <v>6</v>
      </c>
      <c r="HN22" s="104">
        <v>8</v>
      </c>
      <c r="HO22" s="101">
        <v>1</v>
      </c>
      <c r="HP22" s="102">
        <v>1</v>
      </c>
      <c r="HQ22" s="103">
        <v>2</v>
      </c>
      <c r="HR22" s="413">
        <v>0</v>
      </c>
      <c r="HS22" s="102">
        <v>3</v>
      </c>
      <c r="HT22" s="102">
        <v>3</v>
      </c>
      <c r="HU22" s="102">
        <v>0</v>
      </c>
      <c r="HV22" s="102">
        <v>1</v>
      </c>
      <c r="HW22" s="102">
        <v>0</v>
      </c>
      <c r="HX22" s="103">
        <v>7</v>
      </c>
      <c r="HY22" s="104">
        <v>9</v>
      </c>
      <c r="HZ22" s="107">
        <v>2</v>
      </c>
      <c r="IA22" s="102">
        <v>2</v>
      </c>
      <c r="IB22" s="103">
        <v>4</v>
      </c>
      <c r="IC22" s="413">
        <v>0</v>
      </c>
      <c r="ID22" s="102">
        <v>8</v>
      </c>
      <c r="IE22" s="102">
        <v>2</v>
      </c>
      <c r="IF22" s="102">
        <v>1</v>
      </c>
      <c r="IG22" s="102">
        <v>2</v>
      </c>
      <c r="IH22" s="102">
        <v>1</v>
      </c>
      <c r="II22" s="103">
        <v>14</v>
      </c>
      <c r="IJ22" s="104">
        <v>18</v>
      </c>
      <c r="IK22" s="101">
        <v>13</v>
      </c>
      <c r="IL22" s="102">
        <v>8</v>
      </c>
      <c r="IM22" s="103">
        <v>21</v>
      </c>
      <c r="IN22" s="413">
        <v>0</v>
      </c>
      <c r="IO22" s="102">
        <v>15</v>
      </c>
      <c r="IP22" s="102">
        <v>9</v>
      </c>
      <c r="IQ22" s="102">
        <v>7</v>
      </c>
      <c r="IR22" s="102">
        <v>5</v>
      </c>
      <c r="IS22" s="102">
        <v>3</v>
      </c>
      <c r="IT22" s="103">
        <v>39</v>
      </c>
      <c r="IU22" s="104">
        <v>60</v>
      </c>
      <c r="IV22" s="107">
        <v>12</v>
      </c>
      <c r="IW22" s="102">
        <v>12</v>
      </c>
      <c r="IX22" s="103">
        <v>24</v>
      </c>
      <c r="IY22" s="413">
        <v>0</v>
      </c>
      <c r="IZ22" s="102">
        <v>33</v>
      </c>
      <c r="JA22" s="102">
        <v>12</v>
      </c>
      <c r="JB22" s="102">
        <v>12</v>
      </c>
      <c r="JC22" s="102">
        <v>12</v>
      </c>
      <c r="JD22" s="102">
        <v>11</v>
      </c>
      <c r="JE22" s="103">
        <v>80</v>
      </c>
      <c r="JF22" s="104">
        <v>104</v>
      </c>
      <c r="JG22" s="101">
        <v>15</v>
      </c>
      <c r="JH22" s="102">
        <v>13</v>
      </c>
      <c r="JI22" s="103">
        <v>28</v>
      </c>
      <c r="JJ22" s="413">
        <v>0</v>
      </c>
      <c r="JK22" s="102">
        <v>24</v>
      </c>
      <c r="JL22" s="102">
        <v>24</v>
      </c>
      <c r="JM22" s="102">
        <v>15</v>
      </c>
      <c r="JN22" s="102">
        <v>3</v>
      </c>
      <c r="JO22" s="102">
        <v>6</v>
      </c>
      <c r="JP22" s="103">
        <v>72</v>
      </c>
      <c r="JQ22" s="104">
        <v>100</v>
      </c>
      <c r="JR22" s="101">
        <v>0</v>
      </c>
      <c r="JS22" s="102">
        <v>0</v>
      </c>
      <c r="JT22" s="103">
        <v>0</v>
      </c>
      <c r="JU22" s="413">
        <v>0</v>
      </c>
      <c r="JV22" s="102">
        <v>0</v>
      </c>
      <c r="JW22" s="102">
        <v>0</v>
      </c>
      <c r="JX22" s="102">
        <v>0</v>
      </c>
      <c r="JY22" s="102">
        <v>0</v>
      </c>
      <c r="JZ22" s="102">
        <v>0</v>
      </c>
      <c r="KA22" s="103">
        <v>0</v>
      </c>
      <c r="KB22" s="104">
        <v>0</v>
      </c>
      <c r="KC22" s="101">
        <v>44</v>
      </c>
      <c r="KD22" s="102">
        <v>37</v>
      </c>
      <c r="KE22" s="103">
        <v>81</v>
      </c>
      <c r="KF22" s="413">
        <v>0</v>
      </c>
      <c r="KG22" s="102">
        <v>84</v>
      </c>
      <c r="KH22" s="102">
        <v>52</v>
      </c>
      <c r="KI22" s="102">
        <v>36</v>
      </c>
      <c r="KJ22" s="102">
        <v>23</v>
      </c>
      <c r="KK22" s="102">
        <v>23</v>
      </c>
      <c r="KL22" s="103">
        <v>218</v>
      </c>
      <c r="KM22" s="104">
        <v>299</v>
      </c>
    </row>
    <row r="23" spans="2:299" s="70" customFormat="1" ht="21" customHeight="1" x14ac:dyDescent="0.2">
      <c r="B23" s="106" t="s">
        <v>20</v>
      </c>
      <c r="C23" s="96">
        <v>60</v>
      </c>
      <c r="D23" s="97">
        <v>62</v>
      </c>
      <c r="E23" s="98">
        <v>122</v>
      </c>
      <c r="F23" s="413">
        <v>0</v>
      </c>
      <c r="G23" s="97">
        <v>131</v>
      </c>
      <c r="H23" s="97">
        <v>77</v>
      </c>
      <c r="I23" s="97">
        <v>50</v>
      </c>
      <c r="J23" s="97">
        <v>40</v>
      </c>
      <c r="K23" s="97">
        <v>20</v>
      </c>
      <c r="L23" s="99">
        <v>318</v>
      </c>
      <c r="M23" s="100">
        <v>440</v>
      </c>
      <c r="N23" s="101">
        <v>0</v>
      </c>
      <c r="O23" s="102">
        <v>1</v>
      </c>
      <c r="P23" s="103">
        <v>1</v>
      </c>
      <c r="Q23" s="413">
        <v>0</v>
      </c>
      <c r="R23" s="102">
        <v>2</v>
      </c>
      <c r="S23" s="102">
        <v>1</v>
      </c>
      <c r="T23" s="102">
        <v>2</v>
      </c>
      <c r="U23" s="102">
        <v>0</v>
      </c>
      <c r="V23" s="102">
        <v>0</v>
      </c>
      <c r="W23" s="103">
        <v>5</v>
      </c>
      <c r="X23" s="104">
        <v>6</v>
      </c>
      <c r="Y23" s="101">
        <v>2</v>
      </c>
      <c r="Z23" s="102">
        <v>2</v>
      </c>
      <c r="AA23" s="103">
        <v>4</v>
      </c>
      <c r="AB23" s="413">
        <v>0</v>
      </c>
      <c r="AC23" s="102">
        <v>7</v>
      </c>
      <c r="AD23" s="102">
        <v>6</v>
      </c>
      <c r="AE23" s="102">
        <v>3</v>
      </c>
      <c r="AF23" s="102">
        <v>2</v>
      </c>
      <c r="AG23" s="102">
        <v>0</v>
      </c>
      <c r="AH23" s="103">
        <v>18</v>
      </c>
      <c r="AI23" s="104">
        <v>22</v>
      </c>
      <c r="AJ23" s="101">
        <v>6</v>
      </c>
      <c r="AK23" s="102">
        <v>6</v>
      </c>
      <c r="AL23" s="103">
        <v>12</v>
      </c>
      <c r="AM23" s="413">
        <v>0</v>
      </c>
      <c r="AN23" s="102">
        <v>14</v>
      </c>
      <c r="AO23" s="102">
        <v>3</v>
      </c>
      <c r="AP23" s="102">
        <v>8</v>
      </c>
      <c r="AQ23" s="102">
        <v>4</v>
      </c>
      <c r="AR23" s="102">
        <v>3</v>
      </c>
      <c r="AS23" s="103">
        <v>32</v>
      </c>
      <c r="AT23" s="104">
        <v>44</v>
      </c>
      <c r="AU23" s="101">
        <v>15</v>
      </c>
      <c r="AV23" s="102">
        <v>14</v>
      </c>
      <c r="AW23" s="103">
        <v>29</v>
      </c>
      <c r="AX23" s="413">
        <v>0</v>
      </c>
      <c r="AY23" s="102">
        <v>39</v>
      </c>
      <c r="AZ23" s="102">
        <v>15</v>
      </c>
      <c r="BA23" s="102">
        <v>9</v>
      </c>
      <c r="BB23" s="102">
        <v>10</v>
      </c>
      <c r="BC23" s="102">
        <v>8</v>
      </c>
      <c r="BD23" s="103">
        <v>81</v>
      </c>
      <c r="BE23" s="104">
        <v>110</v>
      </c>
      <c r="BF23" s="101">
        <v>24</v>
      </c>
      <c r="BG23" s="102">
        <v>20</v>
      </c>
      <c r="BH23" s="103">
        <v>44</v>
      </c>
      <c r="BI23" s="413">
        <v>0</v>
      </c>
      <c r="BJ23" s="102">
        <v>41</v>
      </c>
      <c r="BK23" s="102">
        <v>26</v>
      </c>
      <c r="BL23" s="102">
        <v>15</v>
      </c>
      <c r="BM23" s="102">
        <v>13</v>
      </c>
      <c r="BN23" s="102">
        <v>6</v>
      </c>
      <c r="BO23" s="103">
        <v>101</v>
      </c>
      <c r="BP23" s="104">
        <v>145</v>
      </c>
      <c r="BQ23" s="101">
        <v>13</v>
      </c>
      <c r="BR23" s="102">
        <v>19</v>
      </c>
      <c r="BS23" s="103">
        <v>32</v>
      </c>
      <c r="BT23" s="413">
        <v>0</v>
      </c>
      <c r="BU23" s="102">
        <v>28</v>
      </c>
      <c r="BV23" s="102">
        <v>26</v>
      </c>
      <c r="BW23" s="102">
        <v>13</v>
      </c>
      <c r="BX23" s="102">
        <v>11</v>
      </c>
      <c r="BY23" s="102">
        <v>3</v>
      </c>
      <c r="BZ23" s="103">
        <v>81</v>
      </c>
      <c r="CA23" s="104">
        <v>113</v>
      </c>
      <c r="CB23" s="101">
        <v>0</v>
      </c>
      <c r="CC23" s="102">
        <v>0</v>
      </c>
      <c r="CD23" s="103">
        <v>0</v>
      </c>
      <c r="CE23" s="413">
        <v>0</v>
      </c>
      <c r="CF23" s="102">
        <v>0</v>
      </c>
      <c r="CG23" s="102">
        <v>0</v>
      </c>
      <c r="CH23" s="102">
        <v>0</v>
      </c>
      <c r="CI23" s="102">
        <v>0</v>
      </c>
      <c r="CJ23" s="102">
        <v>0</v>
      </c>
      <c r="CK23" s="103">
        <v>0</v>
      </c>
      <c r="CL23" s="104">
        <v>0</v>
      </c>
      <c r="CM23" s="101">
        <v>60</v>
      </c>
      <c r="CN23" s="102">
        <v>62</v>
      </c>
      <c r="CO23" s="103">
        <v>122</v>
      </c>
      <c r="CP23" s="413">
        <v>0</v>
      </c>
      <c r="CQ23" s="102">
        <v>131</v>
      </c>
      <c r="CR23" s="102">
        <v>77</v>
      </c>
      <c r="CS23" s="102">
        <v>50</v>
      </c>
      <c r="CT23" s="102">
        <v>40</v>
      </c>
      <c r="CU23" s="102">
        <v>20</v>
      </c>
      <c r="CV23" s="103">
        <v>318</v>
      </c>
      <c r="CW23" s="104">
        <v>440</v>
      </c>
      <c r="CX23" s="105">
        <v>7</v>
      </c>
      <c r="CY23" s="97">
        <v>13</v>
      </c>
      <c r="CZ23" s="98">
        <v>20</v>
      </c>
      <c r="DA23" s="413">
        <v>0</v>
      </c>
      <c r="DB23" s="97">
        <v>18</v>
      </c>
      <c r="DC23" s="97">
        <v>5</v>
      </c>
      <c r="DD23" s="97">
        <v>2</v>
      </c>
      <c r="DE23" s="97">
        <v>6</v>
      </c>
      <c r="DF23" s="97">
        <v>3</v>
      </c>
      <c r="DG23" s="99">
        <v>34</v>
      </c>
      <c r="DH23" s="100">
        <v>54</v>
      </c>
      <c r="DI23" s="101">
        <v>0</v>
      </c>
      <c r="DJ23" s="102">
        <v>0</v>
      </c>
      <c r="DK23" s="103">
        <v>0</v>
      </c>
      <c r="DL23" s="413">
        <v>0</v>
      </c>
      <c r="DM23" s="102">
        <v>0</v>
      </c>
      <c r="DN23" s="102">
        <v>0</v>
      </c>
      <c r="DO23" s="102">
        <v>0</v>
      </c>
      <c r="DP23" s="102">
        <v>0</v>
      </c>
      <c r="DQ23" s="102">
        <v>0</v>
      </c>
      <c r="DR23" s="103">
        <v>0</v>
      </c>
      <c r="DS23" s="104">
        <v>0</v>
      </c>
      <c r="DT23" s="101">
        <v>0</v>
      </c>
      <c r="DU23" s="102">
        <v>1</v>
      </c>
      <c r="DV23" s="103">
        <v>1</v>
      </c>
      <c r="DW23" s="413">
        <v>0</v>
      </c>
      <c r="DX23" s="102">
        <v>0</v>
      </c>
      <c r="DY23" s="102">
        <v>1</v>
      </c>
      <c r="DZ23" s="102">
        <v>0</v>
      </c>
      <c r="EA23" s="102">
        <v>0</v>
      </c>
      <c r="EB23" s="102">
        <v>0</v>
      </c>
      <c r="EC23" s="103">
        <v>1</v>
      </c>
      <c r="ED23" s="104">
        <v>2</v>
      </c>
      <c r="EE23" s="101">
        <v>3</v>
      </c>
      <c r="EF23" s="102">
        <v>1</v>
      </c>
      <c r="EG23" s="103">
        <v>4</v>
      </c>
      <c r="EH23" s="413">
        <v>0</v>
      </c>
      <c r="EI23" s="102">
        <v>2</v>
      </c>
      <c r="EJ23" s="102">
        <v>1</v>
      </c>
      <c r="EK23" s="102">
        <v>0</v>
      </c>
      <c r="EL23" s="102">
        <v>0</v>
      </c>
      <c r="EM23" s="102">
        <v>1</v>
      </c>
      <c r="EN23" s="103">
        <v>4</v>
      </c>
      <c r="EO23" s="104">
        <v>8</v>
      </c>
      <c r="EP23" s="101">
        <v>4</v>
      </c>
      <c r="EQ23" s="102">
        <v>3</v>
      </c>
      <c r="ER23" s="103">
        <v>7</v>
      </c>
      <c r="ES23" s="413">
        <v>0</v>
      </c>
      <c r="ET23" s="102">
        <v>5</v>
      </c>
      <c r="EU23" s="102">
        <v>0</v>
      </c>
      <c r="EV23" s="102">
        <v>1</v>
      </c>
      <c r="EW23" s="102">
        <v>1</v>
      </c>
      <c r="EX23" s="102">
        <v>0</v>
      </c>
      <c r="EY23" s="103">
        <v>7</v>
      </c>
      <c r="EZ23" s="104">
        <v>14</v>
      </c>
      <c r="FA23" s="101">
        <v>0</v>
      </c>
      <c r="FB23" s="102">
        <v>4</v>
      </c>
      <c r="FC23" s="103">
        <v>4</v>
      </c>
      <c r="FD23" s="413">
        <v>0</v>
      </c>
      <c r="FE23" s="102">
        <v>3</v>
      </c>
      <c r="FF23" s="102">
        <v>1</v>
      </c>
      <c r="FG23" s="102">
        <v>0</v>
      </c>
      <c r="FH23" s="102">
        <v>2</v>
      </c>
      <c r="FI23" s="102">
        <v>0</v>
      </c>
      <c r="FJ23" s="103">
        <v>6</v>
      </c>
      <c r="FK23" s="104">
        <v>10</v>
      </c>
      <c r="FL23" s="101">
        <v>0</v>
      </c>
      <c r="FM23" s="102">
        <v>4</v>
      </c>
      <c r="FN23" s="103">
        <v>4</v>
      </c>
      <c r="FO23" s="413">
        <v>0</v>
      </c>
      <c r="FP23" s="102">
        <v>8</v>
      </c>
      <c r="FQ23" s="102">
        <v>2</v>
      </c>
      <c r="FR23" s="102">
        <v>1</v>
      </c>
      <c r="FS23" s="102">
        <v>3</v>
      </c>
      <c r="FT23" s="102">
        <v>2</v>
      </c>
      <c r="FU23" s="103">
        <v>16</v>
      </c>
      <c r="FV23" s="104">
        <v>20</v>
      </c>
      <c r="FW23" s="101">
        <v>0</v>
      </c>
      <c r="FX23" s="102">
        <v>0</v>
      </c>
      <c r="FY23" s="103">
        <v>0</v>
      </c>
      <c r="FZ23" s="413">
        <v>0</v>
      </c>
      <c r="GA23" s="102">
        <v>0</v>
      </c>
      <c r="GB23" s="102">
        <v>0</v>
      </c>
      <c r="GC23" s="102">
        <v>0</v>
      </c>
      <c r="GD23" s="102">
        <v>0</v>
      </c>
      <c r="GE23" s="102">
        <v>0</v>
      </c>
      <c r="GF23" s="103">
        <v>0</v>
      </c>
      <c r="GG23" s="104">
        <v>0</v>
      </c>
      <c r="GH23" s="101">
        <v>7</v>
      </c>
      <c r="GI23" s="102">
        <v>13</v>
      </c>
      <c r="GJ23" s="103">
        <v>20</v>
      </c>
      <c r="GK23" s="413">
        <v>0</v>
      </c>
      <c r="GL23" s="102">
        <v>18</v>
      </c>
      <c r="GM23" s="102">
        <v>5</v>
      </c>
      <c r="GN23" s="102">
        <v>2</v>
      </c>
      <c r="GO23" s="102">
        <v>6</v>
      </c>
      <c r="GP23" s="102">
        <v>3</v>
      </c>
      <c r="GQ23" s="103">
        <v>34</v>
      </c>
      <c r="GR23" s="104">
        <v>54</v>
      </c>
      <c r="GS23" s="105">
        <v>67</v>
      </c>
      <c r="GT23" s="97">
        <v>75</v>
      </c>
      <c r="GU23" s="98">
        <v>142</v>
      </c>
      <c r="GV23" s="413">
        <v>0</v>
      </c>
      <c r="GW23" s="97">
        <v>149</v>
      </c>
      <c r="GX23" s="97">
        <v>82</v>
      </c>
      <c r="GY23" s="97">
        <v>52</v>
      </c>
      <c r="GZ23" s="97">
        <v>46</v>
      </c>
      <c r="HA23" s="97">
        <v>23</v>
      </c>
      <c r="HB23" s="99">
        <v>352</v>
      </c>
      <c r="HC23" s="100">
        <v>494</v>
      </c>
      <c r="HD23" s="101">
        <v>0</v>
      </c>
      <c r="HE23" s="102">
        <v>1</v>
      </c>
      <c r="HF23" s="103">
        <v>1</v>
      </c>
      <c r="HG23" s="413">
        <v>0</v>
      </c>
      <c r="HH23" s="102">
        <v>2</v>
      </c>
      <c r="HI23" s="102">
        <v>1</v>
      </c>
      <c r="HJ23" s="102">
        <v>2</v>
      </c>
      <c r="HK23" s="102">
        <v>0</v>
      </c>
      <c r="HL23" s="102">
        <v>0</v>
      </c>
      <c r="HM23" s="103">
        <v>5</v>
      </c>
      <c r="HN23" s="104">
        <v>6</v>
      </c>
      <c r="HO23" s="101">
        <v>2</v>
      </c>
      <c r="HP23" s="102">
        <v>3</v>
      </c>
      <c r="HQ23" s="103">
        <v>5</v>
      </c>
      <c r="HR23" s="413">
        <v>0</v>
      </c>
      <c r="HS23" s="102">
        <v>7</v>
      </c>
      <c r="HT23" s="102">
        <v>7</v>
      </c>
      <c r="HU23" s="102">
        <v>3</v>
      </c>
      <c r="HV23" s="102">
        <v>2</v>
      </c>
      <c r="HW23" s="102">
        <v>0</v>
      </c>
      <c r="HX23" s="103">
        <v>19</v>
      </c>
      <c r="HY23" s="104">
        <v>24</v>
      </c>
      <c r="HZ23" s="101">
        <v>9</v>
      </c>
      <c r="IA23" s="102">
        <v>7</v>
      </c>
      <c r="IB23" s="103">
        <v>16</v>
      </c>
      <c r="IC23" s="413">
        <v>0</v>
      </c>
      <c r="ID23" s="102">
        <v>16</v>
      </c>
      <c r="IE23" s="102">
        <v>4</v>
      </c>
      <c r="IF23" s="102">
        <v>8</v>
      </c>
      <c r="IG23" s="102">
        <v>4</v>
      </c>
      <c r="IH23" s="102">
        <v>4</v>
      </c>
      <c r="II23" s="103">
        <v>36</v>
      </c>
      <c r="IJ23" s="104">
        <v>52</v>
      </c>
      <c r="IK23" s="101">
        <v>19</v>
      </c>
      <c r="IL23" s="102">
        <v>17</v>
      </c>
      <c r="IM23" s="103">
        <v>36</v>
      </c>
      <c r="IN23" s="413">
        <v>0</v>
      </c>
      <c r="IO23" s="102">
        <v>44</v>
      </c>
      <c r="IP23" s="102">
        <v>15</v>
      </c>
      <c r="IQ23" s="102">
        <v>10</v>
      </c>
      <c r="IR23" s="102">
        <v>11</v>
      </c>
      <c r="IS23" s="102">
        <v>8</v>
      </c>
      <c r="IT23" s="103">
        <v>88</v>
      </c>
      <c r="IU23" s="104">
        <v>124</v>
      </c>
      <c r="IV23" s="101">
        <v>24</v>
      </c>
      <c r="IW23" s="102">
        <v>24</v>
      </c>
      <c r="IX23" s="103">
        <v>48</v>
      </c>
      <c r="IY23" s="413">
        <v>0</v>
      </c>
      <c r="IZ23" s="102">
        <v>44</v>
      </c>
      <c r="JA23" s="102">
        <v>27</v>
      </c>
      <c r="JB23" s="102">
        <v>15</v>
      </c>
      <c r="JC23" s="102">
        <v>15</v>
      </c>
      <c r="JD23" s="102">
        <v>6</v>
      </c>
      <c r="JE23" s="103">
        <v>107</v>
      </c>
      <c r="JF23" s="104">
        <v>155</v>
      </c>
      <c r="JG23" s="101">
        <v>13</v>
      </c>
      <c r="JH23" s="102">
        <v>23</v>
      </c>
      <c r="JI23" s="103">
        <v>36</v>
      </c>
      <c r="JJ23" s="413">
        <v>0</v>
      </c>
      <c r="JK23" s="102">
        <v>36</v>
      </c>
      <c r="JL23" s="102">
        <v>28</v>
      </c>
      <c r="JM23" s="102">
        <v>14</v>
      </c>
      <c r="JN23" s="102">
        <v>14</v>
      </c>
      <c r="JO23" s="102">
        <v>5</v>
      </c>
      <c r="JP23" s="103">
        <v>97</v>
      </c>
      <c r="JQ23" s="104">
        <v>133</v>
      </c>
      <c r="JR23" s="101">
        <v>0</v>
      </c>
      <c r="JS23" s="102">
        <v>0</v>
      </c>
      <c r="JT23" s="103">
        <v>0</v>
      </c>
      <c r="JU23" s="413">
        <v>0</v>
      </c>
      <c r="JV23" s="102">
        <v>0</v>
      </c>
      <c r="JW23" s="102">
        <v>0</v>
      </c>
      <c r="JX23" s="102">
        <v>0</v>
      </c>
      <c r="JY23" s="102">
        <v>0</v>
      </c>
      <c r="JZ23" s="102">
        <v>0</v>
      </c>
      <c r="KA23" s="103">
        <v>0</v>
      </c>
      <c r="KB23" s="104">
        <v>0</v>
      </c>
      <c r="KC23" s="101">
        <v>67</v>
      </c>
      <c r="KD23" s="102">
        <v>75</v>
      </c>
      <c r="KE23" s="103">
        <v>142</v>
      </c>
      <c r="KF23" s="413">
        <v>0</v>
      </c>
      <c r="KG23" s="102">
        <v>149</v>
      </c>
      <c r="KH23" s="102">
        <v>82</v>
      </c>
      <c r="KI23" s="102">
        <v>52</v>
      </c>
      <c r="KJ23" s="102">
        <v>46</v>
      </c>
      <c r="KK23" s="102">
        <v>23</v>
      </c>
      <c r="KL23" s="103">
        <v>352</v>
      </c>
      <c r="KM23" s="104">
        <v>494</v>
      </c>
    </row>
    <row r="24" spans="2:299" s="70" customFormat="1" ht="21" customHeight="1" x14ac:dyDescent="0.2">
      <c r="B24" s="106" t="s">
        <v>21</v>
      </c>
      <c r="C24" s="96">
        <v>52</v>
      </c>
      <c r="D24" s="97">
        <v>43</v>
      </c>
      <c r="E24" s="98">
        <v>95</v>
      </c>
      <c r="F24" s="413">
        <v>0</v>
      </c>
      <c r="G24" s="97">
        <v>73</v>
      </c>
      <c r="H24" s="97">
        <v>62</v>
      </c>
      <c r="I24" s="97">
        <v>36</v>
      </c>
      <c r="J24" s="97">
        <v>21</v>
      </c>
      <c r="K24" s="97">
        <v>22</v>
      </c>
      <c r="L24" s="99">
        <v>214</v>
      </c>
      <c r="M24" s="100">
        <v>309</v>
      </c>
      <c r="N24" s="101">
        <v>1</v>
      </c>
      <c r="O24" s="102">
        <v>0</v>
      </c>
      <c r="P24" s="103">
        <v>1</v>
      </c>
      <c r="Q24" s="413">
        <v>0</v>
      </c>
      <c r="R24" s="102">
        <v>0</v>
      </c>
      <c r="S24" s="102">
        <v>3</v>
      </c>
      <c r="T24" s="102">
        <v>2</v>
      </c>
      <c r="U24" s="102">
        <v>0</v>
      </c>
      <c r="V24" s="102">
        <v>2</v>
      </c>
      <c r="W24" s="103">
        <v>7</v>
      </c>
      <c r="X24" s="104">
        <v>8</v>
      </c>
      <c r="Y24" s="101">
        <v>3</v>
      </c>
      <c r="Z24" s="102">
        <v>1</v>
      </c>
      <c r="AA24" s="103">
        <v>4</v>
      </c>
      <c r="AB24" s="413">
        <v>0</v>
      </c>
      <c r="AC24" s="102">
        <v>2</v>
      </c>
      <c r="AD24" s="102">
        <v>3</v>
      </c>
      <c r="AE24" s="102">
        <v>2</v>
      </c>
      <c r="AF24" s="102">
        <v>1</v>
      </c>
      <c r="AG24" s="102">
        <v>0</v>
      </c>
      <c r="AH24" s="103">
        <v>8</v>
      </c>
      <c r="AI24" s="104">
        <v>12</v>
      </c>
      <c r="AJ24" s="101">
        <v>7</v>
      </c>
      <c r="AK24" s="102">
        <v>5</v>
      </c>
      <c r="AL24" s="103">
        <v>12</v>
      </c>
      <c r="AM24" s="413">
        <v>0</v>
      </c>
      <c r="AN24" s="102">
        <v>10</v>
      </c>
      <c r="AO24" s="102">
        <v>7</v>
      </c>
      <c r="AP24" s="102">
        <v>3</v>
      </c>
      <c r="AQ24" s="102">
        <v>3</v>
      </c>
      <c r="AR24" s="102">
        <v>2</v>
      </c>
      <c r="AS24" s="103">
        <v>25</v>
      </c>
      <c r="AT24" s="104">
        <v>37</v>
      </c>
      <c r="AU24" s="101">
        <v>10</v>
      </c>
      <c r="AV24" s="102">
        <v>8</v>
      </c>
      <c r="AW24" s="103">
        <v>18</v>
      </c>
      <c r="AX24" s="413">
        <v>0</v>
      </c>
      <c r="AY24" s="102">
        <v>13</v>
      </c>
      <c r="AZ24" s="102">
        <v>15</v>
      </c>
      <c r="BA24" s="102">
        <v>9</v>
      </c>
      <c r="BB24" s="102">
        <v>6</v>
      </c>
      <c r="BC24" s="102">
        <v>5</v>
      </c>
      <c r="BD24" s="103">
        <v>48</v>
      </c>
      <c r="BE24" s="104">
        <v>66</v>
      </c>
      <c r="BF24" s="101">
        <v>18</v>
      </c>
      <c r="BG24" s="102">
        <v>16</v>
      </c>
      <c r="BH24" s="103">
        <v>34</v>
      </c>
      <c r="BI24" s="413">
        <v>0</v>
      </c>
      <c r="BJ24" s="102">
        <v>27</v>
      </c>
      <c r="BK24" s="102">
        <v>11</v>
      </c>
      <c r="BL24" s="102">
        <v>9</v>
      </c>
      <c r="BM24" s="102">
        <v>4</v>
      </c>
      <c r="BN24" s="102">
        <v>6</v>
      </c>
      <c r="BO24" s="103">
        <v>57</v>
      </c>
      <c r="BP24" s="104">
        <v>91</v>
      </c>
      <c r="BQ24" s="101">
        <v>13</v>
      </c>
      <c r="BR24" s="102">
        <v>13</v>
      </c>
      <c r="BS24" s="103">
        <v>26</v>
      </c>
      <c r="BT24" s="413">
        <v>0</v>
      </c>
      <c r="BU24" s="102">
        <v>21</v>
      </c>
      <c r="BV24" s="102">
        <v>23</v>
      </c>
      <c r="BW24" s="102">
        <v>11</v>
      </c>
      <c r="BX24" s="102">
        <v>7</v>
      </c>
      <c r="BY24" s="102">
        <v>7</v>
      </c>
      <c r="BZ24" s="103">
        <v>69</v>
      </c>
      <c r="CA24" s="104">
        <v>95</v>
      </c>
      <c r="CB24" s="101">
        <v>0</v>
      </c>
      <c r="CC24" s="102">
        <v>0</v>
      </c>
      <c r="CD24" s="103">
        <v>0</v>
      </c>
      <c r="CE24" s="413">
        <v>0</v>
      </c>
      <c r="CF24" s="102">
        <v>0</v>
      </c>
      <c r="CG24" s="102">
        <v>0</v>
      </c>
      <c r="CH24" s="102">
        <v>0</v>
      </c>
      <c r="CI24" s="102">
        <v>0</v>
      </c>
      <c r="CJ24" s="102">
        <v>0</v>
      </c>
      <c r="CK24" s="103">
        <v>0</v>
      </c>
      <c r="CL24" s="104">
        <v>0</v>
      </c>
      <c r="CM24" s="101">
        <v>52</v>
      </c>
      <c r="CN24" s="102">
        <v>43</v>
      </c>
      <c r="CO24" s="103">
        <v>95</v>
      </c>
      <c r="CP24" s="413">
        <v>0</v>
      </c>
      <c r="CQ24" s="102">
        <v>73</v>
      </c>
      <c r="CR24" s="102">
        <v>62</v>
      </c>
      <c r="CS24" s="102">
        <v>36</v>
      </c>
      <c r="CT24" s="102">
        <v>21</v>
      </c>
      <c r="CU24" s="102">
        <v>22</v>
      </c>
      <c r="CV24" s="103">
        <v>214</v>
      </c>
      <c r="CW24" s="104">
        <v>309</v>
      </c>
      <c r="CX24" s="105">
        <v>9</v>
      </c>
      <c r="CY24" s="97">
        <v>4</v>
      </c>
      <c r="CZ24" s="98">
        <v>13</v>
      </c>
      <c r="DA24" s="413">
        <v>0</v>
      </c>
      <c r="DB24" s="97">
        <v>10</v>
      </c>
      <c r="DC24" s="97">
        <v>8</v>
      </c>
      <c r="DD24" s="97">
        <v>8</v>
      </c>
      <c r="DE24" s="97">
        <v>7</v>
      </c>
      <c r="DF24" s="97">
        <v>4</v>
      </c>
      <c r="DG24" s="99">
        <v>37</v>
      </c>
      <c r="DH24" s="100">
        <v>50</v>
      </c>
      <c r="DI24" s="101">
        <v>0</v>
      </c>
      <c r="DJ24" s="102">
        <v>0</v>
      </c>
      <c r="DK24" s="103">
        <v>0</v>
      </c>
      <c r="DL24" s="413">
        <v>0</v>
      </c>
      <c r="DM24" s="102">
        <v>1</v>
      </c>
      <c r="DN24" s="102">
        <v>0</v>
      </c>
      <c r="DO24" s="102">
        <v>1</v>
      </c>
      <c r="DP24" s="102">
        <v>0</v>
      </c>
      <c r="DQ24" s="102">
        <v>0</v>
      </c>
      <c r="DR24" s="103">
        <v>2</v>
      </c>
      <c r="DS24" s="104">
        <v>2</v>
      </c>
      <c r="DT24" s="101">
        <v>1</v>
      </c>
      <c r="DU24" s="102">
        <v>0</v>
      </c>
      <c r="DV24" s="103">
        <v>1</v>
      </c>
      <c r="DW24" s="413">
        <v>0</v>
      </c>
      <c r="DX24" s="102">
        <v>0</v>
      </c>
      <c r="DY24" s="102">
        <v>1</v>
      </c>
      <c r="DZ24" s="102">
        <v>0</v>
      </c>
      <c r="EA24" s="102">
        <v>0</v>
      </c>
      <c r="EB24" s="102">
        <v>1</v>
      </c>
      <c r="EC24" s="103">
        <v>2</v>
      </c>
      <c r="ED24" s="104">
        <v>3</v>
      </c>
      <c r="EE24" s="101">
        <v>1</v>
      </c>
      <c r="EF24" s="102">
        <v>2</v>
      </c>
      <c r="EG24" s="103">
        <v>3</v>
      </c>
      <c r="EH24" s="413">
        <v>0</v>
      </c>
      <c r="EI24" s="102">
        <v>1</v>
      </c>
      <c r="EJ24" s="102">
        <v>0</v>
      </c>
      <c r="EK24" s="102">
        <v>0</v>
      </c>
      <c r="EL24" s="102">
        <v>0</v>
      </c>
      <c r="EM24" s="102">
        <v>0</v>
      </c>
      <c r="EN24" s="103">
        <v>1</v>
      </c>
      <c r="EO24" s="104">
        <v>4</v>
      </c>
      <c r="EP24" s="101">
        <v>3</v>
      </c>
      <c r="EQ24" s="102">
        <v>0</v>
      </c>
      <c r="ER24" s="103">
        <v>3</v>
      </c>
      <c r="ES24" s="413">
        <v>0</v>
      </c>
      <c r="ET24" s="102">
        <v>0</v>
      </c>
      <c r="EU24" s="102">
        <v>1</v>
      </c>
      <c r="EV24" s="102">
        <v>2</v>
      </c>
      <c r="EW24" s="102">
        <v>0</v>
      </c>
      <c r="EX24" s="102">
        <v>1</v>
      </c>
      <c r="EY24" s="103">
        <v>4</v>
      </c>
      <c r="EZ24" s="104">
        <v>7</v>
      </c>
      <c r="FA24" s="101">
        <v>3</v>
      </c>
      <c r="FB24" s="102">
        <v>1</v>
      </c>
      <c r="FC24" s="103">
        <v>4</v>
      </c>
      <c r="FD24" s="413">
        <v>0</v>
      </c>
      <c r="FE24" s="102">
        <v>5</v>
      </c>
      <c r="FF24" s="102">
        <v>3</v>
      </c>
      <c r="FG24" s="102">
        <v>1</v>
      </c>
      <c r="FH24" s="102">
        <v>2</v>
      </c>
      <c r="FI24" s="102">
        <v>1</v>
      </c>
      <c r="FJ24" s="103">
        <v>12</v>
      </c>
      <c r="FK24" s="104">
        <v>16</v>
      </c>
      <c r="FL24" s="101">
        <v>1</v>
      </c>
      <c r="FM24" s="102">
        <v>1</v>
      </c>
      <c r="FN24" s="103">
        <v>2</v>
      </c>
      <c r="FO24" s="413">
        <v>0</v>
      </c>
      <c r="FP24" s="102">
        <v>3</v>
      </c>
      <c r="FQ24" s="102">
        <v>3</v>
      </c>
      <c r="FR24" s="102">
        <v>4</v>
      </c>
      <c r="FS24" s="102">
        <v>5</v>
      </c>
      <c r="FT24" s="102">
        <v>1</v>
      </c>
      <c r="FU24" s="103">
        <v>16</v>
      </c>
      <c r="FV24" s="104">
        <v>18</v>
      </c>
      <c r="FW24" s="101">
        <v>0</v>
      </c>
      <c r="FX24" s="102">
        <v>0</v>
      </c>
      <c r="FY24" s="103">
        <v>0</v>
      </c>
      <c r="FZ24" s="413">
        <v>0</v>
      </c>
      <c r="GA24" s="102">
        <v>0</v>
      </c>
      <c r="GB24" s="102">
        <v>0</v>
      </c>
      <c r="GC24" s="102">
        <v>0</v>
      </c>
      <c r="GD24" s="102">
        <v>0</v>
      </c>
      <c r="GE24" s="102">
        <v>0</v>
      </c>
      <c r="GF24" s="103">
        <v>0</v>
      </c>
      <c r="GG24" s="104">
        <v>0</v>
      </c>
      <c r="GH24" s="101">
        <v>9</v>
      </c>
      <c r="GI24" s="102">
        <v>4</v>
      </c>
      <c r="GJ24" s="103">
        <v>13</v>
      </c>
      <c r="GK24" s="413">
        <v>0</v>
      </c>
      <c r="GL24" s="102">
        <v>10</v>
      </c>
      <c r="GM24" s="102">
        <v>8</v>
      </c>
      <c r="GN24" s="102">
        <v>8</v>
      </c>
      <c r="GO24" s="102">
        <v>7</v>
      </c>
      <c r="GP24" s="102">
        <v>4</v>
      </c>
      <c r="GQ24" s="103">
        <v>37</v>
      </c>
      <c r="GR24" s="104">
        <v>50</v>
      </c>
      <c r="GS24" s="105">
        <v>61</v>
      </c>
      <c r="GT24" s="97">
        <v>47</v>
      </c>
      <c r="GU24" s="98">
        <v>108</v>
      </c>
      <c r="GV24" s="413">
        <v>0</v>
      </c>
      <c r="GW24" s="97">
        <v>83</v>
      </c>
      <c r="GX24" s="97">
        <v>70</v>
      </c>
      <c r="GY24" s="97">
        <v>44</v>
      </c>
      <c r="GZ24" s="97">
        <v>28</v>
      </c>
      <c r="HA24" s="97">
        <v>26</v>
      </c>
      <c r="HB24" s="99">
        <v>251</v>
      </c>
      <c r="HC24" s="100">
        <v>359</v>
      </c>
      <c r="HD24" s="101">
        <v>1</v>
      </c>
      <c r="HE24" s="102">
        <v>0</v>
      </c>
      <c r="HF24" s="103">
        <v>1</v>
      </c>
      <c r="HG24" s="413">
        <v>0</v>
      </c>
      <c r="HH24" s="102">
        <v>1</v>
      </c>
      <c r="HI24" s="102">
        <v>3</v>
      </c>
      <c r="HJ24" s="102">
        <v>3</v>
      </c>
      <c r="HK24" s="102">
        <v>0</v>
      </c>
      <c r="HL24" s="102">
        <v>2</v>
      </c>
      <c r="HM24" s="103">
        <v>9</v>
      </c>
      <c r="HN24" s="104">
        <v>10</v>
      </c>
      <c r="HO24" s="101">
        <v>4</v>
      </c>
      <c r="HP24" s="102">
        <v>1</v>
      </c>
      <c r="HQ24" s="103">
        <v>5</v>
      </c>
      <c r="HR24" s="413">
        <v>0</v>
      </c>
      <c r="HS24" s="102">
        <v>2</v>
      </c>
      <c r="HT24" s="102">
        <v>4</v>
      </c>
      <c r="HU24" s="102">
        <v>2</v>
      </c>
      <c r="HV24" s="102">
        <v>1</v>
      </c>
      <c r="HW24" s="102">
        <v>1</v>
      </c>
      <c r="HX24" s="103">
        <v>10</v>
      </c>
      <c r="HY24" s="104">
        <v>15</v>
      </c>
      <c r="HZ24" s="101">
        <v>8</v>
      </c>
      <c r="IA24" s="102">
        <v>7</v>
      </c>
      <c r="IB24" s="103">
        <v>15</v>
      </c>
      <c r="IC24" s="413">
        <v>0</v>
      </c>
      <c r="ID24" s="102">
        <v>11</v>
      </c>
      <c r="IE24" s="102">
        <v>7</v>
      </c>
      <c r="IF24" s="102">
        <v>3</v>
      </c>
      <c r="IG24" s="102">
        <v>3</v>
      </c>
      <c r="IH24" s="102">
        <v>2</v>
      </c>
      <c r="II24" s="103">
        <v>26</v>
      </c>
      <c r="IJ24" s="104">
        <v>41</v>
      </c>
      <c r="IK24" s="101">
        <v>13</v>
      </c>
      <c r="IL24" s="102">
        <v>8</v>
      </c>
      <c r="IM24" s="103">
        <v>21</v>
      </c>
      <c r="IN24" s="413">
        <v>0</v>
      </c>
      <c r="IO24" s="102">
        <v>13</v>
      </c>
      <c r="IP24" s="102">
        <v>16</v>
      </c>
      <c r="IQ24" s="102">
        <v>11</v>
      </c>
      <c r="IR24" s="102">
        <v>6</v>
      </c>
      <c r="IS24" s="102">
        <v>6</v>
      </c>
      <c r="IT24" s="103">
        <v>52</v>
      </c>
      <c r="IU24" s="104">
        <v>73</v>
      </c>
      <c r="IV24" s="101">
        <v>21</v>
      </c>
      <c r="IW24" s="102">
        <v>17</v>
      </c>
      <c r="IX24" s="103">
        <v>38</v>
      </c>
      <c r="IY24" s="413">
        <v>0</v>
      </c>
      <c r="IZ24" s="102">
        <v>32</v>
      </c>
      <c r="JA24" s="102">
        <v>14</v>
      </c>
      <c r="JB24" s="102">
        <v>10</v>
      </c>
      <c r="JC24" s="102">
        <v>6</v>
      </c>
      <c r="JD24" s="102">
        <v>7</v>
      </c>
      <c r="JE24" s="103">
        <v>69</v>
      </c>
      <c r="JF24" s="104">
        <v>107</v>
      </c>
      <c r="JG24" s="101">
        <v>14</v>
      </c>
      <c r="JH24" s="102">
        <v>14</v>
      </c>
      <c r="JI24" s="103">
        <v>28</v>
      </c>
      <c r="JJ24" s="413">
        <v>0</v>
      </c>
      <c r="JK24" s="102">
        <v>24</v>
      </c>
      <c r="JL24" s="102">
        <v>26</v>
      </c>
      <c r="JM24" s="102">
        <v>15</v>
      </c>
      <c r="JN24" s="102">
        <v>12</v>
      </c>
      <c r="JO24" s="102">
        <v>8</v>
      </c>
      <c r="JP24" s="103">
        <v>85</v>
      </c>
      <c r="JQ24" s="104">
        <v>113</v>
      </c>
      <c r="JR24" s="101">
        <v>0</v>
      </c>
      <c r="JS24" s="102">
        <v>0</v>
      </c>
      <c r="JT24" s="103">
        <v>0</v>
      </c>
      <c r="JU24" s="413">
        <v>0</v>
      </c>
      <c r="JV24" s="102">
        <v>0</v>
      </c>
      <c r="JW24" s="102">
        <v>0</v>
      </c>
      <c r="JX24" s="102">
        <v>0</v>
      </c>
      <c r="JY24" s="102">
        <v>0</v>
      </c>
      <c r="JZ24" s="102">
        <v>0</v>
      </c>
      <c r="KA24" s="103">
        <v>0</v>
      </c>
      <c r="KB24" s="104">
        <v>0</v>
      </c>
      <c r="KC24" s="101">
        <v>61</v>
      </c>
      <c r="KD24" s="102">
        <v>47</v>
      </c>
      <c r="KE24" s="103">
        <v>108</v>
      </c>
      <c r="KF24" s="413">
        <v>0</v>
      </c>
      <c r="KG24" s="102">
        <v>83</v>
      </c>
      <c r="KH24" s="102">
        <v>70</v>
      </c>
      <c r="KI24" s="102">
        <v>44</v>
      </c>
      <c r="KJ24" s="102">
        <v>28</v>
      </c>
      <c r="KK24" s="102">
        <v>26</v>
      </c>
      <c r="KL24" s="103">
        <v>251</v>
      </c>
      <c r="KM24" s="104">
        <v>359</v>
      </c>
    </row>
    <row r="25" spans="2:299" s="70" customFormat="1" ht="21" customHeight="1" x14ac:dyDescent="0.2">
      <c r="B25" s="106" t="s">
        <v>22</v>
      </c>
      <c r="C25" s="96">
        <v>12</v>
      </c>
      <c r="D25" s="97">
        <v>15</v>
      </c>
      <c r="E25" s="98">
        <v>27</v>
      </c>
      <c r="F25" s="413">
        <v>0</v>
      </c>
      <c r="G25" s="97">
        <v>46</v>
      </c>
      <c r="H25" s="97">
        <v>28</v>
      </c>
      <c r="I25" s="97">
        <v>19</v>
      </c>
      <c r="J25" s="97">
        <v>20</v>
      </c>
      <c r="K25" s="97">
        <v>9</v>
      </c>
      <c r="L25" s="99">
        <v>122</v>
      </c>
      <c r="M25" s="100">
        <v>149</v>
      </c>
      <c r="N25" s="101">
        <v>0</v>
      </c>
      <c r="O25" s="102">
        <v>0</v>
      </c>
      <c r="P25" s="103">
        <v>0</v>
      </c>
      <c r="Q25" s="413">
        <v>0</v>
      </c>
      <c r="R25" s="102">
        <v>0</v>
      </c>
      <c r="S25" s="102">
        <v>0</v>
      </c>
      <c r="T25" s="102">
        <v>0</v>
      </c>
      <c r="U25" s="102">
        <v>0</v>
      </c>
      <c r="V25" s="102">
        <v>0</v>
      </c>
      <c r="W25" s="103">
        <v>0</v>
      </c>
      <c r="X25" s="104">
        <v>0</v>
      </c>
      <c r="Y25" s="101">
        <v>0</v>
      </c>
      <c r="Z25" s="102">
        <v>0</v>
      </c>
      <c r="AA25" s="103">
        <v>0</v>
      </c>
      <c r="AB25" s="413">
        <v>0</v>
      </c>
      <c r="AC25" s="102">
        <v>0</v>
      </c>
      <c r="AD25" s="102">
        <v>0</v>
      </c>
      <c r="AE25" s="102">
        <v>0</v>
      </c>
      <c r="AF25" s="102">
        <v>0</v>
      </c>
      <c r="AG25" s="102">
        <v>1</v>
      </c>
      <c r="AH25" s="103">
        <v>1</v>
      </c>
      <c r="AI25" s="104">
        <v>1</v>
      </c>
      <c r="AJ25" s="101">
        <v>0</v>
      </c>
      <c r="AK25" s="102">
        <v>1</v>
      </c>
      <c r="AL25" s="103">
        <v>1</v>
      </c>
      <c r="AM25" s="413">
        <v>0</v>
      </c>
      <c r="AN25" s="102">
        <v>5</v>
      </c>
      <c r="AO25" s="102">
        <v>3</v>
      </c>
      <c r="AP25" s="102">
        <v>2</v>
      </c>
      <c r="AQ25" s="102">
        <v>2</v>
      </c>
      <c r="AR25" s="102">
        <v>1</v>
      </c>
      <c r="AS25" s="103">
        <v>13</v>
      </c>
      <c r="AT25" s="104">
        <v>14</v>
      </c>
      <c r="AU25" s="101">
        <v>2</v>
      </c>
      <c r="AV25" s="102">
        <v>3</v>
      </c>
      <c r="AW25" s="103">
        <v>5</v>
      </c>
      <c r="AX25" s="413">
        <v>0</v>
      </c>
      <c r="AY25" s="102">
        <v>5</v>
      </c>
      <c r="AZ25" s="102">
        <v>7</v>
      </c>
      <c r="BA25" s="102">
        <v>4</v>
      </c>
      <c r="BB25" s="102">
        <v>1</v>
      </c>
      <c r="BC25" s="102">
        <v>2</v>
      </c>
      <c r="BD25" s="103">
        <v>19</v>
      </c>
      <c r="BE25" s="104">
        <v>24</v>
      </c>
      <c r="BF25" s="101">
        <v>6</v>
      </c>
      <c r="BG25" s="102">
        <v>7</v>
      </c>
      <c r="BH25" s="103">
        <v>13</v>
      </c>
      <c r="BI25" s="413">
        <v>0</v>
      </c>
      <c r="BJ25" s="102">
        <v>16</v>
      </c>
      <c r="BK25" s="102">
        <v>7</v>
      </c>
      <c r="BL25" s="102">
        <v>5</v>
      </c>
      <c r="BM25" s="102">
        <v>10</v>
      </c>
      <c r="BN25" s="102">
        <v>1</v>
      </c>
      <c r="BO25" s="103">
        <v>39</v>
      </c>
      <c r="BP25" s="104">
        <v>52</v>
      </c>
      <c r="BQ25" s="101">
        <v>4</v>
      </c>
      <c r="BR25" s="102">
        <v>4</v>
      </c>
      <c r="BS25" s="103">
        <v>8</v>
      </c>
      <c r="BT25" s="413">
        <v>0</v>
      </c>
      <c r="BU25" s="102">
        <v>20</v>
      </c>
      <c r="BV25" s="102">
        <v>11</v>
      </c>
      <c r="BW25" s="102">
        <v>8</v>
      </c>
      <c r="BX25" s="102">
        <v>7</v>
      </c>
      <c r="BY25" s="102">
        <v>4</v>
      </c>
      <c r="BZ25" s="103">
        <v>50</v>
      </c>
      <c r="CA25" s="104">
        <v>58</v>
      </c>
      <c r="CB25" s="101">
        <v>0</v>
      </c>
      <c r="CC25" s="102">
        <v>0</v>
      </c>
      <c r="CD25" s="103">
        <v>0</v>
      </c>
      <c r="CE25" s="413">
        <v>0</v>
      </c>
      <c r="CF25" s="102">
        <v>0</v>
      </c>
      <c r="CG25" s="102">
        <v>0</v>
      </c>
      <c r="CH25" s="102">
        <v>0</v>
      </c>
      <c r="CI25" s="102">
        <v>0</v>
      </c>
      <c r="CJ25" s="102">
        <v>0</v>
      </c>
      <c r="CK25" s="103">
        <v>0</v>
      </c>
      <c r="CL25" s="104">
        <v>0</v>
      </c>
      <c r="CM25" s="101">
        <v>12</v>
      </c>
      <c r="CN25" s="102">
        <v>15</v>
      </c>
      <c r="CO25" s="103">
        <v>27</v>
      </c>
      <c r="CP25" s="413">
        <v>0</v>
      </c>
      <c r="CQ25" s="102">
        <v>46</v>
      </c>
      <c r="CR25" s="102">
        <v>28</v>
      </c>
      <c r="CS25" s="102">
        <v>19</v>
      </c>
      <c r="CT25" s="102">
        <v>20</v>
      </c>
      <c r="CU25" s="102">
        <v>9</v>
      </c>
      <c r="CV25" s="103">
        <v>122</v>
      </c>
      <c r="CW25" s="104">
        <v>149</v>
      </c>
      <c r="CX25" s="105">
        <v>1</v>
      </c>
      <c r="CY25" s="97">
        <v>4</v>
      </c>
      <c r="CZ25" s="98">
        <v>5</v>
      </c>
      <c r="DA25" s="413">
        <v>0</v>
      </c>
      <c r="DB25" s="97">
        <v>8</v>
      </c>
      <c r="DC25" s="97">
        <v>3</v>
      </c>
      <c r="DD25" s="97">
        <v>5</v>
      </c>
      <c r="DE25" s="97">
        <v>4</v>
      </c>
      <c r="DF25" s="97">
        <v>1</v>
      </c>
      <c r="DG25" s="99">
        <v>21</v>
      </c>
      <c r="DH25" s="100">
        <v>26</v>
      </c>
      <c r="DI25" s="101">
        <v>0</v>
      </c>
      <c r="DJ25" s="102">
        <v>0</v>
      </c>
      <c r="DK25" s="103">
        <v>0</v>
      </c>
      <c r="DL25" s="413">
        <v>0</v>
      </c>
      <c r="DM25" s="102">
        <v>0</v>
      </c>
      <c r="DN25" s="102">
        <v>0</v>
      </c>
      <c r="DO25" s="102">
        <v>0</v>
      </c>
      <c r="DP25" s="102">
        <v>0</v>
      </c>
      <c r="DQ25" s="102">
        <v>0</v>
      </c>
      <c r="DR25" s="103">
        <v>0</v>
      </c>
      <c r="DS25" s="104">
        <v>0</v>
      </c>
      <c r="DT25" s="101">
        <v>0</v>
      </c>
      <c r="DU25" s="102">
        <v>1</v>
      </c>
      <c r="DV25" s="103">
        <v>1</v>
      </c>
      <c r="DW25" s="413">
        <v>0</v>
      </c>
      <c r="DX25" s="102">
        <v>0</v>
      </c>
      <c r="DY25" s="102">
        <v>0</v>
      </c>
      <c r="DZ25" s="102">
        <v>0</v>
      </c>
      <c r="EA25" s="102">
        <v>0</v>
      </c>
      <c r="EB25" s="102">
        <v>0</v>
      </c>
      <c r="EC25" s="103">
        <v>0</v>
      </c>
      <c r="ED25" s="104">
        <v>1</v>
      </c>
      <c r="EE25" s="101">
        <v>0</v>
      </c>
      <c r="EF25" s="102">
        <v>0</v>
      </c>
      <c r="EG25" s="103">
        <v>0</v>
      </c>
      <c r="EH25" s="413">
        <v>0</v>
      </c>
      <c r="EI25" s="102">
        <v>0</v>
      </c>
      <c r="EJ25" s="102">
        <v>0</v>
      </c>
      <c r="EK25" s="102">
        <v>1</v>
      </c>
      <c r="EL25" s="102">
        <v>0</v>
      </c>
      <c r="EM25" s="102">
        <v>1</v>
      </c>
      <c r="EN25" s="103">
        <v>2</v>
      </c>
      <c r="EO25" s="104">
        <v>2</v>
      </c>
      <c r="EP25" s="101">
        <v>1</v>
      </c>
      <c r="EQ25" s="102">
        <v>3</v>
      </c>
      <c r="ER25" s="103">
        <v>4</v>
      </c>
      <c r="ES25" s="413">
        <v>0</v>
      </c>
      <c r="ET25" s="102">
        <v>1</v>
      </c>
      <c r="EU25" s="102">
        <v>1</v>
      </c>
      <c r="EV25" s="102">
        <v>1</v>
      </c>
      <c r="EW25" s="102">
        <v>0</v>
      </c>
      <c r="EX25" s="102">
        <v>0</v>
      </c>
      <c r="EY25" s="103">
        <v>3</v>
      </c>
      <c r="EZ25" s="104">
        <v>7</v>
      </c>
      <c r="FA25" s="101">
        <v>0</v>
      </c>
      <c r="FB25" s="102">
        <v>0</v>
      </c>
      <c r="FC25" s="103">
        <v>0</v>
      </c>
      <c r="FD25" s="413">
        <v>0</v>
      </c>
      <c r="FE25" s="102">
        <v>2</v>
      </c>
      <c r="FF25" s="102">
        <v>2</v>
      </c>
      <c r="FG25" s="102">
        <v>0</v>
      </c>
      <c r="FH25" s="102">
        <v>0</v>
      </c>
      <c r="FI25" s="102">
        <v>0</v>
      </c>
      <c r="FJ25" s="103">
        <v>4</v>
      </c>
      <c r="FK25" s="104">
        <v>4</v>
      </c>
      <c r="FL25" s="101">
        <v>0</v>
      </c>
      <c r="FM25" s="102">
        <v>0</v>
      </c>
      <c r="FN25" s="103">
        <v>0</v>
      </c>
      <c r="FO25" s="413">
        <v>0</v>
      </c>
      <c r="FP25" s="102">
        <v>5</v>
      </c>
      <c r="FQ25" s="102">
        <v>0</v>
      </c>
      <c r="FR25" s="102">
        <v>3</v>
      </c>
      <c r="FS25" s="102">
        <v>4</v>
      </c>
      <c r="FT25" s="102">
        <v>0</v>
      </c>
      <c r="FU25" s="103">
        <v>12</v>
      </c>
      <c r="FV25" s="104">
        <v>12</v>
      </c>
      <c r="FW25" s="101">
        <v>0</v>
      </c>
      <c r="FX25" s="102">
        <v>0</v>
      </c>
      <c r="FY25" s="103">
        <v>0</v>
      </c>
      <c r="FZ25" s="413">
        <v>0</v>
      </c>
      <c r="GA25" s="102">
        <v>0</v>
      </c>
      <c r="GB25" s="102">
        <v>0</v>
      </c>
      <c r="GC25" s="102">
        <v>0</v>
      </c>
      <c r="GD25" s="102">
        <v>0</v>
      </c>
      <c r="GE25" s="102">
        <v>0</v>
      </c>
      <c r="GF25" s="103">
        <v>0</v>
      </c>
      <c r="GG25" s="104">
        <v>0</v>
      </c>
      <c r="GH25" s="101">
        <v>1</v>
      </c>
      <c r="GI25" s="102">
        <v>4</v>
      </c>
      <c r="GJ25" s="103">
        <v>5</v>
      </c>
      <c r="GK25" s="413">
        <v>0</v>
      </c>
      <c r="GL25" s="102">
        <v>8</v>
      </c>
      <c r="GM25" s="102">
        <v>3</v>
      </c>
      <c r="GN25" s="102">
        <v>5</v>
      </c>
      <c r="GO25" s="102">
        <v>4</v>
      </c>
      <c r="GP25" s="102">
        <v>1</v>
      </c>
      <c r="GQ25" s="103">
        <v>21</v>
      </c>
      <c r="GR25" s="104">
        <v>26</v>
      </c>
      <c r="GS25" s="105">
        <v>13</v>
      </c>
      <c r="GT25" s="97">
        <v>19</v>
      </c>
      <c r="GU25" s="98">
        <v>32</v>
      </c>
      <c r="GV25" s="413">
        <v>0</v>
      </c>
      <c r="GW25" s="97">
        <v>54</v>
      </c>
      <c r="GX25" s="97">
        <v>31</v>
      </c>
      <c r="GY25" s="97">
        <v>24</v>
      </c>
      <c r="GZ25" s="97">
        <v>24</v>
      </c>
      <c r="HA25" s="97">
        <v>10</v>
      </c>
      <c r="HB25" s="99">
        <v>143</v>
      </c>
      <c r="HC25" s="100">
        <v>175</v>
      </c>
      <c r="HD25" s="101">
        <v>0</v>
      </c>
      <c r="HE25" s="102">
        <v>0</v>
      </c>
      <c r="HF25" s="103">
        <v>0</v>
      </c>
      <c r="HG25" s="413">
        <v>0</v>
      </c>
      <c r="HH25" s="102">
        <v>0</v>
      </c>
      <c r="HI25" s="102">
        <v>0</v>
      </c>
      <c r="HJ25" s="102">
        <v>0</v>
      </c>
      <c r="HK25" s="102">
        <v>0</v>
      </c>
      <c r="HL25" s="102">
        <v>0</v>
      </c>
      <c r="HM25" s="103">
        <v>0</v>
      </c>
      <c r="HN25" s="104">
        <v>0</v>
      </c>
      <c r="HO25" s="101">
        <v>0</v>
      </c>
      <c r="HP25" s="102">
        <v>1</v>
      </c>
      <c r="HQ25" s="103">
        <v>1</v>
      </c>
      <c r="HR25" s="413">
        <v>0</v>
      </c>
      <c r="HS25" s="102">
        <v>0</v>
      </c>
      <c r="HT25" s="102">
        <v>0</v>
      </c>
      <c r="HU25" s="102">
        <v>0</v>
      </c>
      <c r="HV25" s="102">
        <v>0</v>
      </c>
      <c r="HW25" s="102">
        <v>1</v>
      </c>
      <c r="HX25" s="103">
        <v>1</v>
      </c>
      <c r="HY25" s="104">
        <v>2</v>
      </c>
      <c r="HZ25" s="101">
        <v>0</v>
      </c>
      <c r="IA25" s="102">
        <v>1</v>
      </c>
      <c r="IB25" s="103">
        <v>1</v>
      </c>
      <c r="IC25" s="413">
        <v>0</v>
      </c>
      <c r="ID25" s="102">
        <v>5</v>
      </c>
      <c r="IE25" s="102">
        <v>3</v>
      </c>
      <c r="IF25" s="102">
        <v>3</v>
      </c>
      <c r="IG25" s="102">
        <v>2</v>
      </c>
      <c r="IH25" s="102">
        <v>2</v>
      </c>
      <c r="II25" s="103">
        <v>15</v>
      </c>
      <c r="IJ25" s="104">
        <v>16</v>
      </c>
      <c r="IK25" s="101">
        <v>3</v>
      </c>
      <c r="IL25" s="102">
        <v>6</v>
      </c>
      <c r="IM25" s="103">
        <v>9</v>
      </c>
      <c r="IN25" s="413">
        <v>0</v>
      </c>
      <c r="IO25" s="102">
        <v>6</v>
      </c>
      <c r="IP25" s="102">
        <v>8</v>
      </c>
      <c r="IQ25" s="102">
        <v>5</v>
      </c>
      <c r="IR25" s="102">
        <v>1</v>
      </c>
      <c r="IS25" s="102">
        <v>2</v>
      </c>
      <c r="IT25" s="103">
        <v>22</v>
      </c>
      <c r="IU25" s="104">
        <v>31</v>
      </c>
      <c r="IV25" s="101">
        <v>6</v>
      </c>
      <c r="IW25" s="102">
        <v>7</v>
      </c>
      <c r="IX25" s="103">
        <v>13</v>
      </c>
      <c r="IY25" s="413">
        <v>0</v>
      </c>
      <c r="IZ25" s="102">
        <v>18</v>
      </c>
      <c r="JA25" s="102">
        <v>9</v>
      </c>
      <c r="JB25" s="102">
        <v>5</v>
      </c>
      <c r="JC25" s="102">
        <v>10</v>
      </c>
      <c r="JD25" s="102">
        <v>1</v>
      </c>
      <c r="JE25" s="103">
        <v>43</v>
      </c>
      <c r="JF25" s="104">
        <v>56</v>
      </c>
      <c r="JG25" s="101">
        <v>4</v>
      </c>
      <c r="JH25" s="102">
        <v>4</v>
      </c>
      <c r="JI25" s="103">
        <v>8</v>
      </c>
      <c r="JJ25" s="413">
        <v>0</v>
      </c>
      <c r="JK25" s="102">
        <v>25</v>
      </c>
      <c r="JL25" s="102">
        <v>11</v>
      </c>
      <c r="JM25" s="102">
        <v>11</v>
      </c>
      <c r="JN25" s="102">
        <v>11</v>
      </c>
      <c r="JO25" s="102">
        <v>4</v>
      </c>
      <c r="JP25" s="103">
        <v>62</v>
      </c>
      <c r="JQ25" s="104">
        <v>70</v>
      </c>
      <c r="JR25" s="101">
        <v>0</v>
      </c>
      <c r="JS25" s="102">
        <v>0</v>
      </c>
      <c r="JT25" s="103">
        <v>0</v>
      </c>
      <c r="JU25" s="413">
        <v>0</v>
      </c>
      <c r="JV25" s="102">
        <v>0</v>
      </c>
      <c r="JW25" s="102">
        <v>0</v>
      </c>
      <c r="JX25" s="102">
        <v>0</v>
      </c>
      <c r="JY25" s="102">
        <v>0</v>
      </c>
      <c r="JZ25" s="102">
        <v>0</v>
      </c>
      <c r="KA25" s="103">
        <v>0</v>
      </c>
      <c r="KB25" s="104">
        <v>0</v>
      </c>
      <c r="KC25" s="101">
        <v>13</v>
      </c>
      <c r="KD25" s="102">
        <v>19</v>
      </c>
      <c r="KE25" s="103">
        <v>32</v>
      </c>
      <c r="KF25" s="413">
        <v>0</v>
      </c>
      <c r="KG25" s="102">
        <v>54</v>
      </c>
      <c r="KH25" s="102">
        <v>31</v>
      </c>
      <c r="KI25" s="102">
        <v>24</v>
      </c>
      <c r="KJ25" s="102">
        <v>24</v>
      </c>
      <c r="KK25" s="102">
        <v>10</v>
      </c>
      <c r="KL25" s="103">
        <v>143</v>
      </c>
      <c r="KM25" s="104">
        <v>175</v>
      </c>
    </row>
    <row r="26" spans="2:299" s="70" customFormat="1" ht="21" customHeight="1" x14ac:dyDescent="0.2">
      <c r="B26" s="106" t="s">
        <v>23</v>
      </c>
      <c r="C26" s="96">
        <v>40</v>
      </c>
      <c r="D26" s="97">
        <v>31</v>
      </c>
      <c r="E26" s="98">
        <v>71</v>
      </c>
      <c r="F26" s="413">
        <v>0</v>
      </c>
      <c r="G26" s="97">
        <v>49</v>
      </c>
      <c r="H26" s="97">
        <v>32</v>
      </c>
      <c r="I26" s="97">
        <v>24</v>
      </c>
      <c r="J26" s="97">
        <v>17</v>
      </c>
      <c r="K26" s="97">
        <v>11</v>
      </c>
      <c r="L26" s="99">
        <v>133</v>
      </c>
      <c r="M26" s="100">
        <v>204</v>
      </c>
      <c r="N26" s="101">
        <v>0</v>
      </c>
      <c r="O26" s="102">
        <v>2</v>
      </c>
      <c r="P26" s="103">
        <v>2</v>
      </c>
      <c r="Q26" s="413">
        <v>0</v>
      </c>
      <c r="R26" s="102">
        <v>1</v>
      </c>
      <c r="S26" s="102">
        <v>2</v>
      </c>
      <c r="T26" s="102">
        <v>0</v>
      </c>
      <c r="U26" s="102">
        <v>1</v>
      </c>
      <c r="V26" s="102">
        <v>0</v>
      </c>
      <c r="W26" s="103">
        <v>4</v>
      </c>
      <c r="X26" s="104">
        <v>6</v>
      </c>
      <c r="Y26" s="101">
        <v>1</v>
      </c>
      <c r="Z26" s="102">
        <v>0</v>
      </c>
      <c r="AA26" s="103">
        <v>1</v>
      </c>
      <c r="AB26" s="413">
        <v>0</v>
      </c>
      <c r="AC26" s="102">
        <v>1</v>
      </c>
      <c r="AD26" s="102">
        <v>4</v>
      </c>
      <c r="AE26" s="102">
        <v>2</v>
      </c>
      <c r="AF26" s="102">
        <v>0</v>
      </c>
      <c r="AG26" s="102">
        <v>1</v>
      </c>
      <c r="AH26" s="103">
        <v>8</v>
      </c>
      <c r="AI26" s="104">
        <v>9</v>
      </c>
      <c r="AJ26" s="101">
        <v>5</v>
      </c>
      <c r="AK26" s="102">
        <v>4</v>
      </c>
      <c r="AL26" s="103">
        <v>9</v>
      </c>
      <c r="AM26" s="413">
        <v>0</v>
      </c>
      <c r="AN26" s="102">
        <v>8</v>
      </c>
      <c r="AO26" s="102">
        <v>0</v>
      </c>
      <c r="AP26" s="102">
        <v>1</v>
      </c>
      <c r="AQ26" s="102">
        <v>2</v>
      </c>
      <c r="AR26" s="102">
        <v>2</v>
      </c>
      <c r="AS26" s="103">
        <v>13</v>
      </c>
      <c r="AT26" s="104">
        <v>22</v>
      </c>
      <c r="AU26" s="101">
        <v>11</v>
      </c>
      <c r="AV26" s="102">
        <v>11</v>
      </c>
      <c r="AW26" s="103">
        <v>22</v>
      </c>
      <c r="AX26" s="413">
        <v>0</v>
      </c>
      <c r="AY26" s="102">
        <v>10</v>
      </c>
      <c r="AZ26" s="102">
        <v>9</v>
      </c>
      <c r="BA26" s="102">
        <v>7</v>
      </c>
      <c r="BB26" s="102">
        <v>5</v>
      </c>
      <c r="BC26" s="102">
        <v>3</v>
      </c>
      <c r="BD26" s="103">
        <v>34</v>
      </c>
      <c r="BE26" s="104">
        <v>56</v>
      </c>
      <c r="BF26" s="101">
        <v>13</v>
      </c>
      <c r="BG26" s="102">
        <v>10</v>
      </c>
      <c r="BH26" s="103">
        <v>23</v>
      </c>
      <c r="BI26" s="413">
        <v>0</v>
      </c>
      <c r="BJ26" s="102">
        <v>20</v>
      </c>
      <c r="BK26" s="102">
        <v>7</v>
      </c>
      <c r="BL26" s="102">
        <v>9</v>
      </c>
      <c r="BM26" s="102">
        <v>2</v>
      </c>
      <c r="BN26" s="102">
        <v>4</v>
      </c>
      <c r="BO26" s="103">
        <v>42</v>
      </c>
      <c r="BP26" s="104">
        <v>65</v>
      </c>
      <c r="BQ26" s="101">
        <v>10</v>
      </c>
      <c r="BR26" s="102">
        <v>4</v>
      </c>
      <c r="BS26" s="103">
        <v>14</v>
      </c>
      <c r="BT26" s="413">
        <v>0</v>
      </c>
      <c r="BU26" s="102">
        <v>9</v>
      </c>
      <c r="BV26" s="102">
        <v>10</v>
      </c>
      <c r="BW26" s="102">
        <v>5</v>
      </c>
      <c r="BX26" s="102">
        <v>7</v>
      </c>
      <c r="BY26" s="102">
        <v>1</v>
      </c>
      <c r="BZ26" s="103">
        <v>32</v>
      </c>
      <c r="CA26" s="104">
        <v>46</v>
      </c>
      <c r="CB26" s="101">
        <v>0</v>
      </c>
      <c r="CC26" s="102">
        <v>0</v>
      </c>
      <c r="CD26" s="103">
        <v>0</v>
      </c>
      <c r="CE26" s="413">
        <v>0</v>
      </c>
      <c r="CF26" s="102">
        <v>0</v>
      </c>
      <c r="CG26" s="102">
        <v>0</v>
      </c>
      <c r="CH26" s="102">
        <v>0</v>
      </c>
      <c r="CI26" s="102">
        <v>0</v>
      </c>
      <c r="CJ26" s="102">
        <v>0</v>
      </c>
      <c r="CK26" s="103">
        <v>0</v>
      </c>
      <c r="CL26" s="104">
        <v>0</v>
      </c>
      <c r="CM26" s="101">
        <v>40</v>
      </c>
      <c r="CN26" s="102">
        <v>31</v>
      </c>
      <c r="CO26" s="103">
        <v>71</v>
      </c>
      <c r="CP26" s="413">
        <v>0</v>
      </c>
      <c r="CQ26" s="102">
        <v>49</v>
      </c>
      <c r="CR26" s="102">
        <v>32</v>
      </c>
      <c r="CS26" s="102">
        <v>24</v>
      </c>
      <c r="CT26" s="102">
        <v>17</v>
      </c>
      <c r="CU26" s="102">
        <v>11</v>
      </c>
      <c r="CV26" s="103">
        <v>133</v>
      </c>
      <c r="CW26" s="104">
        <v>204</v>
      </c>
      <c r="CX26" s="105">
        <v>2</v>
      </c>
      <c r="CY26" s="97">
        <v>3</v>
      </c>
      <c r="CZ26" s="98">
        <v>5</v>
      </c>
      <c r="DA26" s="413">
        <v>0</v>
      </c>
      <c r="DB26" s="97">
        <v>3</v>
      </c>
      <c r="DC26" s="97">
        <v>6</v>
      </c>
      <c r="DD26" s="97">
        <v>2</v>
      </c>
      <c r="DE26" s="97">
        <v>5</v>
      </c>
      <c r="DF26" s="97">
        <v>0</v>
      </c>
      <c r="DG26" s="99">
        <v>16</v>
      </c>
      <c r="DH26" s="100">
        <v>21</v>
      </c>
      <c r="DI26" s="101">
        <v>0</v>
      </c>
      <c r="DJ26" s="102">
        <v>0</v>
      </c>
      <c r="DK26" s="103">
        <v>0</v>
      </c>
      <c r="DL26" s="413">
        <v>0</v>
      </c>
      <c r="DM26" s="102">
        <v>0</v>
      </c>
      <c r="DN26" s="102">
        <v>0</v>
      </c>
      <c r="DO26" s="102">
        <v>0</v>
      </c>
      <c r="DP26" s="102">
        <v>0</v>
      </c>
      <c r="DQ26" s="102">
        <v>0</v>
      </c>
      <c r="DR26" s="103">
        <v>0</v>
      </c>
      <c r="DS26" s="104">
        <v>0</v>
      </c>
      <c r="DT26" s="101">
        <v>0</v>
      </c>
      <c r="DU26" s="102">
        <v>2</v>
      </c>
      <c r="DV26" s="103">
        <v>2</v>
      </c>
      <c r="DW26" s="413">
        <v>0</v>
      </c>
      <c r="DX26" s="102">
        <v>0</v>
      </c>
      <c r="DY26" s="102">
        <v>0</v>
      </c>
      <c r="DZ26" s="102">
        <v>0</v>
      </c>
      <c r="EA26" s="102">
        <v>1</v>
      </c>
      <c r="EB26" s="102">
        <v>0</v>
      </c>
      <c r="EC26" s="103">
        <v>1</v>
      </c>
      <c r="ED26" s="104">
        <v>3</v>
      </c>
      <c r="EE26" s="101">
        <v>1</v>
      </c>
      <c r="EF26" s="102">
        <v>0</v>
      </c>
      <c r="EG26" s="103">
        <v>1</v>
      </c>
      <c r="EH26" s="413">
        <v>0</v>
      </c>
      <c r="EI26" s="102">
        <v>1</v>
      </c>
      <c r="EJ26" s="102">
        <v>2</v>
      </c>
      <c r="EK26" s="102">
        <v>0</v>
      </c>
      <c r="EL26" s="102">
        <v>1</v>
      </c>
      <c r="EM26" s="102">
        <v>0</v>
      </c>
      <c r="EN26" s="103">
        <v>4</v>
      </c>
      <c r="EO26" s="104">
        <v>5</v>
      </c>
      <c r="EP26" s="101">
        <v>1</v>
      </c>
      <c r="EQ26" s="102">
        <v>0</v>
      </c>
      <c r="ER26" s="103">
        <v>1</v>
      </c>
      <c r="ES26" s="413">
        <v>0</v>
      </c>
      <c r="ET26" s="102">
        <v>1</v>
      </c>
      <c r="EU26" s="102">
        <v>1</v>
      </c>
      <c r="EV26" s="102">
        <v>0</v>
      </c>
      <c r="EW26" s="102">
        <v>0</v>
      </c>
      <c r="EX26" s="102">
        <v>0</v>
      </c>
      <c r="EY26" s="103">
        <v>2</v>
      </c>
      <c r="EZ26" s="104">
        <v>3</v>
      </c>
      <c r="FA26" s="101">
        <v>0</v>
      </c>
      <c r="FB26" s="102">
        <v>1</v>
      </c>
      <c r="FC26" s="103">
        <v>1</v>
      </c>
      <c r="FD26" s="413">
        <v>0</v>
      </c>
      <c r="FE26" s="102">
        <v>1</v>
      </c>
      <c r="FF26" s="102">
        <v>3</v>
      </c>
      <c r="FG26" s="102">
        <v>1</v>
      </c>
      <c r="FH26" s="102">
        <v>1</v>
      </c>
      <c r="FI26" s="102">
        <v>0</v>
      </c>
      <c r="FJ26" s="103">
        <v>6</v>
      </c>
      <c r="FK26" s="104">
        <v>7</v>
      </c>
      <c r="FL26" s="101">
        <v>0</v>
      </c>
      <c r="FM26" s="102">
        <v>0</v>
      </c>
      <c r="FN26" s="103">
        <v>0</v>
      </c>
      <c r="FO26" s="413">
        <v>0</v>
      </c>
      <c r="FP26" s="102">
        <v>0</v>
      </c>
      <c r="FQ26" s="102">
        <v>0</v>
      </c>
      <c r="FR26" s="102">
        <v>1</v>
      </c>
      <c r="FS26" s="102">
        <v>2</v>
      </c>
      <c r="FT26" s="102">
        <v>0</v>
      </c>
      <c r="FU26" s="103">
        <v>3</v>
      </c>
      <c r="FV26" s="104">
        <v>3</v>
      </c>
      <c r="FW26" s="101">
        <v>0</v>
      </c>
      <c r="FX26" s="102">
        <v>0</v>
      </c>
      <c r="FY26" s="103">
        <v>0</v>
      </c>
      <c r="FZ26" s="413">
        <v>0</v>
      </c>
      <c r="GA26" s="102">
        <v>0</v>
      </c>
      <c r="GB26" s="102">
        <v>0</v>
      </c>
      <c r="GC26" s="102">
        <v>0</v>
      </c>
      <c r="GD26" s="102">
        <v>0</v>
      </c>
      <c r="GE26" s="102">
        <v>0</v>
      </c>
      <c r="GF26" s="103">
        <v>0</v>
      </c>
      <c r="GG26" s="104">
        <v>0</v>
      </c>
      <c r="GH26" s="101">
        <v>2</v>
      </c>
      <c r="GI26" s="102">
        <v>3</v>
      </c>
      <c r="GJ26" s="103">
        <v>5</v>
      </c>
      <c r="GK26" s="413">
        <v>0</v>
      </c>
      <c r="GL26" s="102">
        <v>3</v>
      </c>
      <c r="GM26" s="102">
        <v>6</v>
      </c>
      <c r="GN26" s="102">
        <v>2</v>
      </c>
      <c r="GO26" s="102">
        <v>5</v>
      </c>
      <c r="GP26" s="102">
        <v>0</v>
      </c>
      <c r="GQ26" s="103">
        <v>16</v>
      </c>
      <c r="GR26" s="104">
        <v>21</v>
      </c>
      <c r="GS26" s="105">
        <v>42</v>
      </c>
      <c r="GT26" s="97">
        <v>34</v>
      </c>
      <c r="GU26" s="98">
        <v>76</v>
      </c>
      <c r="GV26" s="413">
        <v>0</v>
      </c>
      <c r="GW26" s="97">
        <v>52</v>
      </c>
      <c r="GX26" s="97">
        <v>38</v>
      </c>
      <c r="GY26" s="97">
        <v>26</v>
      </c>
      <c r="GZ26" s="97">
        <v>22</v>
      </c>
      <c r="HA26" s="97">
        <v>11</v>
      </c>
      <c r="HB26" s="99">
        <v>149</v>
      </c>
      <c r="HC26" s="100">
        <v>225</v>
      </c>
      <c r="HD26" s="101">
        <v>0</v>
      </c>
      <c r="HE26" s="102">
        <v>2</v>
      </c>
      <c r="HF26" s="103">
        <v>2</v>
      </c>
      <c r="HG26" s="413">
        <v>0</v>
      </c>
      <c r="HH26" s="102">
        <v>1</v>
      </c>
      <c r="HI26" s="102">
        <v>2</v>
      </c>
      <c r="HJ26" s="102">
        <v>0</v>
      </c>
      <c r="HK26" s="102">
        <v>1</v>
      </c>
      <c r="HL26" s="102">
        <v>0</v>
      </c>
      <c r="HM26" s="103">
        <v>4</v>
      </c>
      <c r="HN26" s="104">
        <v>6</v>
      </c>
      <c r="HO26" s="101">
        <v>1</v>
      </c>
      <c r="HP26" s="102">
        <v>2</v>
      </c>
      <c r="HQ26" s="103">
        <v>3</v>
      </c>
      <c r="HR26" s="413">
        <v>0</v>
      </c>
      <c r="HS26" s="102">
        <v>1</v>
      </c>
      <c r="HT26" s="102">
        <v>4</v>
      </c>
      <c r="HU26" s="102">
        <v>2</v>
      </c>
      <c r="HV26" s="102">
        <v>1</v>
      </c>
      <c r="HW26" s="102">
        <v>1</v>
      </c>
      <c r="HX26" s="103">
        <v>9</v>
      </c>
      <c r="HY26" s="104">
        <v>12</v>
      </c>
      <c r="HZ26" s="101">
        <v>6</v>
      </c>
      <c r="IA26" s="102">
        <v>4</v>
      </c>
      <c r="IB26" s="103">
        <v>10</v>
      </c>
      <c r="IC26" s="413">
        <v>0</v>
      </c>
      <c r="ID26" s="102">
        <v>9</v>
      </c>
      <c r="IE26" s="102">
        <v>2</v>
      </c>
      <c r="IF26" s="102">
        <v>1</v>
      </c>
      <c r="IG26" s="102">
        <v>3</v>
      </c>
      <c r="IH26" s="102">
        <v>2</v>
      </c>
      <c r="II26" s="103">
        <v>17</v>
      </c>
      <c r="IJ26" s="104">
        <v>27</v>
      </c>
      <c r="IK26" s="101">
        <v>12</v>
      </c>
      <c r="IL26" s="102">
        <v>11</v>
      </c>
      <c r="IM26" s="103">
        <v>23</v>
      </c>
      <c r="IN26" s="413">
        <v>0</v>
      </c>
      <c r="IO26" s="102">
        <v>11</v>
      </c>
      <c r="IP26" s="102">
        <v>10</v>
      </c>
      <c r="IQ26" s="102">
        <v>7</v>
      </c>
      <c r="IR26" s="102">
        <v>5</v>
      </c>
      <c r="IS26" s="102">
        <v>3</v>
      </c>
      <c r="IT26" s="103">
        <v>36</v>
      </c>
      <c r="IU26" s="104">
        <v>59</v>
      </c>
      <c r="IV26" s="101">
        <v>13</v>
      </c>
      <c r="IW26" s="102">
        <v>11</v>
      </c>
      <c r="IX26" s="103">
        <v>24</v>
      </c>
      <c r="IY26" s="413">
        <v>0</v>
      </c>
      <c r="IZ26" s="102">
        <v>21</v>
      </c>
      <c r="JA26" s="102">
        <v>10</v>
      </c>
      <c r="JB26" s="102">
        <v>10</v>
      </c>
      <c r="JC26" s="102">
        <v>3</v>
      </c>
      <c r="JD26" s="102">
        <v>4</v>
      </c>
      <c r="JE26" s="103">
        <v>48</v>
      </c>
      <c r="JF26" s="104">
        <v>72</v>
      </c>
      <c r="JG26" s="101">
        <v>10</v>
      </c>
      <c r="JH26" s="102">
        <v>4</v>
      </c>
      <c r="JI26" s="103">
        <v>14</v>
      </c>
      <c r="JJ26" s="413">
        <v>0</v>
      </c>
      <c r="JK26" s="102">
        <v>9</v>
      </c>
      <c r="JL26" s="102">
        <v>10</v>
      </c>
      <c r="JM26" s="102">
        <v>6</v>
      </c>
      <c r="JN26" s="102">
        <v>9</v>
      </c>
      <c r="JO26" s="102">
        <v>1</v>
      </c>
      <c r="JP26" s="103">
        <v>35</v>
      </c>
      <c r="JQ26" s="104">
        <v>49</v>
      </c>
      <c r="JR26" s="101">
        <v>0</v>
      </c>
      <c r="JS26" s="102">
        <v>0</v>
      </c>
      <c r="JT26" s="103">
        <v>0</v>
      </c>
      <c r="JU26" s="413">
        <v>0</v>
      </c>
      <c r="JV26" s="102">
        <v>0</v>
      </c>
      <c r="JW26" s="102">
        <v>0</v>
      </c>
      <c r="JX26" s="102">
        <v>0</v>
      </c>
      <c r="JY26" s="102">
        <v>0</v>
      </c>
      <c r="JZ26" s="102">
        <v>0</v>
      </c>
      <c r="KA26" s="103">
        <v>0</v>
      </c>
      <c r="KB26" s="104">
        <v>0</v>
      </c>
      <c r="KC26" s="101">
        <v>42</v>
      </c>
      <c r="KD26" s="102">
        <v>34</v>
      </c>
      <c r="KE26" s="103">
        <v>76</v>
      </c>
      <c r="KF26" s="413">
        <v>0</v>
      </c>
      <c r="KG26" s="102">
        <v>52</v>
      </c>
      <c r="KH26" s="102">
        <v>38</v>
      </c>
      <c r="KI26" s="102">
        <v>26</v>
      </c>
      <c r="KJ26" s="102">
        <v>22</v>
      </c>
      <c r="KK26" s="102">
        <v>11</v>
      </c>
      <c r="KL26" s="103">
        <v>149</v>
      </c>
      <c r="KM26" s="104">
        <v>225</v>
      </c>
    </row>
    <row r="27" spans="2:299" s="70" customFormat="1" ht="21" customHeight="1" x14ac:dyDescent="0.2">
      <c r="B27" s="106" t="s">
        <v>24</v>
      </c>
      <c r="C27" s="96">
        <v>39</v>
      </c>
      <c r="D27" s="97">
        <v>21</v>
      </c>
      <c r="E27" s="98">
        <v>60</v>
      </c>
      <c r="F27" s="413">
        <v>0</v>
      </c>
      <c r="G27" s="97">
        <v>40</v>
      </c>
      <c r="H27" s="97">
        <v>27</v>
      </c>
      <c r="I27" s="97">
        <v>21</v>
      </c>
      <c r="J27" s="97">
        <v>18</v>
      </c>
      <c r="K27" s="97">
        <v>9</v>
      </c>
      <c r="L27" s="99">
        <v>115</v>
      </c>
      <c r="M27" s="100">
        <v>175</v>
      </c>
      <c r="N27" s="101">
        <v>1</v>
      </c>
      <c r="O27" s="102">
        <v>0</v>
      </c>
      <c r="P27" s="103">
        <v>1</v>
      </c>
      <c r="Q27" s="413">
        <v>0</v>
      </c>
      <c r="R27" s="102">
        <v>1</v>
      </c>
      <c r="S27" s="102">
        <v>0</v>
      </c>
      <c r="T27" s="102">
        <v>0</v>
      </c>
      <c r="U27" s="102">
        <v>0</v>
      </c>
      <c r="V27" s="102">
        <v>0</v>
      </c>
      <c r="W27" s="103">
        <v>1</v>
      </c>
      <c r="X27" s="104">
        <v>2</v>
      </c>
      <c r="Y27" s="101">
        <v>0</v>
      </c>
      <c r="Z27" s="102">
        <v>2</v>
      </c>
      <c r="AA27" s="103">
        <v>2</v>
      </c>
      <c r="AB27" s="413">
        <v>0</v>
      </c>
      <c r="AC27" s="102">
        <v>2</v>
      </c>
      <c r="AD27" s="102">
        <v>0</v>
      </c>
      <c r="AE27" s="102">
        <v>1</v>
      </c>
      <c r="AF27" s="102">
        <v>0</v>
      </c>
      <c r="AG27" s="102">
        <v>2</v>
      </c>
      <c r="AH27" s="103">
        <v>5</v>
      </c>
      <c r="AI27" s="104">
        <v>7</v>
      </c>
      <c r="AJ27" s="101">
        <v>4</v>
      </c>
      <c r="AK27" s="102">
        <v>2</v>
      </c>
      <c r="AL27" s="103">
        <v>6</v>
      </c>
      <c r="AM27" s="413">
        <v>0</v>
      </c>
      <c r="AN27" s="102">
        <v>2</v>
      </c>
      <c r="AO27" s="102">
        <v>3</v>
      </c>
      <c r="AP27" s="102">
        <v>1</v>
      </c>
      <c r="AQ27" s="102">
        <v>4</v>
      </c>
      <c r="AR27" s="102">
        <v>0</v>
      </c>
      <c r="AS27" s="103">
        <v>10</v>
      </c>
      <c r="AT27" s="104">
        <v>16</v>
      </c>
      <c r="AU27" s="101">
        <v>6</v>
      </c>
      <c r="AV27" s="102">
        <v>1</v>
      </c>
      <c r="AW27" s="103">
        <v>7</v>
      </c>
      <c r="AX27" s="413">
        <v>0</v>
      </c>
      <c r="AY27" s="102">
        <v>11</v>
      </c>
      <c r="AZ27" s="102">
        <v>1</v>
      </c>
      <c r="BA27" s="102">
        <v>2</v>
      </c>
      <c r="BB27" s="102">
        <v>4</v>
      </c>
      <c r="BC27" s="102">
        <v>2</v>
      </c>
      <c r="BD27" s="103">
        <v>20</v>
      </c>
      <c r="BE27" s="104">
        <v>27</v>
      </c>
      <c r="BF27" s="101">
        <v>15</v>
      </c>
      <c r="BG27" s="102">
        <v>8</v>
      </c>
      <c r="BH27" s="103">
        <v>23</v>
      </c>
      <c r="BI27" s="413">
        <v>0</v>
      </c>
      <c r="BJ27" s="102">
        <v>9</v>
      </c>
      <c r="BK27" s="102">
        <v>10</v>
      </c>
      <c r="BL27" s="102">
        <v>10</v>
      </c>
      <c r="BM27" s="102">
        <v>5</v>
      </c>
      <c r="BN27" s="102">
        <v>2</v>
      </c>
      <c r="BO27" s="103">
        <v>36</v>
      </c>
      <c r="BP27" s="104">
        <v>59</v>
      </c>
      <c r="BQ27" s="101">
        <v>13</v>
      </c>
      <c r="BR27" s="102">
        <v>8</v>
      </c>
      <c r="BS27" s="103">
        <v>21</v>
      </c>
      <c r="BT27" s="413">
        <v>0</v>
      </c>
      <c r="BU27" s="102">
        <v>15</v>
      </c>
      <c r="BV27" s="102">
        <v>13</v>
      </c>
      <c r="BW27" s="102">
        <v>7</v>
      </c>
      <c r="BX27" s="102">
        <v>5</v>
      </c>
      <c r="BY27" s="102">
        <v>3</v>
      </c>
      <c r="BZ27" s="103">
        <v>43</v>
      </c>
      <c r="CA27" s="104">
        <v>64</v>
      </c>
      <c r="CB27" s="101">
        <v>0</v>
      </c>
      <c r="CC27" s="102">
        <v>0</v>
      </c>
      <c r="CD27" s="103">
        <v>0</v>
      </c>
      <c r="CE27" s="413">
        <v>0</v>
      </c>
      <c r="CF27" s="102">
        <v>0</v>
      </c>
      <c r="CG27" s="102">
        <v>0</v>
      </c>
      <c r="CH27" s="102">
        <v>0</v>
      </c>
      <c r="CI27" s="102">
        <v>0</v>
      </c>
      <c r="CJ27" s="102">
        <v>0</v>
      </c>
      <c r="CK27" s="103">
        <v>0</v>
      </c>
      <c r="CL27" s="104">
        <v>0</v>
      </c>
      <c r="CM27" s="101">
        <v>39</v>
      </c>
      <c r="CN27" s="102">
        <v>21</v>
      </c>
      <c r="CO27" s="103">
        <v>60</v>
      </c>
      <c r="CP27" s="413">
        <v>0</v>
      </c>
      <c r="CQ27" s="102">
        <v>40</v>
      </c>
      <c r="CR27" s="102">
        <v>27</v>
      </c>
      <c r="CS27" s="102">
        <v>21</v>
      </c>
      <c r="CT27" s="102">
        <v>18</v>
      </c>
      <c r="CU27" s="102">
        <v>9</v>
      </c>
      <c r="CV27" s="103">
        <v>115</v>
      </c>
      <c r="CW27" s="104">
        <v>175</v>
      </c>
      <c r="CX27" s="105">
        <v>3</v>
      </c>
      <c r="CY27" s="97">
        <v>2</v>
      </c>
      <c r="CZ27" s="98">
        <v>5</v>
      </c>
      <c r="DA27" s="413">
        <v>0</v>
      </c>
      <c r="DB27" s="97">
        <v>7</v>
      </c>
      <c r="DC27" s="97">
        <v>2</v>
      </c>
      <c r="DD27" s="97">
        <v>4</v>
      </c>
      <c r="DE27" s="97">
        <v>3</v>
      </c>
      <c r="DF27" s="97">
        <v>3</v>
      </c>
      <c r="DG27" s="99">
        <v>19</v>
      </c>
      <c r="DH27" s="100">
        <v>24</v>
      </c>
      <c r="DI27" s="101">
        <v>0</v>
      </c>
      <c r="DJ27" s="102">
        <v>0</v>
      </c>
      <c r="DK27" s="103">
        <v>0</v>
      </c>
      <c r="DL27" s="413">
        <v>0</v>
      </c>
      <c r="DM27" s="102">
        <v>0</v>
      </c>
      <c r="DN27" s="102">
        <v>0</v>
      </c>
      <c r="DO27" s="102">
        <v>0</v>
      </c>
      <c r="DP27" s="102">
        <v>0</v>
      </c>
      <c r="DQ27" s="102">
        <v>0</v>
      </c>
      <c r="DR27" s="103">
        <v>0</v>
      </c>
      <c r="DS27" s="104">
        <v>0</v>
      </c>
      <c r="DT27" s="101">
        <v>1</v>
      </c>
      <c r="DU27" s="102">
        <v>0</v>
      </c>
      <c r="DV27" s="103">
        <v>1</v>
      </c>
      <c r="DW27" s="413">
        <v>0</v>
      </c>
      <c r="DX27" s="102">
        <v>0</v>
      </c>
      <c r="DY27" s="102">
        <v>0</v>
      </c>
      <c r="DZ27" s="102">
        <v>0</v>
      </c>
      <c r="EA27" s="102">
        <v>0</v>
      </c>
      <c r="EB27" s="102">
        <v>0</v>
      </c>
      <c r="EC27" s="103">
        <v>0</v>
      </c>
      <c r="ED27" s="104">
        <v>1</v>
      </c>
      <c r="EE27" s="101">
        <v>0</v>
      </c>
      <c r="EF27" s="102">
        <v>0</v>
      </c>
      <c r="EG27" s="103">
        <v>0</v>
      </c>
      <c r="EH27" s="413">
        <v>0</v>
      </c>
      <c r="EI27" s="102">
        <v>1</v>
      </c>
      <c r="EJ27" s="102">
        <v>0</v>
      </c>
      <c r="EK27" s="102">
        <v>0</v>
      </c>
      <c r="EL27" s="102">
        <v>0</v>
      </c>
      <c r="EM27" s="102">
        <v>0</v>
      </c>
      <c r="EN27" s="103">
        <v>1</v>
      </c>
      <c r="EO27" s="104">
        <v>1</v>
      </c>
      <c r="EP27" s="101">
        <v>0</v>
      </c>
      <c r="EQ27" s="102">
        <v>0</v>
      </c>
      <c r="ER27" s="103">
        <v>0</v>
      </c>
      <c r="ES27" s="413">
        <v>0</v>
      </c>
      <c r="ET27" s="102">
        <v>2</v>
      </c>
      <c r="EU27" s="102">
        <v>0</v>
      </c>
      <c r="EV27" s="102">
        <v>1</v>
      </c>
      <c r="EW27" s="102">
        <v>1</v>
      </c>
      <c r="EX27" s="102">
        <v>2</v>
      </c>
      <c r="EY27" s="103">
        <v>6</v>
      </c>
      <c r="EZ27" s="104">
        <v>6</v>
      </c>
      <c r="FA27" s="101">
        <v>1</v>
      </c>
      <c r="FB27" s="102">
        <v>2</v>
      </c>
      <c r="FC27" s="103">
        <v>3</v>
      </c>
      <c r="FD27" s="413">
        <v>0</v>
      </c>
      <c r="FE27" s="102">
        <v>2</v>
      </c>
      <c r="FF27" s="102">
        <v>1</v>
      </c>
      <c r="FG27" s="102">
        <v>0</v>
      </c>
      <c r="FH27" s="102">
        <v>0</v>
      </c>
      <c r="FI27" s="102">
        <v>1</v>
      </c>
      <c r="FJ27" s="103">
        <v>4</v>
      </c>
      <c r="FK27" s="104">
        <v>7</v>
      </c>
      <c r="FL27" s="101">
        <v>1</v>
      </c>
      <c r="FM27" s="102">
        <v>0</v>
      </c>
      <c r="FN27" s="103">
        <v>1</v>
      </c>
      <c r="FO27" s="413">
        <v>0</v>
      </c>
      <c r="FP27" s="102">
        <v>2</v>
      </c>
      <c r="FQ27" s="102">
        <v>1</v>
      </c>
      <c r="FR27" s="102">
        <v>3</v>
      </c>
      <c r="FS27" s="102">
        <v>2</v>
      </c>
      <c r="FT27" s="102">
        <v>0</v>
      </c>
      <c r="FU27" s="103">
        <v>8</v>
      </c>
      <c r="FV27" s="104">
        <v>9</v>
      </c>
      <c r="FW27" s="101">
        <v>0</v>
      </c>
      <c r="FX27" s="102">
        <v>0</v>
      </c>
      <c r="FY27" s="103">
        <v>0</v>
      </c>
      <c r="FZ27" s="413">
        <v>0</v>
      </c>
      <c r="GA27" s="102">
        <v>0</v>
      </c>
      <c r="GB27" s="102">
        <v>0</v>
      </c>
      <c r="GC27" s="102">
        <v>0</v>
      </c>
      <c r="GD27" s="102">
        <v>0</v>
      </c>
      <c r="GE27" s="102">
        <v>0</v>
      </c>
      <c r="GF27" s="103">
        <v>0</v>
      </c>
      <c r="GG27" s="104">
        <v>0</v>
      </c>
      <c r="GH27" s="101">
        <v>3</v>
      </c>
      <c r="GI27" s="102">
        <v>2</v>
      </c>
      <c r="GJ27" s="103">
        <v>5</v>
      </c>
      <c r="GK27" s="413">
        <v>0</v>
      </c>
      <c r="GL27" s="102">
        <v>7</v>
      </c>
      <c r="GM27" s="102">
        <v>2</v>
      </c>
      <c r="GN27" s="102">
        <v>4</v>
      </c>
      <c r="GO27" s="102">
        <v>3</v>
      </c>
      <c r="GP27" s="102">
        <v>3</v>
      </c>
      <c r="GQ27" s="103">
        <v>19</v>
      </c>
      <c r="GR27" s="104">
        <v>24</v>
      </c>
      <c r="GS27" s="105">
        <v>42</v>
      </c>
      <c r="GT27" s="97">
        <v>23</v>
      </c>
      <c r="GU27" s="98">
        <v>65</v>
      </c>
      <c r="GV27" s="413">
        <v>0</v>
      </c>
      <c r="GW27" s="97">
        <v>47</v>
      </c>
      <c r="GX27" s="97">
        <v>29</v>
      </c>
      <c r="GY27" s="97">
        <v>25</v>
      </c>
      <c r="GZ27" s="97">
        <v>21</v>
      </c>
      <c r="HA27" s="97">
        <v>12</v>
      </c>
      <c r="HB27" s="99">
        <v>134</v>
      </c>
      <c r="HC27" s="100">
        <v>199</v>
      </c>
      <c r="HD27" s="101">
        <v>1</v>
      </c>
      <c r="HE27" s="102">
        <v>0</v>
      </c>
      <c r="HF27" s="103">
        <v>1</v>
      </c>
      <c r="HG27" s="413">
        <v>0</v>
      </c>
      <c r="HH27" s="102">
        <v>1</v>
      </c>
      <c r="HI27" s="102">
        <v>0</v>
      </c>
      <c r="HJ27" s="102">
        <v>0</v>
      </c>
      <c r="HK27" s="102">
        <v>0</v>
      </c>
      <c r="HL27" s="102">
        <v>0</v>
      </c>
      <c r="HM27" s="103">
        <v>1</v>
      </c>
      <c r="HN27" s="104">
        <v>2</v>
      </c>
      <c r="HO27" s="101">
        <v>1</v>
      </c>
      <c r="HP27" s="102">
        <v>2</v>
      </c>
      <c r="HQ27" s="103">
        <v>3</v>
      </c>
      <c r="HR27" s="413">
        <v>0</v>
      </c>
      <c r="HS27" s="102">
        <v>2</v>
      </c>
      <c r="HT27" s="102">
        <v>0</v>
      </c>
      <c r="HU27" s="102">
        <v>1</v>
      </c>
      <c r="HV27" s="102">
        <v>0</v>
      </c>
      <c r="HW27" s="102">
        <v>2</v>
      </c>
      <c r="HX27" s="103">
        <v>5</v>
      </c>
      <c r="HY27" s="104">
        <v>8</v>
      </c>
      <c r="HZ27" s="101">
        <v>4</v>
      </c>
      <c r="IA27" s="102">
        <v>2</v>
      </c>
      <c r="IB27" s="103">
        <v>6</v>
      </c>
      <c r="IC27" s="413">
        <v>0</v>
      </c>
      <c r="ID27" s="102">
        <v>3</v>
      </c>
      <c r="IE27" s="102">
        <v>3</v>
      </c>
      <c r="IF27" s="102">
        <v>1</v>
      </c>
      <c r="IG27" s="102">
        <v>4</v>
      </c>
      <c r="IH27" s="102">
        <v>0</v>
      </c>
      <c r="II27" s="103">
        <v>11</v>
      </c>
      <c r="IJ27" s="104">
        <v>17</v>
      </c>
      <c r="IK27" s="101">
        <v>6</v>
      </c>
      <c r="IL27" s="102">
        <v>1</v>
      </c>
      <c r="IM27" s="103">
        <v>7</v>
      </c>
      <c r="IN27" s="413">
        <v>0</v>
      </c>
      <c r="IO27" s="102">
        <v>13</v>
      </c>
      <c r="IP27" s="102">
        <v>1</v>
      </c>
      <c r="IQ27" s="102">
        <v>3</v>
      </c>
      <c r="IR27" s="102">
        <v>5</v>
      </c>
      <c r="IS27" s="102">
        <v>4</v>
      </c>
      <c r="IT27" s="103">
        <v>26</v>
      </c>
      <c r="IU27" s="104">
        <v>33</v>
      </c>
      <c r="IV27" s="101">
        <v>16</v>
      </c>
      <c r="IW27" s="102">
        <v>10</v>
      </c>
      <c r="IX27" s="103">
        <v>26</v>
      </c>
      <c r="IY27" s="413">
        <v>0</v>
      </c>
      <c r="IZ27" s="102">
        <v>11</v>
      </c>
      <c r="JA27" s="102">
        <v>11</v>
      </c>
      <c r="JB27" s="102">
        <v>10</v>
      </c>
      <c r="JC27" s="102">
        <v>5</v>
      </c>
      <c r="JD27" s="102">
        <v>3</v>
      </c>
      <c r="JE27" s="103">
        <v>40</v>
      </c>
      <c r="JF27" s="104">
        <v>66</v>
      </c>
      <c r="JG27" s="101">
        <v>14</v>
      </c>
      <c r="JH27" s="102">
        <v>8</v>
      </c>
      <c r="JI27" s="103">
        <v>22</v>
      </c>
      <c r="JJ27" s="413">
        <v>0</v>
      </c>
      <c r="JK27" s="102">
        <v>17</v>
      </c>
      <c r="JL27" s="102">
        <v>14</v>
      </c>
      <c r="JM27" s="102">
        <v>10</v>
      </c>
      <c r="JN27" s="102">
        <v>7</v>
      </c>
      <c r="JO27" s="102">
        <v>3</v>
      </c>
      <c r="JP27" s="103">
        <v>51</v>
      </c>
      <c r="JQ27" s="104">
        <v>73</v>
      </c>
      <c r="JR27" s="101">
        <v>0</v>
      </c>
      <c r="JS27" s="102">
        <v>0</v>
      </c>
      <c r="JT27" s="103">
        <v>0</v>
      </c>
      <c r="JU27" s="413">
        <v>0</v>
      </c>
      <c r="JV27" s="102">
        <v>0</v>
      </c>
      <c r="JW27" s="102">
        <v>0</v>
      </c>
      <c r="JX27" s="102">
        <v>0</v>
      </c>
      <c r="JY27" s="102">
        <v>0</v>
      </c>
      <c r="JZ27" s="102">
        <v>0</v>
      </c>
      <c r="KA27" s="103">
        <v>0</v>
      </c>
      <c r="KB27" s="104">
        <v>0</v>
      </c>
      <c r="KC27" s="101">
        <v>42</v>
      </c>
      <c r="KD27" s="102">
        <v>23</v>
      </c>
      <c r="KE27" s="103">
        <v>65</v>
      </c>
      <c r="KF27" s="413">
        <v>0</v>
      </c>
      <c r="KG27" s="102">
        <v>47</v>
      </c>
      <c r="KH27" s="102">
        <v>29</v>
      </c>
      <c r="KI27" s="102">
        <v>25</v>
      </c>
      <c r="KJ27" s="102">
        <v>21</v>
      </c>
      <c r="KK27" s="102">
        <v>12</v>
      </c>
      <c r="KL27" s="103">
        <v>134</v>
      </c>
      <c r="KM27" s="104">
        <v>199</v>
      </c>
    </row>
    <row r="28" spans="2:299" s="70" customFormat="1" ht="21" customHeight="1" x14ac:dyDescent="0.2">
      <c r="B28" s="106" t="s">
        <v>25</v>
      </c>
      <c r="C28" s="96">
        <v>14</v>
      </c>
      <c r="D28" s="97">
        <v>22</v>
      </c>
      <c r="E28" s="98">
        <v>36</v>
      </c>
      <c r="F28" s="413">
        <v>0</v>
      </c>
      <c r="G28" s="97">
        <v>29</v>
      </c>
      <c r="H28" s="97">
        <v>17</v>
      </c>
      <c r="I28" s="97">
        <v>10</v>
      </c>
      <c r="J28" s="97">
        <v>11</v>
      </c>
      <c r="K28" s="97">
        <v>5</v>
      </c>
      <c r="L28" s="99">
        <v>72</v>
      </c>
      <c r="M28" s="100">
        <v>108</v>
      </c>
      <c r="N28" s="101">
        <v>0</v>
      </c>
      <c r="O28" s="102">
        <v>0</v>
      </c>
      <c r="P28" s="103">
        <v>0</v>
      </c>
      <c r="Q28" s="413">
        <v>0</v>
      </c>
      <c r="R28" s="102">
        <v>1</v>
      </c>
      <c r="S28" s="102">
        <v>1</v>
      </c>
      <c r="T28" s="102">
        <v>0</v>
      </c>
      <c r="U28" s="102">
        <v>0</v>
      </c>
      <c r="V28" s="102">
        <v>0</v>
      </c>
      <c r="W28" s="103">
        <v>2</v>
      </c>
      <c r="X28" s="104">
        <v>2</v>
      </c>
      <c r="Y28" s="101">
        <v>1</v>
      </c>
      <c r="Z28" s="102">
        <v>0</v>
      </c>
      <c r="AA28" s="103">
        <v>1</v>
      </c>
      <c r="AB28" s="413">
        <v>0</v>
      </c>
      <c r="AC28" s="102">
        <v>1</v>
      </c>
      <c r="AD28" s="102">
        <v>1</v>
      </c>
      <c r="AE28" s="102">
        <v>0</v>
      </c>
      <c r="AF28" s="102">
        <v>5</v>
      </c>
      <c r="AG28" s="102">
        <v>0</v>
      </c>
      <c r="AH28" s="103">
        <v>7</v>
      </c>
      <c r="AI28" s="104">
        <v>8</v>
      </c>
      <c r="AJ28" s="101">
        <v>2</v>
      </c>
      <c r="AK28" s="102">
        <v>4</v>
      </c>
      <c r="AL28" s="103">
        <v>6</v>
      </c>
      <c r="AM28" s="413">
        <v>0</v>
      </c>
      <c r="AN28" s="102">
        <v>7</v>
      </c>
      <c r="AO28" s="102">
        <v>1</v>
      </c>
      <c r="AP28" s="102">
        <v>1</v>
      </c>
      <c r="AQ28" s="102">
        <v>2</v>
      </c>
      <c r="AR28" s="102">
        <v>1</v>
      </c>
      <c r="AS28" s="103">
        <v>12</v>
      </c>
      <c r="AT28" s="104">
        <v>18</v>
      </c>
      <c r="AU28" s="101">
        <v>3</v>
      </c>
      <c r="AV28" s="102">
        <v>8</v>
      </c>
      <c r="AW28" s="103">
        <v>11</v>
      </c>
      <c r="AX28" s="413">
        <v>0</v>
      </c>
      <c r="AY28" s="102">
        <v>6</v>
      </c>
      <c r="AZ28" s="102">
        <v>1</v>
      </c>
      <c r="BA28" s="102">
        <v>4</v>
      </c>
      <c r="BB28" s="102">
        <v>1</v>
      </c>
      <c r="BC28" s="102">
        <v>3</v>
      </c>
      <c r="BD28" s="103">
        <v>15</v>
      </c>
      <c r="BE28" s="104">
        <v>26</v>
      </c>
      <c r="BF28" s="101">
        <v>4</v>
      </c>
      <c r="BG28" s="102">
        <v>5</v>
      </c>
      <c r="BH28" s="103">
        <v>9</v>
      </c>
      <c r="BI28" s="413">
        <v>0</v>
      </c>
      <c r="BJ28" s="102">
        <v>10</v>
      </c>
      <c r="BK28" s="102">
        <v>5</v>
      </c>
      <c r="BL28" s="102">
        <v>4</v>
      </c>
      <c r="BM28" s="102">
        <v>1</v>
      </c>
      <c r="BN28" s="102">
        <v>0</v>
      </c>
      <c r="BO28" s="103">
        <v>20</v>
      </c>
      <c r="BP28" s="104">
        <v>29</v>
      </c>
      <c r="BQ28" s="101">
        <v>4</v>
      </c>
      <c r="BR28" s="102">
        <v>5</v>
      </c>
      <c r="BS28" s="103">
        <v>9</v>
      </c>
      <c r="BT28" s="413">
        <v>0</v>
      </c>
      <c r="BU28" s="102">
        <v>4</v>
      </c>
      <c r="BV28" s="102">
        <v>8</v>
      </c>
      <c r="BW28" s="102">
        <v>1</v>
      </c>
      <c r="BX28" s="102">
        <v>2</v>
      </c>
      <c r="BY28" s="102">
        <v>1</v>
      </c>
      <c r="BZ28" s="103">
        <v>16</v>
      </c>
      <c r="CA28" s="104">
        <v>25</v>
      </c>
      <c r="CB28" s="101">
        <v>0</v>
      </c>
      <c r="CC28" s="102">
        <v>0</v>
      </c>
      <c r="CD28" s="103">
        <v>0</v>
      </c>
      <c r="CE28" s="413">
        <v>0</v>
      </c>
      <c r="CF28" s="102">
        <v>0</v>
      </c>
      <c r="CG28" s="102">
        <v>0</v>
      </c>
      <c r="CH28" s="102">
        <v>0</v>
      </c>
      <c r="CI28" s="102">
        <v>0</v>
      </c>
      <c r="CJ28" s="102">
        <v>0</v>
      </c>
      <c r="CK28" s="103">
        <v>0</v>
      </c>
      <c r="CL28" s="104">
        <v>0</v>
      </c>
      <c r="CM28" s="101">
        <v>14</v>
      </c>
      <c r="CN28" s="102">
        <v>22</v>
      </c>
      <c r="CO28" s="103">
        <v>36</v>
      </c>
      <c r="CP28" s="413">
        <v>0</v>
      </c>
      <c r="CQ28" s="102">
        <v>29</v>
      </c>
      <c r="CR28" s="102">
        <v>17</v>
      </c>
      <c r="CS28" s="102">
        <v>10</v>
      </c>
      <c r="CT28" s="102">
        <v>11</v>
      </c>
      <c r="CU28" s="102">
        <v>5</v>
      </c>
      <c r="CV28" s="103">
        <v>72</v>
      </c>
      <c r="CW28" s="104">
        <v>108</v>
      </c>
      <c r="CX28" s="105">
        <v>2</v>
      </c>
      <c r="CY28" s="97">
        <v>3</v>
      </c>
      <c r="CZ28" s="98">
        <v>5</v>
      </c>
      <c r="DA28" s="413">
        <v>0</v>
      </c>
      <c r="DB28" s="97">
        <v>4</v>
      </c>
      <c r="DC28" s="97">
        <v>1</v>
      </c>
      <c r="DD28" s="97">
        <v>1</v>
      </c>
      <c r="DE28" s="97">
        <v>0</v>
      </c>
      <c r="DF28" s="97">
        <v>1</v>
      </c>
      <c r="DG28" s="99">
        <v>7</v>
      </c>
      <c r="DH28" s="100">
        <v>12</v>
      </c>
      <c r="DI28" s="101">
        <v>0</v>
      </c>
      <c r="DJ28" s="102">
        <v>1</v>
      </c>
      <c r="DK28" s="103">
        <v>1</v>
      </c>
      <c r="DL28" s="413">
        <v>0</v>
      </c>
      <c r="DM28" s="102">
        <v>0</v>
      </c>
      <c r="DN28" s="102">
        <v>0</v>
      </c>
      <c r="DO28" s="102">
        <v>0</v>
      </c>
      <c r="DP28" s="102">
        <v>0</v>
      </c>
      <c r="DQ28" s="102">
        <v>0</v>
      </c>
      <c r="DR28" s="103">
        <v>0</v>
      </c>
      <c r="DS28" s="104">
        <v>1</v>
      </c>
      <c r="DT28" s="101">
        <v>0</v>
      </c>
      <c r="DU28" s="102">
        <v>0</v>
      </c>
      <c r="DV28" s="103">
        <v>0</v>
      </c>
      <c r="DW28" s="413">
        <v>0</v>
      </c>
      <c r="DX28" s="102">
        <v>0</v>
      </c>
      <c r="DY28" s="102">
        <v>0</v>
      </c>
      <c r="DZ28" s="102">
        <v>0</v>
      </c>
      <c r="EA28" s="102">
        <v>0</v>
      </c>
      <c r="EB28" s="102">
        <v>0</v>
      </c>
      <c r="EC28" s="103">
        <v>0</v>
      </c>
      <c r="ED28" s="104">
        <v>0</v>
      </c>
      <c r="EE28" s="101">
        <v>0</v>
      </c>
      <c r="EF28" s="102">
        <v>0</v>
      </c>
      <c r="EG28" s="103">
        <v>0</v>
      </c>
      <c r="EH28" s="413">
        <v>0</v>
      </c>
      <c r="EI28" s="102">
        <v>0</v>
      </c>
      <c r="EJ28" s="102">
        <v>0</v>
      </c>
      <c r="EK28" s="102">
        <v>0</v>
      </c>
      <c r="EL28" s="102">
        <v>0</v>
      </c>
      <c r="EM28" s="102">
        <v>1</v>
      </c>
      <c r="EN28" s="103">
        <v>1</v>
      </c>
      <c r="EO28" s="104">
        <v>1</v>
      </c>
      <c r="EP28" s="101">
        <v>0</v>
      </c>
      <c r="EQ28" s="102">
        <v>0</v>
      </c>
      <c r="ER28" s="103">
        <v>0</v>
      </c>
      <c r="ES28" s="413">
        <v>0</v>
      </c>
      <c r="ET28" s="102">
        <v>0</v>
      </c>
      <c r="EU28" s="102">
        <v>1</v>
      </c>
      <c r="EV28" s="102">
        <v>0</v>
      </c>
      <c r="EW28" s="102">
        <v>0</v>
      </c>
      <c r="EX28" s="102">
        <v>0</v>
      </c>
      <c r="EY28" s="103">
        <v>1</v>
      </c>
      <c r="EZ28" s="104">
        <v>1</v>
      </c>
      <c r="FA28" s="101">
        <v>0</v>
      </c>
      <c r="FB28" s="102">
        <v>1</v>
      </c>
      <c r="FC28" s="103">
        <v>1</v>
      </c>
      <c r="FD28" s="413">
        <v>0</v>
      </c>
      <c r="FE28" s="102">
        <v>0</v>
      </c>
      <c r="FF28" s="102">
        <v>0</v>
      </c>
      <c r="FG28" s="102">
        <v>1</v>
      </c>
      <c r="FH28" s="102">
        <v>0</v>
      </c>
      <c r="FI28" s="102">
        <v>0</v>
      </c>
      <c r="FJ28" s="103">
        <v>1</v>
      </c>
      <c r="FK28" s="104">
        <v>2</v>
      </c>
      <c r="FL28" s="101">
        <v>2</v>
      </c>
      <c r="FM28" s="102">
        <v>1</v>
      </c>
      <c r="FN28" s="103">
        <v>3</v>
      </c>
      <c r="FO28" s="413">
        <v>0</v>
      </c>
      <c r="FP28" s="102">
        <v>4</v>
      </c>
      <c r="FQ28" s="102">
        <v>0</v>
      </c>
      <c r="FR28" s="102">
        <v>0</v>
      </c>
      <c r="FS28" s="102">
        <v>0</v>
      </c>
      <c r="FT28" s="102">
        <v>0</v>
      </c>
      <c r="FU28" s="103">
        <v>4</v>
      </c>
      <c r="FV28" s="104">
        <v>7</v>
      </c>
      <c r="FW28" s="101">
        <v>0</v>
      </c>
      <c r="FX28" s="102">
        <v>0</v>
      </c>
      <c r="FY28" s="103">
        <v>0</v>
      </c>
      <c r="FZ28" s="413">
        <v>0</v>
      </c>
      <c r="GA28" s="102">
        <v>0</v>
      </c>
      <c r="GB28" s="102">
        <v>0</v>
      </c>
      <c r="GC28" s="102">
        <v>0</v>
      </c>
      <c r="GD28" s="102">
        <v>0</v>
      </c>
      <c r="GE28" s="102">
        <v>0</v>
      </c>
      <c r="GF28" s="103">
        <v>0</v>
      </c>
      <c r="GG28" s="104">
        <v>0</v>
      </c>
      <c r="GH28" s="101">
        <v>2</v>
      </c>
      <c r="GI28" s="102">
        <v>3</v>
      </c>
      <c r="GJ28" s="103">
        <v>5</v>
      </c>
      <c r="GK28" s="413">
        <v>0</v>
      </c>
      <c r="GL28" s="102">
        <v>4</v>
      </c>
      <c r="GM28" s="102">
        <v>1</v>
      </c>
      <c r="GN28" s="102">
        <v>1</v>
      </c>
      <c r="GO28" s="102">
        <v>0</v>
      </c>
      <c r="GP28" s="102">
        <v>1</v>
      </c>
      <c r="GQ28" s="103">
        <v>7</v>
      </c>
      <c r="GR28" s="104">
        <v>12</v>
      </c>
      <c r="GS28" s="105">
        <v>16</v>
      </c>
      <c r="GT28" s="97">
        <v>25</v>
      </c>
      <c r="GU28" s="98">
        <v>41</v>
      </c>
      <c r="GV28" s="413">
        <v>0</v>
      </c>
      <c r="GW28" s="97">
        <v>33</v>
      </c>
      <c r="GX28" s="97">
        <v>18</v>
      </c>
      <c r="GY28" s="97">
        <v>11</v>
      </c>
      <c r="GZ28" s="97">
        <v>11</v>
      </c>
      <c r="HA28" s="97">
        <v>6</v>
      </c>
      <c r="HB28" s="99">
        <v>79</v>
      </c>
      <c r="HC28" s="100">
        <v>120</v>
      </c>
      <c r="HD28" s="101">
        <v>0</v>
      </c>
      <c r="HE28" s="102">
        <v>1</v>
      </c>
      <c r="HF28" s="103">
        <v>1</v>
      </c>
      <c r="HG28" s="413">
        <v>0</v>
      </c>
      <c r="HH28" s="102">
        <v>1</v>
      </c>
      <c r="HI28" s="102">
        <v>1</v>
      </c>
      <c r="HJ28" s="102">
        <v>0</v>
      </c>
      <c r="HK28" s="102">
        <v>0</v>
      </c>
      <c r="HL28" s="102">
        <v>0</v>
      </c>
      <c r="HM28" s="103">
        <v>2</v>
      </c>
      <c r="HN28" s="104">
        <v>3</v>
      </c>
      <c r="HO28" s="101">
        <v>1</v>
      </c>
      <c r="HP28" s="102">
        <v>0</v>
      </c>
      <c r="HQ28" s="103">
        <v>1</v>
      </c>
      <c r="HR28" s="413">
        <v>0</v>
      </c>
      <c r="HS28" s="102">
        <v>1</v>
      </c>
      <c r="HT28" s="102">
        <v>1</v>
      </c>
      <c r="HU28" s="102">
        <v>0</v>
      </c>
      <c r="HV28" s="102">
        <v>5</v>
      </c>
      <c r="HW28" s="102">
        <v>0</v>
      </c>
      <c r="HX28" s="103">
        <v>7</v>
      </c>
      <c r="HY28" s="104">
        <v>8</v>
      </c>
      <c r="HZ28" s="101">
        <v>2</v>
      </c>
      <c r="IA28" s="102">
        <v>4</v>
      </c>
      <c r="IB28" s="103">
        <v>6</v>
      </c>
      <c r="IC28" s="413">
        <v>0</v>
      </c>
      <c r="ID28" s="102">
        <v>7</v>
      </c>
      <c r="IE28" s="102">
        <v>1</v>
      </c>
      <c r="IF28" s="102">
        <v>1</v>
      </c>
      <c r="IG28" s="102">
        <v>2</v>
      </c>
      <c r="IH28" s="102">
        <v>2</v>
      </c>
      <c r="II28" s="103">
        <v>13</v>
      </c>
      <c r="IJ28" s="104">
        <v>19</v>
      </c>
      <c r="IK28" s="101">
        <v>3</v>
      </c>
      <c r="IL28" s="102">
        <v>8</v>
      </c>
      <c r="IM28" s="103">
        <v>11</v>
      </c>
      <c r="IN28" s="413">
        <v>0</v>
      </c>
      <c r="IO28" s="102">
        <v>6</v>
      </c>
      <c r="IP28" s="102">
        <v>2</v>
      </c>
      <c r="IQ28" s="102">
        <v>4</v>
      </c>
      <c r="IR28" s="102">
        <v>1</v>
      </c>
      <c r="IS28" s="102">
        <v>3</v>
      </c>
      <c r="IT28" s="103">
        <v>16</v>
      </c>
      <c r="IU28" s="104">
        <v>27</v>
      </c>
      <c r="IV28" s="101">
        <v>4</v>
      </c>
      <c r="IW28" s="102">
        <v>6</v>
      </c>
      <c r="IX28" s="103">
        <v>10</v>
      </c>
      <c r="IY28" s="413">
        <v>0</v>
      </c>
      <c r="IZ28" s="102">
        <v>10</v>
      </c>
      <c r="JA28" s="102">
        <v>5</v>
      </c>
      <c r="JB28" s="102">
        <v>5</v>
      </c>
      <c r="JC28" s="102">
        <v>1</v>
      </c>
      <c r="JD28" s="102">
        <v>0</v>
      </c>
      <c r="JE28" s="103">
        <v>21</v>
      </c>
      <c r="JF28" s="104">
        <v>31</v>
      </c>
      <c r="JG28" s="101">
        <v>6</v>
      </c>
      <c r="JH28" s="102">
        <v>6</v>
      </c>
      <c r="JI28" s="103">
        <v>12</v>
      </c>
      <c r="JJ28" s="413">
        <v>0</v>
      </c>
      <c r="JK28" s="102">
        <v>8</v>
      </c>
      <c r="JL28" s="102">
        <v>8</v>
      </c>
      <c r="JM28" s="102">
        <v>1</v>
      </c>
      <c r="JN28" s="102">
        <v>2</v>
      </c>
      <c r="JO28" s="102">
        <v>1</v>
      </c>
      <c r="JP28" s="103">
        <v>20</v>
      </c>
      <c r="JQ28" s="104">
        <v>32</v>
      </c>
      <c r="JR28" s="101">
        <v>0</v>
      </c>
      <c r="JS28" s="102">
        <v>0</v>
      </c>
      <c r="JT28" s="103">
        <v>0</v>
      </c>
      <c r="JU28" s="413">
        <v>0</v>
      </c>
      <c r="JV28" s="102">
        <v>0</v>
      </c>
      <c r="JW28" s="102">
        <v>0</v>
      </c>
      <c r="JX28" s="102">
        <v>0</v>
      </c>
      <c r="JY28" s="102">
        <v>0</v>
      </c>
      <c r="JZ28" s="102">
        <v>0</v>
      </c>
      <c r="KA28" s="103">
        <v>0</v>
      </c>
      <c r="KB28" s="104">
        <v>0</v>
      </c>
      <c r="KC28" s="101">
        <v>16</v>
      </c>
      <c r="KD28" s="102">
        <v>25</v>
      </c>
      <c r="KE28" s="103">
        <v>41</v>
      </c>
      <c r="KF28" s="413">
        <v>0</v>
      </c>
      <c r="KG28" s="102">
        <v>33</v>
      </c>
      <c r="KH28" s="102">
        <v>18</v>
      </c>
      <c r="KI28" s="102">
        <v>11</v>
      </c>
      <c r="KJ28" s="102">
        <v>11</v>
      </c>
      <c r="KK28" s="102">
        <v>6</v>
      </c>
      <c r="KL28" s="103">
        <v>79</v>
      </c>
      <c r="KM28" s="104">
        <v>120</v>
      </c>
    </row>
    <row r="29" spans="2:299" s="70" customFormat="1" ht="21" customHeight="1" x14ac:dyDescent="0.2">
      <c r="B29" s="106" t="s">
        <v>26</v>
      </c>
      <c r="C29" s="96">
        <v>25</v>
      </c>
      <c r="D29" s="97">
        <v>17</v>
      </c>
      <c r="E29" s="98">
        <v>42</v>
      </c>
      <c r="F29" s="413">
        <v>0</v>
      </c>
      <c r="G29" s="97">
        <v>30</v>
      </c>
      <c r="H29" s="97">
        <v>21</v>
      </c>
      <c r="I29" s="97">
        <v>18</v>
      </c>
      <c r="J29" s="97">
        <v>10</v>
      </c>
      <c r="K29" s="97">
        <v>6</v>
      </c>
      <c r="L29" s="99">
        <v>85</v>
      </c>
      <c r="M29" s="100">
        <v>127</v>
      </c>
      <c r="N29" s="101">
        <v>0</v>
      </c>
      <c r="O29" s="102">
        <v>0</v>
      </c>
      <c r="P29" s="103">
        <v>0</v>
      </c>
      <c r="Q29" s="413">
        <v>0</v>
      </c>
      <c r="R29" s="102">
        <v>0</v>
      </c>
      <c r="S29" s="102">
        <v>0</v>
      </c>
      <c r="T29" s="102">
        <v>0</v>
      </c>
      <c r="U29" s="102">
        <v>0</v>
      </c>
      <c r="V29" s="102">
        <v>0</v>
      </c>
      <c r="W29" s="103">
        <v>0</v>
      </c>
      <c r="X29" s="104">
        <v>0</v>
      </c>
      <c r="Y29" s="101">
        <v>1</v>
      </c>
      <c r="Z29" s="102">
        <v>0</v>
      </c>
      <c r="AA29" s="103">
        <v>1</v>
      </c>
      <c r="AB29" s="413">
        <v>0</v>
      </c>
      <c r="AC29" s="102">
        <v>2</v>
      </c>
      <c r="AD29" s="102">
        <v>0</v>
      </c>
      <c r="AE29" s="102">
        <v>0</v>
      </c>
      <c r="AF29" s="102">
        <v>0</v>
      </c>
      <c r="AG29" s="102">
        <v>0</v>
      </c>
      <c r="AH29" s="103">
        <v>2</v>
      </c>
      <c r="AI29" s="104">
        <v>3</v>
      </c>
      <c r="AJ29" s="101">
        <v>0</v>
      </c>
      <c r="AK29" s="102">
        <v>2</v>
      </c>
      <c r="AL29" s="103">
        <v>2</v>
      </c>
      <c r="AM29" s="413">
        <v>0</v>
      </c>
      <c r="AN29" s="102">
        <v>3</v>
      </c>
      <c r="AO29" s="102">
        <v>1</v>
      </c>
      <c r="AP29" s="102">
        <v>1</v>
      </c>
      <c r="AQ29" s="102">
        <v>0</v>
      </c>
      <c r="AR29" s="102">
        <v>0</v>
      </c>
      <c r="AS29" s="103">
        <v>5</v>
      </c>
      <c r="AT29" s="104">
        <v>7</v>
      </c>
      <c r="AU29" s="101">
        <v>7</v>
      </c>
      <c r="AV29" s="102">
        <v>7</v>
      </c>
      <c r="AW29" s="103">
        <v>14</v>
      </c>
      <c r="AX29" s="413">
        <v>0</v>
      </c>
      <c r="AY29" s="102">
        <v>8</v>
      </c>
      <c r="AZ29" s="102">
        <v>7</v>
      </c>
      <c r="BA29" s="102">
        <v>4</v>
      </c>
      <c r="BB29" s="102">
        <v>2</v>
      </c>
      <c r="BC29" s="102">
        <v>2</v>
      </c>
      <c r="BD29" s="103">
        <v>23</v>
      </c>
      <c r="BE29" s="104">
        <v>37</v>
      </c>
      <c r="BF29" s="101">
        <v>6</v>
      </c>
      <c r="BG29" s="102">
        <v>3</v>
      </c>
      <c r="BH29" s="103">
        <v>9</v>
      </c>
      <c r="BI29" s="413">
        <v>0</v>
      </c>
      <c r="BJ29" s="102">
        <v>7</v>
      </c>
      <c r="BK29" s="102">
        <v>10</v>
      </c>
      <c r="BL29" s="102">
        <v>8</v>
      </c>
      <c r="BM29" s="102">
        <v>4</v>
      </c>
      <c r="BN29" s="102">
        <v>2</v>
      </c>
      <c r="BO29" s="103">
        <v>31</v>
      </c>
      <c r="BP29" s="104">
        <v>40</v>
      </c>
      <c r="BQ29" s="101">
        <v>11</v>
      </c>
      <c r="BR29" s="102">
        <v>5</v>
      </c>
      <c r="BS29" s="103">
        <v>16</v>
      </c>
      <c r="BT29" s="413">
        <v>0</v>
      </c>
      <c r="BU29" s="102">
        <v>10</v>
      </c>
      <c r="BV29" s="102">
        <v>3</v>
      </c>
      <c r="BW29" s="102">
        <v>5</v>
      </c>
      <c r="BX29" s="102">
        <v>4</v>
      </c>
      <c r="BY29" s="102">
        <v>2</v>
      </c>
      <c r="BZ29" s="103">
        <v>24</v>
      </c>
      <c r="CA29" s="104">
        <v>40</v>
      </c>
      <c r="CB29" s="101">
        <v>0</v>
      </c>
      <c r="CC29" s="102">
        <v>0</v>
      </c>
      <c r="CD29" s="103">
        <v>0</v>
      </c>
      <c r="CE29" s="413">
        <v>0</v>
      </c>
      <c r="CF29" s="102">
        <v>0</v>
      </c>
      <c r="CG29" s="102">
        <v>0</v>
      </c>
      <c r="CH29" s="102">
        <v>0</v>
      </c>
      <c r="CI29" s="102">
        <v>0</v>
      </c>
      <c r="CJ29" s="102">
        <v>0</v>
      </c>
      <c r="CK29" s="103">
        <v>0</v>
      </c>
      <c r="CL29" s="104">
        <v>0</v>
      </c>
      <c r="CM29" s="101">
        <v>25</v>
      </c>
      <c r="CN29" s="102">
        <v>17</v>
      </c>
      <c r="CO29" s="103">
        <v>42</v>
      </c>
      <c r="CP29" s="413">
        <v>0</v>
      </c>
      <c r="CQ29" s="102">
        <v>30</v>
      </c>
      <c r="CR29" s="102">
        <v>21</v>
      </c>
      <c r="CS29" s="102">
        <v>18</v>
      </c>
      <c r="CT29" s="102">
        <v>10</v>
      </c>
      <c r="CU29" s="102">
        <v>6</v>
      </c>
      <c r="CV29" s="103">
        <v>85</v>
      </c>
      <c r="CW29" s="104">
        <v>127</v>
      </c>
      <c r="CX29" s="105">
        <v>3</v>
      </c>
      <c r="CY29" s="97">
        <v>3</v>
      </c>
      <c r="CZ29" s="98">
        <v>6</v>
      </c>
      <c r="DA29" s="413">
        <v>0</v>
      </c>
      <c r="DB29" s="97">
        <v>4</v>
      </c>
      <c r="DC29" s="97">
        <v>3</v>
      </c>
      <c r="DD29" s="97">
        <v>3</v>
      </c>
      <c r="DE29" s="97">
        <v>1</v>
      </c>
      <c r="DF29" s="97">
        <v>0</v>
      </c>
      <c r="DG29" s="99">
        <v>11</v>
      </c>
      <c r="DH29" s="100">
        <v>17</v>
      </c>
      <c r="DI29" s="101">
        <v>0</v>
      </c>
      <c r="DJ29" s="102">
        <v>1</v>
      </c>
      <c r="DK29" s="103">
        <v>1</v>
      </c>
      <c r="DL29" s="413">
        <v>0</v>
      </c>
      <c r="DM29" s="102">
        <v>0</v>
      </c>
      <c r="DN29" s="102">
        <v>0</v>
      </c>
      <c r="DO29" s="102">
        <v>0</v>
      </c>
      <c r="DP29" s="102">
        <v>0</v>
      </c>
      <c r="DQ29" s="102">
        <v>0</v>
      </c>
      <c r="DR29" s="103">
        <v>0</v>
      </c>
      <c r="DS29" s="104">
        <v>1</v>
      </c>
      <c r="DT29" s="101">
        <v>0</v>
      </c>
      <c r="DU29" s="102">
        <v>0</v>
      </c>
      <c r="DV29" s="103">
        <v>0</v>
      </c>
      <c r="DW29" s="413">
        <v>0</v>
      </c>
      <c r="DX29" s="102">
        <v>0</v>
      </c>
      <c r="DY29" s="102">
        <v>0</v>
      </c>
      <c r="DZ29" s="102">
        <v>0</v>
      </c>
      <c r="EA29" s="102">
        <v>1</v>
      </c>
      <c r="EB29" s="102">
        <v>0</v>
      </c>
      <c r="EC29" s="103">
        <v>1</v>
      </c>
      <c r="ED29" s="104">
        <v>1</v>
      </c>
      <c r="EE29" s="101">
        <v>1</v>
      </c>
      <c r="EF29" s="102">
        <v>0</v>
      </c>
      <c r="EG29" s="103">
        <v>1</v>
      </c>
      <c r="EH29" s="413">
        <v>0</v>
      </c>
      <c r="EI29" s="102">
        <v>0</v>
      </c>
      <c r="EJ29" s="102">
        <v>0</v>
      </c>
      <c r="EK29" s="102">
        <v>0</v>
      </c>
      <c r="EL29" s="102">
        <v>0</v>
      </c>
      <c r="EM29" s="102">
        <v>0</v>
      </c>
      <c r="EN29" s="103">
        <v>0</v>
      </c>
      <c r="EO29" s="104">
        <v>1</v>
      </c>
      <c r="EP29" s="101">
        <v>1</v>
      </c>
      <c r="EQ29" s="102">
        <v>0</v>
      </c>
      <c r="ER29" s="103">
        <v>1</v>
      </c>
      <c r="ES29" s="413">
        <v>0</v>
      </c>
      <c r="ET29" s="102">
        <v>2</v>
      </c>
      <c r="EU29" s="102">
        <v>1</v>
      </c>
      <c r="EV29" s="102">
        <v>1</v>
      </c>
      <c r="EW29" s="102">
        <v>0</v>
      </c>
      <c r="EX29" s="102">
        <v>0</v>
      </c>
      <c r="EY29" s="103">
        <v>4</v>
      </c>
      <c r="EZ29" s="104">
        <v>5</v>
      </c>
      <c r="FA29" s="101">
        <v>0</v>
      </c>
      <c r="FB29" s="102">
        <v>0</v>
      </c>
      <c r="FC29" s="103">
        <v>0</v>
      </c>
      <c r="FD29" s="413">
        <v>0</v>
      </c>
      <c r="FE29" s="102">
        <v>0</v>
      </c>
      <c r="FF29" s="102">
        <v>2</v>
      </c>
      <c r="FG29" s="102">
        <v>0</v>
      </c>
      <c r="FH29" s="102">
        <v>0</v>
      </c>
      <c r="FI29" s="102">
        <v>0</v>
      </c>
      <c r="FJ29" s="103">
        <v>2</v>
      </c>
      <c r="FK29" s="104">
        <v>2</v>
      </c>
      <c r="FL29" s="101">
        <v>1</v>
      </c>
      <c r="FM29" s="102">
        <v>2</v>
      </c>
      <c r="FN29" s="103">
        <v>3</v>
      </c>
      <c r="FO29" s="413">
        <v>0</v>
      </c>
      <c r="FP29" s="102">
        <v>2</v>
      </c>
      <c r="FQ29" s="102">
        <v>0</v>
      </c>
      <c r="FR29" s="102">
        <v>2</v>
      </c>
      <c r="FS29" s="102">
        <v>0</v>
      </c>
      <c r="FT29" s="102">
        <v>0</v>
      </c>
      <c r="FU29" s="103">
        <v>4</v>
      </c>
      <c r="FV29" s="104">
        <v>7</v>
      </c>
      <c r="FW29" s="101">
        <v>0</v>
      </c>
      <c r="FX29" s="102">
        <v>0</v>
      </c>
      <c r="FY29" s="103">
        <v>0</v>
      </c>
      <c r="FZ29" s="413">
        <v>0</v>
      </c>
      <c r="GA29" s="102">
        <v>0</v>
      </c>
      <c r="GB29" s="102">
        <v>0</v>
      </c>
      <c r="GC29" s="102">
        <v>0</v>
      </c>
      <c r="GD29" s="102">
        <v>0</v>
      </c>
      <c r="GE29" s="102">
        <v>0</v>
      </c>
      <c r="GF29" s="103">
        <v>0</v>
      </c>
      <c r="GG29" s="104">
        <v>0</v>
      </c>
      <c r="GH29" s="101">
        <v>3</v>
      </c>
      <c r="GI29" s="102">
        <v>3</v>
      </c>
      <c r="GJ29" s="103">
        <v>6</v>
      </c>
      <c r="GK29" s="413">
        <v>0</v>
      </c>
      <c r="GL29" s="102">
        <v>4</v>
      </c>
      <c r="GM29" s="102">
        <v>3</v>
      </c>
      <c r="GN29" s="102">
        <v>3</v>
      </c>
      <c r="GO29" s="102">
        <v>1</v>
      </c>
      <c r="GP29" s="102">
        <v>0</v>
      </c>
      <c r="GQ29" s="103">
        <v>11</v>
      </c>
      <c r="GR29" s="104">
        <v>17</v>
      </c>
      <c r="GS29" s="105">
        <v>28</v>
      </c>
      <c r="GT29" s="97">
        <v>20</v>
      </c>
      <c r="GU29" s="98">
        <v>48</v>
      </c>
      <c r="GV29" s="413">
        <v>0</v>
      </c>
      <c r="GW29" s="97">
        <v>34</v>
      </c>
      <c r="GX29" s="97">
        <v>24</v>
      </c>
      <c r="GY29" s="97">
        <v>21</v>
      </c>
      <c r="GZ29" s="97">
        <v>11</v>
      </c>
      <c r="HA29" s="97">
        <v>6</v>
      </c>
      <c r="HB29" s="99">
        <v>96</v>
      </c>
      <c r="HC29" s="100">
        <v>144</v>
      </c>
      <c r="HD29" s="101">
        <v>0</v>
      </c>
      <c r="HE29" s="102">
        <v>1</v>
      </c>
      <c r="HF29" s="103">
        <v>1</v>
      </c>
      <c r="HG29" s="413">
        <v>0</v>
      </c>
      <c r="HH29" s="102">
        <v>0</v>
      </c>
      <c r="HI29" s="102">
        <v>0</v>
      </c>
      <c r="HJ29" s="102">
        <v>0</v>
      </c>
      <c r="HK29" s="102">
        <v>0</v>
      </c>
      <c r="HL29" s="102">
        <v>0</v>
      </c>
      <c r="HM29" s="103">
        <v>0</v>
      </c>
      <c r="HN29" s="104">
        <v>1</v>
      </c>
      <c r="HO29" s="101">
        <v>1</v>
      </c>
      <c r="HP29" s="102">
        <v>0</v>
      </c>
      <c r="HQ29" s="103">
        <v>1</v>
      </c>
      <c r="HR29" s="413">
        <v>0</v>
      </c>
      <c r="HS29" s="102">
        <v>2</v>
      </c>
      <c r="HT29" s="102">
        <v>0</v>
      </c>
      <c r="HU29" s="102">
        <v>0</v>
      </c>
      <c r="HV29" s="102">
        <v>1</v>
      </c>
      <c r="HW29" s="102">
        <v>0</v>
      </c>
      <c r="HX29" s="103">
        <v>3</v>
      </c>
      <c r="HY29" s="104">
        <v>4</v>
      </c>
      <c r="HZ29" s="101">
        <v>1</v>
      </c>
      <c r="IA29" s="102">
        <v>2</v>
      </c>
      <c r="IB29" s="103">
        <v>3</v>
      </c>
      <c r="IC29" s="413">
        <v>0</v>
      </c>
      <c r="ID29" s="102">
        <v>3</v>
      </c>
      <c r="IE29" s="102">
        <v>1</v>
      </c>
      <c r="IF29" s="102">
        <v>1</v>
      </c>
      <c r="IG29" s="102">
        <v>0</v>
      </c>
      <c r="IH29" s="102">
        <v>0</v>
      </c>
      <c r="II29" s="103">
        <v>5</v>
      </c>
      <c r="IJ29" s="104">
        <v>8</v>
      </c>
      <c r="IK29" s="101">
        <v>8</v>
      </c>
      <c r="IL29" s="102">
        <v>7</v>
      </c>
      <c r="IM29" s="103">
        <v>15</v>
      </c>
      <c r="IN29" s="413">
        <v>0</v>
      </c>
      <c r="IO29" s="102">
        <v>10</v>
      </c>
      <c r="IP29" s="102">
        <v>8</v>
      </c>
      <c r="IQ29" s="102">
        <v>5</v>
      </c>
      <c r="IR29" s="102">
        <v>2</v>
      </c>
      <c r="IS29" s="102">
        <v>2</v>
      </c>
      <c r="IT29" s="103">
        <v>27</v>
      </c>
      <c r="IU29" s="104">
        <v>42</v>
      </c>
      <c r="IV29" s="101">
        <v>6</v>
      </c>
      <c r="IW29" s="102">
        <v>3</v>
      </c>
      <c r="IX29" s="103">
        <v>9</v>
      </c>
      <c r="IY29" s="413">
        <v>0</v>
      </c>
      <c r="IZ29" s="102">
        <v>7</v>
      </c>
      <c r="JA29" s="102">
        <v>12</v>
      </c>
      <c r="JB29" s="102">
        <v>8</v>
      </c>
      <c r="JC29" s="102">
        <v>4</v>
      </c>
      <c r="JD29" s="102">
        <v>2</v>
      </c>
      <c r="JE29" s="103">
        <v>33</v>
      </c>
      <c r="JF29" s="104">
        <v>42</v>
      </c>
      <c r="JG29" s="101">
        <v>12</v>
      </c>
      <c r="JH29" s="102">
        <v>7</v>
      </c>
      <c r="JI29" s="103">
        <v>19</v>
      </c>
      <c r="JJ29" s="413">
        <v>0</v>
      </c>
      <c r="JK29" s="102">
        <v>12</v>
      </c>
      <c r="JL29" s="102">
        <v>3</v>
      </c>
      <c r="JM29" s="102">
        <v>7</v>
      </c>
      <c r="JN29" s="102">
        <v>4</v>
      </c>
      <c r="JO29" s="102">
        <v>2</v>
      </c>
      <c r="JP29" s="103">
        <v>28</v>
      </c>
      <c r="JQ29" s="104">
        <v>47</v>
      </c>
      <c r="JR29" s="101">
        <v>0</v>
      </c>
      <c r="JS29" s="102">
        <v>0</v>
      </c>
      <c r="JT29" s="103">
        <v>0</v>
      </c>
      <c r="JU29" s="413">
        <v>0</v>
      </c>
      <c r="JV29" s="102">
        <v>0</v>
      </c>
      <c r="JW29" s="102">
        <v>0</v>
      </c>
      <c r="JX29" s="102">
        <v>0</v>
      </c>
      <c r="JY29" s="102">
        <v>0</v>
      </c>
      <c r="JZ29" s="102">
        <v>0</v>
      </c>
      <c r="KA29" s="103">
        <v>0</v>
      </c>
      <c r="KB29" s="104">
        <v>0</v>
      </c>
      <c r="KC29" s="101">
        <v>28</v>
      </c>
      <c r="KD29" s="102">
        <v>20</v>
      </c>
      <c r="KE29" s="103">
        <v>48</v>
      </c>
      <c r="KF29" s="413">
        <v>0</v>
      </c>
      <c r="KG29" s="102">
        <v>34</v>
      </c>
      <c r="KH29" s="102">
        <v>24</v>
      </c>
      <c r="KI29" s="102">
        <v>21</v>
      </c>
      <c r="KJ29" s="102">
        <v>11</v>
      </c>
      <c r="KK29" s="102">
        <v>6</v>
      </c>
      <c r="KL29" s="103">
        <v>96</v>
      </c>
      <c r="KM29" s="104">
        <v>144</v>
      </c>
    </row>
    <row r="30" spans="2:299" s="70" customFormat="1" ht="21" customHeight="1" x14ac:dyDescent="0.2">
      <c r="B30" s="106" t="s">
        <v>27</v>
      </c>
      <c r="C30" s="96">
        <v>26</v>
      </c>
      <c r="D30" s="97">
        <v>27</v>
      </c>
      <c r="E30" s="98">
        <v>53</v>
      </c>
      <c r="F30" s="413">
        <v>0</v>
      </c>
      <c r="G30" s="97">
        <v>25</v>
      </c>
      <c r="H30" s="97">
        <v>15</v>
      </c>
      <c r="I30" s="97">
        <v>9</v>
      </c>
      <c r="J30" s="97">
        <v>16</v>
      </c>
      <c r="K30" s="97">
        <v>9</v>
      </c>
      <c r="L30" s="99">
        <v>74</v>
      </c>
      <c r="M30" s="100">
        <v>127</v>
      </c>
      <c r="N30" s="101">
        <v>0</v>
      </c>
      <c r="O30" s="102">
        <v>0</v>
      </c>
      <c r="P30" s="103">
        <v>0</v>
      </c>
      <c r="Q30" s="413">
        <v>0</v>
      </c>
      <c r="R30" s="102">
        <v>0</v>
      </c>
      <c r="S30" s="102">
        <v>0</v>
      </c>
      <c r="T30" s="102">
        <v>0</v>
      </c>
      <c r="U30" s="102">
        <v>0</v>
      </c>
      <c r="V30" s="102">
        <v>1</v>
      </c>
      <c r="W30" s="103">
        <v>1</v>
      </c>
      <c r="X30" s="104">
        <v>1</v>
      </c>
      <c r="Y30" s="101">
        <v>1</v>
      </c>
      <c r="Z30" s="102">
        <v>2</v>
      </c>
      <c r="AA30" s="103">
        <v>3</v>
      </c>
      <c r="AB30" s="413">
        <v>0</v>
      </c>
      <c r="AC30" s="102">
        <v>2</v>
      </c>
      <c r="AD30" s="102">
        <v>0</v>
      </c>
      <c r="AE30" s="102">
        <v>0</v>
      </c>
      <c r="AF30" s="102">
        <v>0</v>
      </c>
      <c r="AG30" s="102">
        <v>1</v>
      </c>
      <c r="AH30" s="103">
        <v>3</v>
      </c>
      <c r="AI30" s="104">
        <v>6</v>
      </c>
      <c r="AJ30" s="101">
        <v>3</v>
      </c>
      <c r="AK30" s="102">
        <v>5</v>
      </c>
      <c r="AL30" s="103">
        <v>8</v>
      </c>
      <c r="AM30" s="413">
        <v>0</v>
      </c>
      <c r="AN30" s="102">
        <v>0</v>
      </c>
      <c r="AO30" s="102">
        <v>1</v>
      </c>
      <c r="AP30" s="102">
        <v>0</v>
      </c>
      <c r="AQ30" s="102">
        <v>0</v>
      </c>
      <c r="AR30" s="102">
        <v>1</v>
      </c>
      <c r="AS30" s="103">
        <v>2</v>
      </c>
      <c r="AT30" s="104">
        <v>10</v>
      </c>
      <c r="AU30" s="101">
        <v>6</v>
      </c>
      <c r="AV30" s="102">
        <v>5</v>
      </c>
      <c r="AW30" s="103">
        <v>11</v>
      </c>
      <c r="AX30" s="413">
        <v>0</v>
      </c>
      <c r="AY30" s="102">
        <v>4</v>
      </c>
      <c r="AZ30" s="102">
        <v>3</v>
      </c>
      <c r="BA30" s="102">
        <v>5</v>
      </c>
      <c r="BB30" s="102">
        <v>2</v>
      </c>
      <c r="BC30" s="102">
        <v>1</v>
      </c>
      <c r="BD30" s="103">
        <v>15</v>
      </c>
      <c r="BE30" s="104">
        <v>26</v>
      </c>
      <c r="BF30" s="101">
        <v>9</v>
      </c>
      <c r="BG30" s="102">
        <v>7</v>
      </c>
      <c r="BH30" s="103">
        <v>16</v>
      </c>
      <c r="BI30" s="413">
        <v>0</v>
      </c>
      <c r="BJ30" s="102">
        <v>8</v>
      </c>
      <c r="BK30" s="102">
        <v>4</v>
      </c>
      <c r="BL30" s="102">
        <v>3</v>
      </c>
      <c r="BM30" s="102">
        <v>5</v>
      </c>
      <c r="BN30" s="102">
        <v>2</v>
      </c>
      <c r="BO30" s="103">
        <v>22</v>
      </c>
      <c r="BP30" s="104">
        <v>38</v>
      </c>
      <c r="BQ30" s="101">
        <v>7</v>
      </c>
      <c r="BR30" s="102">
        <v>8</v>
      </c>
      <c r="BS30" s="103">
        <v>15</v>
      </c>
      <c r="BT30" s="413">
        <v>0</v>
      </c>
      <c r="BU30" s="102">
        <v>11</v>
      </c>
      <c r="BV30" s="102">
        <v>7</v>
      </c>
      <c r="BW30" s="102">
        <v>1</v>
      </c>
      <c r="BX30" s="102">
        <v>9</v>
      </c>
      <c r="BY30" s="102">
        <v>3</v>
      </c>
      <c r="BZ30" s="103">
        <v>31</v>
      </c>
      <c r="CA30" s="104">
        <v>46</v>
      </c>
      <c r="CB30" s="101">
        <v>0</v>
      </c>
      <c r="CC30" s="102">
        <v>0</v>
      </c>
      <c r="CD30" s="103">
        <v>0</v>
      </c>
      <c r="CE30" s="413">
        <v>0</v>
      </c>
      <c r="CF30" s="102">
        <v>0</v>
      </c>
      <c r="CG30" s="102">
        <v>0</v>
      </c>
      <c r="CH30" s="102">
        <v>0</v>
      </c>
      <c r="CI30" s="102">
        <v>0</v>
      </c>
      <c r="CJ30" s="102">
        <v>0</v>
      </c>
      <c r="CK30" s="103">
        <v>0</v>
      </c>
      <c r="CL30" s="104">
        <v>0</v>
      </c>
      <c r="CM30" s="101">
        <v>26</v>
      </c>
      <c r="CN30" s="102">
        <v>27</v>
      </c>
      <c r="CO30" s="103">
        <v>53</v>
      </c>
      <c r="CP30" s="413">
        <v>0</v>
      </c>
      <c r="CQ30" s="102">
        <v>25</v>
      </c>
      <c r="CR30" s="102">
        <v>15</v>
      </c>
      <c r="CS30" s="102">
        <v>9</v>
      </c>
      <c r="CT30" s="102">
        <v>16</v>
      </c>
      <c r="CU30" s="102">
        <v>9</v>
      </c>
      <c r="CV30" s="103">
        <v>74</v>
      </c>
      <c r="CW30" s="104">
        <v>127</v>
      </c>
      <c r="CX30" s="105">
        <v>4</v>
      </c>
      <c r="CY30" s="97">
        <v>4</v>
      </c>
      <c r="CZ30" s="98">
        <v>8</v>
      </c>
      <c r="DA30" s="413">
        <v>0</v>
      </c>
      <c r="DB30" s="97">
        <v>2</v>
      </c>
      <c r="DC30" s="97">
        <v>1</v>
      </c>
      <c r="DD30" s="97">
        <v>3</v>
      </c>
      <c r="DE30" s="97">
        <v>3</v>
      </c>
      <c r="DF30" s="97">
        <v>1</v>
      </c>
      <c r="DG30" s="99">
        <v>10</v>
      </c>
      <c r="DH30" s="100">
        <v>18</v>
      </c>
      <c r="DI30" s="101">
        <v>0</v>
      </c>
      <c r="DJ30" s="102">
        <v>0</v>
      </c>
      <c r="DK30" s="103">
        <v>0</v>
      </c>
      <c r="DL30" s="413">
        <v>0</v>
      </c>
      <c r="DM30" s="102">
        <v>0</v>
      </c>
      <c r="DN30" s="102">
        <v>0</v>
      </c>
      <c r="DO30" s="102">
        <v>0</v>
      </c>
      <c r="DP30" s="102">
        <v>0</v>
      </c>
      <c r="DQ30" s="102">
        <v>0</v>
      </c>
      <c r="DR30" s="103">
        <v>0</v>
      </c>
      <c r="DS30" s="104">
        <v>0</v>
      </c>
      <c r="DT30" s="101">
        <v>0</v>
      </c>
      <c r="DU30" s="102">
        <v>0</v>
      </c>
      <c r="DV30" s="103">
        <v>0</v>
      </c>
      <c r="DW30" s="413">
        <v>0</v>
      </c>
      <c r="DX30" s="102">
        <v>0</v>
      </c>
      <c r="DY30" s="102">
        <v>0</v>
      </c>
      <c r="DZ30" s="102">
        <v>0</v>
      </c>
      <c r="EA30" s="102">
        <v>1</v>
      </c>
      <c r="EB30" s="102">
        <v>0</v>
      </c>
      <c r="EC30" s="103">
        <v>1</v>
      </c>
      <c r="ED30" s="104">
        <v>1</v>
      </c>
      <c r="EE30" s="101">
        <v>0</v>
      </c>
      <c r="EF30" s="102">
        <v>0</v>
      </c>
      <c r="EG30" s="103">
        <v>0</v>
      </c>
      <c r="EH30" s="413">
        <v>0</v>
      </c>
      <c r="EI30" s="102">
        <v>0</v>
      </c>
      <c r="EJ30" s="102">
        <v>0</v>
      </c>
      <c r="EK30" s="102">
        <v>0</v>
      </c>
      <c r="EL30" s="102">
        <v>0</v>
      </c>
      <c r="EM30" s="102">
        <v>0</v>
      </c>
      <c r="EN30" s="103">
        <v>0</v>
      </c>
      <c r="EO30" s="104">
        <v>0</v>
      </c>
      <c r="EP30" s="101">
        <v>1</v>
      </c>
      <c r="EQ30" s="102">
        <v>0</v>
      </c>
      <c r="ER30" s="103">
        <v>1</v>
      </c>
      <c r="ES30" s="413">
        <v>0</v>
      </c>
      <c r="ET30" s="102">
        <v>1</v>
      </c>
      <c r="EU30" s="102">
        <v>0</v>
      </c>
      <c r="EV30" s="102">
        <v>0</v>
      </c>
      <c r="EW30" s="102">
        <v>0</v>
      </c>
      <c r="EX30" s="102">
        <v>0</v>
      </c>
      <c r="EY30" s="103">
        <v>1</v>
      </c>
      <c r="EZ30" s="104">
        <v>2</v>
      </c>
      <c r="FA30" s="101">
        <v>0</v>
      </c>
      <c r="FB30" s="102">
        <v>1</v>
      </c>
      <c r="FC30" s="103">
        <v>1</v>
      </c>
      <c r="FD30" s="413">
        <v>0</v>
      </c>
      <c r="FE30" s="102">
        <v>1</v>
      </c>
      <c r="FF30" s="102">
        <v>1</v>
      </c>
      <c r="FG30" s="102">
        <v>1</v>
      </c>
      <c r="FH30" s="102">
        <v>0</v>
      </c>
      <c r="FI30" s="102">
        <v>0</v>
      </c>
      <c r="FJ30" s="103">
        <v>3</v>
      </c>
      <c r="FK30" s="104">
        <v>4</v>
      </c>
      <c r="FL30" s="101">
        <v>3</v>
      </c>
      <c r="FM30" s="102">
        <v>3</v>
      </c>
      <c r="FN30" s="103">
        <v>6</v>
      </c>
      <c r="FO30" s="413">
        <v>0</v>
      </c>
      <c r="FP30" s="102">
        <v>0</v>
      </c>
      <c r="FQ30" s="102">
        <v>0</v>
      </c>
      <c r="FR30" s="102">
        <v>2</v>
      </c>
      <c r="FS30" s="102">
        <v>2</v>
      </c>
      <c r="FT30" s="102">
        <v>1</v>
      </c>
      <c r="FU30" s="103">
        <v>5</v>
      </c>
      <c r="FV30" s="104">
        <v>11</v>
      </c>
      <c r="FW30" s="101">
        <v>0</v>
      </c>
      <c r="FX30" s="102">
        <v>0</v>
      </c>
      <c r="FY30" s="103">
        <v>0</v>
      </c>
      <c r="FZ30" s="413">
        <v>0</v>
      </c>
      <c r="GA30" s="102">
        <v>0</v>
      </c>
      <c r="GB30" s="102">
        <v>0</v>
      </c>
      <c r="GC30" s="102">
        <v>0</v>
      </c>
      <c r="GD30" s="102">
        <v>0</v>
      </c>
      <c r="GE30" s="102">
        <v>0</v>
      </c>
      <c r="GF30" s="103">
        <v>0</v>
      </c>
      <c r="GG30" s="104">
        <v>0</v>
      </c>
      <c r="GH30" s="101">
        <v>4</v>
      </c>
      <c r="GI30" s="102">
        <v>4</v>
      </c>
      <c r="GJ30" s="103">
        <v>8</v>
      </c>
      <c r="GK30" s="413">
        <v>0</v>
      </c>
      <c r="GL30" s="102">
        <v>2</v>
      </c>
      <c r="GM30" s="102">
        <v>1</v>
      </c>
      <c r="GN30" s="102">
        <v>3</v>
      </c>
      <c r="GO30" s="102">
        <v>3</v>
      </c>
      <c r="GP30" s="102">
        <v>1</v>
      </c>
      <c r="GQ30" s="103">
        <v>10</v>
      </c>
      <c r="GR30" s="104">
        <v>18</v>
      </c>
      <c r="GS30" s="105">
        <v>30</v>
      </c>
      <c r="GT30" s="97">
        <v>31</v>
      </c>
      <c r="GU30" s="98">
        <v>61</v>
      </c>
      <c r="GV30" s="413">
        <v>0</v>
      </c>
      <c r="GW30" s="97">
        <v>27</v>
      </c>
      <c r="GX30" s="97">
        <v>16</v>
      </c>
      <c r="GY30" s="97">
        <v>12</v>
      </c>
      <c r="GZ30" s="97">
        <v>19</v>
      </c>
      <c r="HA30" s="97">
        <v>10</v>
      </c>
      <c r="HB30" s="99">
        <v>84</v>
      </c>
      <c r="HC30" s="100">
        <v>145</v>
      </c>
      <c r="HD30" s="101">
        <v>0</v>
      </c>
      <c r="HE30" s="102">
        <v>0</v>
      </c>
      <c r="HF30" s="103">
        <v>0</v>
      </c>
      <c r="HG30" s="413">
        <v>0</v>
      </c>
      <c r="HH30" s="102">
        <v>0</v>
      </c>
      <c r="HI30" s="102">
        <v>0</v>
      </c>
      <c r="HJ30" s="102">
        <v>0</v>
      </c>
      <c r="HK30" s="102">
        <v>0</v>
      </c>
      <c r="HL30" s="102">
        <v>1</v>
      </c>
      <c r="HM30" s="103">
        <v>1</v>
      </c>
      <c r="HN30" s="104">
        <v>1</v>
      </c>
      <c r="HO30" s="101">
        <v>1</v>
      </c>
      <c r="HP30" s="102">
        <v>2</v>
      </c>
      <c r="HQ30" s="103">
        <v>3</v>
      </c>
      <c r="HR30" s="413">
        <v>0</v>
      </c>
      <c r="HS30" s="102">
        <v>2</v>
      </c>
      <c r="HT30" s="102">
        <v>0</v>
      </c>
      <c r="HU30" s="102">
        <v>0</v>
      </c>
      <c r="HV30" s="102">
        <v>1</v>
      </c>
      <c r="HW30" s="102">
        <v>1</v>
      </c>
      <c r="HX30" s="103">
        <v>4</v>
      </c>
      <c r="HY30" s="104">
        <v>7</v>
      </c>
      <c r="HZ30" s="101">
        <v>3</v>
      </c>
      <c r="IA30" s="102">
        <v>5</v>
      </c>
      <c r="IB30" s="103">
        <v>8</v>
      </c>
      <c r="IC30" s="413">
        <v>0</v>
      </c>
      <c r="ID30" s="102">
        <v>0</v>
      </c>
      <c r="IE30" s="102">
        <v>1</v>
      </c>
      <c r="IF30" s="102">
        <v>0</v>
      </c>
      <c r="IG30" s="102">
        <v>0</v>
      </c>
      <c r="IH30" s="102">
        <v>1</v>
      </c>
      <c r="II30" s="103">
        <v>2</v>
      </c>
      <c r="IJ30" s="104">
        <v>10</v>
      </c>
      <c r="IK30" s="101">
        <v>7</v>
      </c>
      <c r="IL30" s="102">
        <v>5</v>
      </c>
      <c r="IM30" s="103">
        <v>12</v>
      </c>
      <c r="IN30" s="413">
        <v>0</v>
      </c>
      <c r="IO30" s="102">
        <v>5</v>
      </c>
      <c r="IP30" s="102">
        <v>3</v>
      </c>
      <c r="IQ30" s="102">
        <v>5</v>
      </c>
      <c r="IR30" s="102">
        <v>2</v>
      </c>
      <c r="IS30" s="102">
        <v>1</v>
      </c>
      <c r="IT30" s="103">
        <v>16</v>
      </c>
      <c r="IU30" s="104">
        <v>28</v>
      </c>
      <c r="IV30" s="101">
        <v>9</v>
      </c>
      <c r="IW30" s="102">
        <v>8</v>
      </c>
      <c r="IX30" s="103">
        <v>17</v>
      </c>
      <c r="IY30" s="413">
        <v>0</v>
      </c>
      <c r="IZ30" s="102">
        <v>9</v>
      </c>
      <c r="JA30" s="102">
        <v>5</v>
      </c>
      <c r="JB30" s="102">
        <v>4</v>
      </c>
      <c r="JC30" s="102">
        <v>5</v>
      </c>
      <c r="JD30" s="102">
        <v>2</v>
      </c>
      <c r="JE30" s="103">
        <v>25</v>
      </c>
      <c r="JF30" s="104">
        <v>42</v>
      </c>
      <c r="JG30" s="101">
        <v>10</v>
      </c>
      <c r="JH30" s="102">
        <v>11</v>
      </c>
      <c r="JI30" s="103">
        <v>21</v>
      </c>
      <c r="JJ30" s="413">
        <v>0</v>
      </c>
      <c r="JK30" s="102">
        <v>11</v>
      </c>
      <c r="JL30" s="102">
        <v>7</v>
      </c>
      <c r="JM30" s="102">
        <v>3</v>
      </c>
      <c r="JN30" s="102">
        <v>11</v>
      </c>
      <c r="JO30" s="102">
        <v>4</v>
      </c>
      <c r="JP30" s="103">
        <v>36</v>
      </c>
      <c r="JQ30" s="104">
        <v>57</v>
      </c>
      <c r="JR30" s="101">
        <v>0</v>
      </c>
      <c r="JS30" s="102">
        <v>0</v>
      </c>
      <c r="JT30" s="103">
        <v>0</v>
      </c>
      <c r="JU30" s="413">
        <v>0</v>
      </c>
      <c r="JV30" s="102">
        <v>0</v>
      </c>
      <c r="JW30" s="102">
        <v>0</v>
      </c>
      <c r="JX30" s="102">
        <v>0</v>
      </c>
      <c r="JY30" s="102">
        <v>0</v>
      </c>
      <c r="JZ30" s="102">
        <v>0</v>
      </c>
      <c r="KA30" s="103">
        <v>0</v>
      </c>
      <c r="KB30" s="104">
        <v>0</v>
      </c>
      <c r="KC30" s="101">
        <v>30</v>
      </c>
      <c r="KD30" s="102">
        <v>31</v>
      </c>
      <c r="KE30" s="103">
        <v>61</v>
      </c>
      <c r="KF30" s="413">
        <v>0</v>
      </c>
      <c r="KG30" s="102">
        <v>27</v>
      </c>
      <c r="KH30" s="102">
        <v>16</v>
      </c>
      <c r="KI30" s="102">
        <v>12</v>
      </c>
      <c r="KJ30" s="102">
        <v>19</v>
      </c>
      <c r="KK30" s="102">
        <v>10</v>
      </c>
      <c r="KL30" s="103">
        <v>84</v>
      </c>
      <c r="KM30" s="104">
        <v>145</v>
      </c>
    </row>
    <row r="31" spans="2:299" s="70" customFormat="1" ht="21" customHeight="1" x14ac:dyDescent="0.2">
      <c r="B31" s="106" t="s">
        <v>28</v>
      </c>
      <c r="C31" s="96">
        <v>1</v>
      </c>
      <c r="D31" s="97">
        <v>5</v>
      </c>
      <c r="E31" s="98">
        <v>6</v>
      </c>
      <c r="F31" s="413">
        <v>0</v>
      </c>
      <c r="G31" s="97">
        <v>12</v>
      </c>
      <c r="H31" s="97">
        <v>7</v>
      </c>
      <c r="I31" s="97">
        <v>3</v>
      </c>
      <c r="J31" s="97">
        <v>1</v>
      </c>
      <c r="K31" s="97">
        <v>1</v>
      </c>
      <c r="L31" s="99">
        <v>24</v>
      </c>
      <c r="M31" s="100">
        <v>30</v>
      </c>
      <c r="N31" s="101">
        <v>0</v>
      </c>
      <c r="O31" s="102">
        <v>0</v>
      </c>
      <c r="P31" s="103">
        <v>0</v>
      </c>
      <c r="Q31" s="413">
        <v>0</v>
      </c>
      <c r="R31" s="102">
        <v>0</v>
      </c>
      <c r="S31" s="102">
        <v>0</v>
      </c>
      <c r="T31" s="102">
        <v>0</v>
      </c>
      <c r="U31" s="102">
        <v>0</v>
      </c>
      <c r="V31" s="102">
        <v>0</v>
      </c>
      <c r="W31" s="103">
        <v>0</v>
      </c>
      <c r="X31" s="104">
        <v>0</v>
      </c>
      <c r="Y31" s="101">
        <v>0</v>
      </c>
      <c r="Z31" s="102">
        <v>0</v>
      </c>
      <c r="AA31" s="103">
        <v>0</v>
      </c>
      <c r="AB31" s="413">
        <v>0</v>
      </c>
      <c r="AC31" s="102">
        <v>1</v>
      </c>
      <c r="AD31" s="102">
        <v>0</v>
      </c>
      <c r="AE31" s="102">
        <v>0</v>
      </c>
      <c r="AF31" s="102">
        <v>0</v>
      </c>
      <c r="AG31" s="102">
        <v>0</v>
      </c>
      <c r="AH31" s="103">
        <v>1</v>
      </c>
      <c r="AI31" s="104">
        <v>1</v>
      </c>
      <c r="AJ31" s="101">
        <v>0</v>
      </c>
      <c r="AK31" s="102">
        <v>1</v>
      </c>
      <c r="AL31" s="103">
        <v>1</v>
      </c>
      <c r="AM31" s="413">
        <v>0</v>
      </c>
      <c r="AN31" s="102">
        <v>2</v>
      </c>
      <c r="AO31" s="102">
        <v>2</v>
      </c>
      <c r="AP31" s="102">
        <v>0</v>
      </c>
      <c r="AQ31" s="102">
        <v>0</v>
      </c>
      <c r="AR31" s="102">
        <v>0</v>
      </c>
      <c r="AS31" s="103">
        <v>4</v>
      </c>
      <c r="AT31" s="104">
        <v>5</v>
      </c>
      <c r="AU31" s="101">
        <v>1</v>
      </c>
      <c r="AV31" s="102">
        <v>2</v>
      </c>
      <c r="AW31" s="103">
        <v>3</v>
      </c>
      <c r="AX31" s="413">
        <v>0</v>
      </c>
      <c r="AY31" s="102">
        <v>3</v>
      </c>
      <c r="AZ31" s="102">
        <v>1</v>
      </c>
      <c r="BA31" s="102">
        <v>0</v>
      </c>
      <c r="BB31" s="102">
        <v>0</v>
      </c>
      <c r="BC31" s="102">
        <v>0</v>
      </c>
      <c r="BD31" s="103">
        <v>4</v>
      </c>
      <c r="BE31" s="104">
        <v>7</v>
      </c>
      <c r="BF31" s="101">
        <v>0</v>
      </c>
      <c r="BG31" s="102">
        <v>2</v>
      </c>
      <c r="BH31" s="103">
        <v>2</v>
      </c>
      <c r="BI31" s="413">
        <v>0</v>
      </c>
      <c r="BJ31" s="102">
        <v>4</v>
      </c>
      <c r="BK31" s="102">
        <v>3</v>
      </c>
      <c r="BL31" s="102">
        <v>1</v>
      </c>
      <c r="BM31" s="102">
        <v>0</v>
      </c>
      <c r="BN31" s="102">
        <v>0</v>
      </c>
      <c r="BO31" s="103">
        <v>8</v>
      </c>
      <c r="BP31" s="104">
        <v>10</v>
      </c>
      <c r="BQ31" s="101">
        <v>0</v>
      </c>
      <c r="BR31" s="102">
        <v>0</v>
      </c>
      <c r="BS31" s="103">
        <v>0</v>
      </c>
      <c r="BT31" s="413">
        <v>0</v>
      </c>
      <c r="BU31" s="102">
        <v>2</v>
      </c>
      <c r="BV31" s="102">
        <v>1</v>
      </c>
      <c r="BW31" s="102">
        <v>2</v>
      </c>
      <c r="BX31" s="102">
        <v>1</v>
      </c>
      <c r="BY31" s="102">
        <v>1</v>
      </c>
      <c r="BZ31" s="103">
        <v>7</v>
      </c>
      <c r="CA31" s="104">
        <v>7</v>
      </c>
      <c r="CB31" s="101">
        <v>0</v>
      </c>
      <c r="CC31" s="102">
        <v>0</v>
      </c>
      <c r="CD31" s="103">
        <v>0</v>
      </c>
      <c r="CE31" s="413">
        <v>0</v>
      </c>
      <c r="CF31" s="102">
        <v>0</v>
      </c>
      <c r="CG31" s="102">
        <v>0</v>
      </c>
      <c r="CH31" s="102">
        <v>0</v>
      </c>
      <c r="CI31" s="102">
        <v>0</v>
      </c>
      <c r="CJ31" s="102">
        <v>0</v>
      </c>
      <c r="CK31" s="103">
        <v>0</v>
      </c>
      <c r="CL31" s="104">
        <v>0</v>
      </c>
      <c r="CM31" s="101">
        <v>1</v>
      </c>
      <c r="CN31" s="102">
        <v>5</v>
      </c>
      <c r="CO31" s="103">
        <v>6</v>
      </c>
      <c r="CP31" s="413">
        <v>0</v>
      </c>
      <c r="CQ31" s="102">
        <v>12</v>
      </c>
      <c r="CR31" s="102">
        <v>7</v>
      </c>
      <c r="CS31" s="102">
        <v>3</v>
      </c>
      <c r="CT31" s="102">
        <v>1</v>
      </c>
      <c r="CU31" s="102">
        <v>1</v>
      </c>
      <c r="CV31" s="103">
        <v>24</v>
      </c>
      <c r="CW31" s="104">
        <v>30</v>
      </c>
      <c r="CX31" s="105">
        <v>0</v>
      </c>
      <c r="CY31" s="97">
        <v>0</v>
      </c>
      <c r="CZ31" s="98">
        <v>0</v>
      </c>
      <c r="DA31" s="413">
        <v>0</v>
      </c>
      <c r="DB31" s="97">
        <v>1</v>
      </c>
      <c r="DC31" s="97">
        <v>1</v>
      </c>
      <c r="DD31" s="97">
        <v>0</v>
      </c>
      <c r="DE31" s="97">
        <v>1</v>
      </c>
      <c r="DF31" s="97">
        <v>1</v>
      </c>
      <c r="DG31" s="99">
        <v>4</v>
      </c>
      <c r="DH31" s="100">
        <v>4</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0</v>
      </c>
      <c r="DY31" s="102">
        <v>0</v>
      </c>
      <c r="DZ31" s="102">
        <v>0</v>
      </c>
      <c r="EA31" s="102">
        <v>0</v>
      </c>
      <c r="EB31" s="102">
        <v>0</v>
      </c>
      <c r="EC31" s="103">
        <v>0</v>
      </c>
      <c r="ED31" s="104">
        <v>0</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0</v>
      </c>
      <c r="FH31" s="102">
        <v>0</v>
      </c>
      <c r="FI31" s="102">
        <v>1</v>
      </c>
      <c r="FJ31" s="103">
        <v>3</v>
      </c>
      <c r="FK31" s="104">
        <v>3</v>
      </c>
      <c r="FL31" s="101">
        <v>0</v>
      </c>
      <c r="FM31" s="102">
        <v>0</v>
      </c>
      <c r="FN31" s="103">
        <v>0</v>
      </c>
      <c r="FO31" s="413">
        <v>0</v>
      </c>
      <c r="FP31" s="102">
        <v>0</v>
      </c>
      <c r="FQ31" s="102">
        <v>0</v>
      </c>
      <c r="FR31" s="102">
        <v>0</v>
      </c>
      <c r="FS31" s="102">
        <v>1</v>
      </c>
      <c r="FT31" s="102">
        <v>0</v>
      </c>
      <c r="FU31" s="103">
        <v>1</v>
      </c>
      <c r="FV31" s="104">
        <v>1</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1</v>
      </c>
      <c r="GM31" s="102">
        <v>1</v>
      </c>
      <c r="GN31" s="102">
        <v>0</v>
      </c>
      <c r="GO31" s="102">
        <v>1</v>
      </c>
      <c r="GP31" s="102">
        <v>1</v>
      </c>
      <c r="GQ31" s="103">
        <v>4</v>
      </c>
      <c r="GR31" s="104">
        <v>4</v>
      </c>
      <c r="GS31" s="105">
        <v>1</v>
      </c>
      <c r="GT31" s="97">
        <v>5</v>
      </c>
      <c r="GU31" s="98">
        <v>6</v>
      </c>
      <c r="GV31" s="413">
        <v>0</v>
      </c>
      <c r="GW31" s="97">
        <v>13</v>
      </c>
      <c r="GX31" s="97">
        <v>8</v>
      </c>
      <c r="GY31" s="97">
        <v>3</v>
      </c>
      <c r="GZ31" s="97">
        <v>2</v>
      </c>
      <c r="HA31" s="97">
        <v>2</v>
      </c>
      <c r="HB31" s="99">
        <v>28</v>
      </c>
      <c r="HC31" s="100">
        <v>34</v>
      </c>
      <c r="HD31" s="101">
        <v>0</v>
      </c>
      <c r="HE31" s="102">
        <v>0</v>
      </c>
      <c r="HF31" s="103">
        <v>0</v>
      </c>
      <c r="HG31" s="413">
        <v>0</v>
      </c>
      <c r="HH31" s="102">
        <v>0</v>
      </c>
      <c r="HI31" s="102">
        <v>0</v>
      </c>
      <c r="HJ31" s="102">
        <v>0</v>
      </c>
      <c r="HK31" s="102">
        <v>0</v>
      </c>
      <c r="HL31" s="102">
        <v>0</v>
      </c>
      <c r="HM31" s="103">
        <v>0</v>
      </c>
      <c r="HN31" s="104">
        <v>0</v>
      </c>
      <c r="HO31" s="101">
        <v>0</v>
      </c>
      <c r="HP31" s="102">
        <v>0</v>
      </c>
      <c r="HQ31" s="103">
        <v>0</v>
      </c>
      <c r="HR31" s="413">
        <v>0</v>
      </c>
      <c r="HS31" s="102">
        <v>1</v>
      </c>
      <c r="HT31" s="102">
        <v>0</v>
      </c>
      <c r="HU31" s="102">
        <v>0</v>
      </c>
      <c r="HV31" s="102">
        <v>0</v>
      </c>
      <c r="HW31" s="102">
        <v>0</v>
      </c>
      <c r="HX31" s="103">
        <v>1</v>
      </c>
      <c r="HY31" s="104">
        <v>1</v>
      </c>
      <c r="HZ31" s="101">
        <v>0</v>
      </c>
      <c r="IA31" s="102">
        <v>1</v>
      </c>
      <c r="IB31" s="103">
        <v>1</v>
      </c>
      <c r="IC31" s="413">
        <v>0</v>
      </c>
      <c r="ID31" s="102">
        <v>2</v>
      </c>
      <c r="IE31" s="102">
        <v>2</v>
      </c>
      <c r="IF31" s="102">
        <v>0</v>
      </c>
      <c r="IG31" s="102">
        <v>0</v>
      </c>
      <c r="IH31" s="102">
        <v>0</v>
      </c>
      <c r="II31" s="103">
        <v>4</v>
      </c>
      <c r="IJ31" s="104">
        <v>5</v>
      </c>
      <c r="IK31" s="101">
        <v>1</v>
      </c>
      <c r="IL31" s="102">
        <v>2</v>
      </c>
      <c r="IM31" s="103">
        <v>3</v>
      </c>
      <c r="IN31" s="413">
        <v>0</v>
      </c>
      <c r="IO31" s="102">
        <v>3</v>
      </c>
      <c r="IP31" s="102">
        <v>1</v>
      </c>
      <c r="IQ31" s="102">
        <v>0</v>
      </c>
      <c r="IR31" s="102">
        <v>0</v>
      </c>
      <c r="IS31" s="102">
        <v>0</v>
      </c>
      <c r="IT31" s="103">
        <v>4</v>
      </c>
      <c r="IU31" s="104">
        <v>7</v>
      </c>
      <c r="IV31" s="101">
        <v>0</v>
      </c>
      <c r="IW31" s="102">
        <v>2</v>
      </c>
      <c r="IX31" s="103">
        <v>2</v>
      </c>
      <c r="IY31" s="413">
        <v>0</v>
      </c>
      <c r="IZ31" s="102">
        <v>5</v>
      </c>
      <c r="JA31" s="102">
        <v>4</v>
      </c>
      <c r="JB31" s="102">
        <v>1</v>
      </c>
      <c r="JC31" s="102">
        <v>0</v>
      </c>
      <c r="JD31" s="102">
        <v>1</v>
      </c>
      <c r="JE31" s="103">
        <v>11</v>
      </c>
      <c r="JF31" s="104">
        <v>13</v>
      </c>
      <c r="JG31" s="101">
        <v>0</v>
      </c>
      <c r="JH31" s="102">
        <v>0</v>
      </c>
      <c r="JI31" s="103">
        <v>0</v>
      </c>
      <c r="JJ31" s="413">
        <v>0</v>
      </c>
      <c r="JK31" s="102">
        <v>2</v>
      </c>
      <c r="JL31" s="102">
        <v>1</v>
      </c>
      <c r="JM31" s="102">
        <v>2</v>
      </c>
      <c r="JN31" s="102">
        <v>2</v>
      </c>
      <c r="JO31" s="102">
        <v>1</v>
      </c>
      <c r="JP31" s="103">
        <v>8</v>
      </c>
      <c r="JQ31" s="104">
        <v>8</v>
      </c>
      <c r="JR31" s="101">
        <v>0</v>
      </c>
      <c r="JS31" s="102">
        <v>0</v>
      </c>
      <c r="JT31" s="103">
        <v>0</v>
      </c>
      <c r="JU31" s="413">
        <v>0</v>
      </c>
      <c r="JV31" s="102">
        <v>0</v>
      </c>
      <c r="JW31" s="102">
        <v>0</v>
      </c>
      <c r="JX31" s="102">
        <v>0</v>
      </c>
      <c r="JY31" s="102">
        <v>0</v>
      </c>
      <c r="JZ31" s="102">
        <v>0</v>
      </c>
      <c r="KA31" s="103">
        <v>0</v>
      </c>
      <c r="KB31" s="104">
        <v>0</v>
      </c>
      <c r="KC31" s="101">
        <v>1</v>
      </c>
      <c r="KD31" s="102">
        <v>5</v>
      </c>
      <c r="KE31" s="103">
        <v>6</v>
      </c>
      <c r="KF31" s="413">
        <v>0</v>
      </c>
      <c r="KG31" s="102">
        <v>13</v>
      </c>
      <c r="KH31" s="102">
        <v>8</v>
      </c>
      <c r="KI31" s="102">
        <v>3</v>
      </c>
      <c r="KJ31" s="102">
        <v>2</v>
      </c>
      <c r="KK31" s="102">
        <v>2</v>
      </c>
      <c r="KL31" s="103">
        <v>28</v>
      </c>
      <c r="KM31" s="104">
        <v>34</v>
      </c>
    </row>
    <row r="32" spans="2:299" s="70" customFormat="1" ht="21" customHeight="1" x14ac:dyDescent="0.2">
      <c r="B32" s="106" t="s">
        <v>29</v>
      </c>
      <c r="C32" s="96">
        <v>6</v>
      </c>
      <c r="D32" s="97">
        <v>2</v>
      </c>
      <c r="E32" s="98">
        <v>8</v>
      </c>
      <c r="F32" s="413">
        <v>0</v>
      </c>
      <c r="G32" s="97">
        <v>2</v>
      </c>
      <c r="H32" s="97">
        <v>4</v>
      </c>
      <c r="I32" s="97">
        <v>4</v>
      </c>
      <c r="J32" s="97">
        <v>2</v>
      </c>
      <c r="K32" s="97">
        <v>4</v>
      </c>
      <c r="L32" s="99">
        <v>16</v>
      </c>
      <c r="M32" s="100">
        <v>24</v>
      </c>
      <c r="N32" s="101">
        <v>0</v>
      </c>
      <c r="O32" s="102">
        <v>0</v>
      </c>
      <c r="P32" s="103">
        <v>0</v>
      </c>
      <c r="Q32" s="413">
        <v>0</v>
      </c>
      <c r="R32" s="102">
        <v>0</v>
      </c>
      <c r="S32" s="102">
        <v>0</v>
      </c>
      <c r="T32" s="102">
        <v>1</v>
      </c>
      <c r="U32" s="102">
        <v>0</v>
      </c>
      <c r="V32" s="102">
        <v>0</v>
      </c>
      <c r="W32" s="103">
        <v>1</v>
      </c>
      <c r="X32" s="104">
        <v>1</v>
      </c>
      <c r="Y32" s="101">
        <v>0</v>
      </c>
      <c r="Z32" s="102">
        <v>0</v>
      </c>
      <c r="AA32" s="103">
        <v>0</v>
      </c>
      <c r="AB32" s="413">
        <v>0</v>
      </c>
      <c r="AC32" s="102">
        <v>0</v>
      </c>
      <c r="AD32" s="102">
        <v>0</v>
      </c>
      <c r="AE32" s="102">
        <v>0</v>
      </c>
      <c r="AF32" s="102">
        <v>0</v>
      </c>
      <c r="AG32" s="102">
        <v>0</v>
      </c>
      <c r="AH32" s="103">
        <v>0</v>
      </c>
      <c r="AI32" s="104">
        <v>0</v>
      </c>
      <c r="AJ32" s="101">
        <v>1</v>
      </c>
      <c r="AK32" s="102">
        <v>0</v>
      </c>
      <c r="AL32" s="103">
        <v>1</v>
      </c>
      <c r="AM32" s="413">
        <v>0</v>
      </c>
      <c r="AN32" s="102">
        <v>0</v>
      </c>
      <c r="AO32" s="102">
        <v>0</v>
      </c>
      <c r="AP32" s="102">
        <v>0</v>
      </c>
      <c r="AQ32" s="102">
        <v>0</v>
      </c>
      <c r="AR32" s="102">
        <v>2</v>
      </c>
      <c r="AS32" s="103">
        <v>2</v>
      </c>
      <c r="AT32" s="104">
        <v>3</v>
      </c>
      <c r="AU32" s="101">
        <v>3</v>
      </c>
      <c r="AV32" s="102">
        <v>1</v>
      </c>
      <c r="AW32" s="103">
        <v>4</v>
      </c>
      <c r="AX32" s="413">
        <v>0</v>
      </c>
      <c r="AY32" s="102">
        <v>1</v>
      </c>
      <c r="AZ32" s="102">
        <v>0</v>
      </c>
      <c r="BA32" s="102">
        <v>0</v>
      </c>
      <c r="BB32" s="102">
        <v>1</v>
      </c>
      <c r="BC32" s="102">
        <v>0</v>
      </c>
      <c r="BD32" s="103">
        <v>2</v>
      </c>
      <c r="BE32" s="104">
        <v>6</v>
      </c>
      <c r="BF32" s="101">
        <v>1</v>
      </c>
      <c r="BG32" s="102">
        <v>1</v>
      </c>
      <c r="BH32" s="103">
        <v>2</v>
      </c>
      <c r="BI32" s="413">
        <v>0</v>
      </c>
      <c r="BJ32" s="102">
        <v>1</v>
      </c>
      <c r="BK32" s="102">
        <v>2</v>
      </c>
      <c r="BL32" s="102">
        <v>1</v>
      </c>
      <c r="BM32" s="102">
        <v>0</v>
      </c>
      <c r="BN32" s="102">
        <v>0</v>
      </c>
      <c r="BO32" s="103">
        <v>4</v>
      </c>
      <c r="BP32" s="104">
        <v>6</v>
      </c>
      <c r="BQ32" s="101">
        <v>1</v>
      </c>
      <c r="BR32" s="102">
        <v>0</v>
      </c>
      <c r="BS32" s="103">
        <v>1</v>
      </c>
      <c r="BT32" s="413">
        <v>0</v>
      </c>
      <c r="BU32" s="102">
        <v>0</v>
      </c>
      <c r="BV32" s="102">
        <v>2</v>
      </c>
      <c r="BW32" s="102">
        <v>2</v>
      </c>
      <c r="BX32" s="102">
        <v>1</v>
      </c>
      <c r="BY32" s="102">
        <v>2</v>
      </c>
      <c r="BZ32" s="103">
        <v>7</v>
      </c>
      <c r="CA32" s="104">
        <v>8</v>
      </c>
      <c r="CB32" s="101">
        <v>0</v>
      </c>
      <c r="CC32" s="102">
        <v>0</v>
      </c>
      <c r="CD32" s="103">
        <v>0</v>
      </c>
      <c r="CE32" s="413">
        <v>0</v>
      </c>
      <c r="CF32" s="102">
        <v>0</v>
      </c>
      <c r="CG32" s="102">
        <v>0</v>
      </c>
      <c r="CH32" s="102">
        <v>0</v>
      </c>
      <c r="CI32" s="102">
        <v>0</v>
      </c>
      <c r="CJ32" s="102">
        <v>0</v>
      </c>
      <c r="CK32" s="103">
        <v>0</v>
      </c>
      <c r="CL32" s="104">
        <v>0</v>
      </c>
      <c r="CM32" s="101">
        <v>6</v>
      </c>
      <c r="CN32" s="102">
        <v>2</v>
      </c>
      <c r="CO32" s="103">
        <v>8</v>
      </c>
      <c r="CP32" s="413">
        <v>0</v>
      </c>
      <c r="CQ32" s="102">
        <v>2</v>
      </c>
      <c r="CR32" s="102">
        <v>4</v>
      </c>
      <c r="CS32" s="102">
        <v>4</v>
      </c>
      <c r="CT32" s="102">
        <v>2</v>
      </c>
      <c r="CU32" s="102">
        <v>4</v>
      </c>
      <c r="CV32" s="103">
        <v>16</v>
      </c>
      <c r="CW32" s="104">
        <v>24</v>
      </c>
      <c r="CX32" s="105">
        <v>2</v>
      </c>
      <c r="CY32" s="97">
        <v>0</v>
      </c>
      <c r="CZ32" s="98">
        <v>2</v>
      </c>
      <c r="DA32" s="413">
        <v>0</v>
      </c>
      <c r="DB32" s="97">
        <v>1</v>
      </c>
      <c r="DC32" s="97">
        <v>2</v>
      </c>
      <c r="DD32" s="97">
        <v>0</v>
      </c>
      <c r="DE32" s="97">
        <v>2</v>
      </c>
      <c r="DF32" s="97">
        <v>0</v>
      </c>
      <c r="DG32" s="99">
        <v>5</v>
      </c>
      <c r="DH32" s="100">
        <v>7</v>
      </c>
      <c r="DI32" s="101">
        <v>0</v>
      </c>
      <c r="DJ32" s="102">
        <v>0</v>
      </c>
      <c r="DK32" s="103">
        <v>0</v>
      </c>
      <c r="DL32" s="413">
        <v>0</v>
      </c>
      <c r="DM32" s="102">
        <v>0</v>
      </c>
      <c r="DN32" s="102">
        <v>0</v>
      </c>
      <c r="DO32" s="102">
        <v>0</v>
      </c>
      <c r="DP32" s="102">
        <v>0</v>
      </c>
      <c r="DQ32" s="102">
        <v>0</v>
      </c>
      <c r="DR32" s="103">
        <v>0</v>
      </c>
      <c r="DS32" s="104">
        <v>0</v>
      </c>
      <c r="DT32" s="101">
        <v>0</v>
      </c>
      <c r="DU32" s="102">
        <v>0</v>
      </c>
      <c r="DV32" s="103">
        <v>0</v>
      </c>
      <c r="DW32" s="413">
        <v>0</v>
      </c>
      <c r="DX32" s="102">
        <v>0</v>
      </c>
      <c r="DY32" s="102">
        <v>1</v>
      </c>
      <c r="DZ32" s="102">
        <v>0</v>
      </c>
      <c r="EA32" s="102">
        <v>0</v>
      </c>
      <c r="EB32" s="102">
        <v>0</v>
      </c>
      <c r="EC32" s="103">
        <v>1</v>
      </c>
      <c r="ED32" s="104">
        <v>1</v>
      </c>
      <c r="EE32" s="101">
        <v>0</v>
      </c>
      <c r="EF32" s="102">
        <v>0</v>
      </c>
      <c r="EG32" s="103">
        <v>0</v>
      </c>
      <c r="EH32" s="413">
        <v>0</v>
      </c>
      <c r="EI32" s="102">
        <v>0</v>
      </c>
      <c r="EJ32" s="102">
        <v>0</v>
      </c>
      <c r="EK32" s="102">
        <v>0</v>
      </c>
      <c r="EL32" s="102">
        <v>0</v>
      </c>
      <c r="EM32" s="102">
        <v>0</v>
      </c>
      <c r="EN32" s="103">
        <v>0</v>
      </c>
      <c r="EO32" s="104">
        <v>0</v>
      </c>
      <c r="EP32" s="101">
        <v>2</v>
      </c>
      <c r="EQ32" s="102">
        <v>0</v>
      </c>
      <c r="ER32" s="103">
        <v>2</v>
      </c>
      <c r="ES32" s="413">
        <v>0</v>
      </c>
      <c r="ET32" s="102">
        <v>0</v>
      </c>
      <c r="EU32" s="102">
        <v>1</v>
      </c>
      <c r="EV32" s="102">
        <v>0</v>
      </c>
      <c r="EW32" s="102">
        <v>0</v>
      </c>
      <c r="EX32" s="102">
        <v>0</v>
      </c>
      <c r="EY32" s="103">
        <v>1</v>
      </c>
      <c r="EZ32" s="104">
        <v>3</v>
      </c>
      <c r="FA32" s="101">
        <v>0</v>
      </c>
      <c r="FB32" s="102">
        <v>0</v>
      </c>
      <c r="FC32" s="103">
        <v>0</v>
      </c>
      <c r="FD32" s="413">
        <v>0</v>
      </c>
      <c r="FE32" s="102">
        <v>0</v>
      </c>
      <c r="FF32" s="102">
        <v>0</v>
      </c>
      <c r="FG32" s="102">
        <v>0</v>
      </c>
      <c r="FH32" s="102">
        <v>0</v>
      </c>
      <c r="FI32" s="102">
        <v>0</v>
      </c>
      <c r="FJ32" s="103">
        <v>0</v>
      </c>
      <c r="FK32" s="104">
        <v>0</v>
      </c>
      <c r="FL32" s="101">
        <v>0</v>
      </c>
      <c r="FM32" s="102">
        <v>0</v>
      </c>
      <c r="FN32" s="103">
        <v>0</v>
      </c>
      <c r="FO32" s="413">
        <v>0</v>
      </c>
      <c r="FP32" s="102">
        <v>1</v>
      </c>
      <c r="FQ32" s="102">
        <v>0</v>
      </c>
      <c r="FR32" s="102">
        <v>0</v>
      </c>
      <c r="FS32" s="102">
        <v>2</v>
      </c>
      <c r="FT32" s="102">
        <v>0</v>
      </c>
      <c r="FU32" s="103">
        <v>3</v>
      </c>
      <c r="FV32" s="104">
        <v>3</v>
      </c>
      <c r="FW32" s="101">
        <v>0</v>
      </c>
      <c r="FX32" s="102">
        <v>0</v>
      </c>
      <c r="FY32" s="103">
        <v>0</v>
      </c>
      <c r="FZ32" s="413">
        <v>0</v>
      </c>
      <c r="GA32" s="102">
        <v>0</v>
      </c>
      <c r="GB32" s="102">
        <v>0</v>
      </c>
      <c r="GC32" s="102">
        <v>0</v>
      </c>
      <c r="GD32" s="102">
        <v>0</v>
      </c>
      <c r="GE32" s="102">
        <v>0</v>
      </c>
      <c r="GF32" s="103">
        <v>0</v>
      </c>
      <c r="GG32" s="104">
        <v>0</v>
      </c>
      <c r="GH32" s="101">
        <v>2</v>
      </c>
      <c r="GI32" s="102">
        <v>0</v>
      </c>
      <c r="GJ32" s="103">
        <v>2</v>
      </c>
      <c r="GK32" s="413">
        <v>0</v>
      </c>
      <c r="GL32" s="102">
        <v>1</v>
      </c>
      <c r="GM32" s="102">
        <v>2</v>
      </c>
      <c r="GN32" s="102">
        <v>0</v>
      </c>
      <c r="GO32" s="102">
        <v>2</v>
      </c>
      <c r="GP32" s="102">
        <v>0</v>
      </c>
      <c r="GQ32" s="103">
        <v>5</v>
      </c>
      <c r="GR32" s="104">
        <v>7</v>
      </c>
      <c r="GS32" s="105">
        <v>8</v>
      </c>
      <c r="GT32" s="97">
        <v>2</v>
      </c>
      <c r="GU32" s="98">
        <v>10</v>
      </c>
      <c r="GV32" s="413">
        <v>0</v>
      </c>
      <c r="GW32" s="97">
        <v>3</v>
      </c>
      <c r="GX32" s="97">
        <v>6</v>
      </c>
      <c r="GY32" s="97">
        <v>4</v>
      </c>
      <c r="GZ32" s="97">
        <v>4</v>
      </c>
      <c r="HA32" s="97">
        <v>4</v>
      </c>
      <c r="HB32" s="99">
        <v>21</v>
      </c>
      <c r="HC32" s="100">
        <v>31</v>
      </c>
      <c r="HD32" s="101">
        <v>0</v>
      </c>
      <c r="HE32" s="102">
        <v>0</v>
      </c>
      <c r="HF32" s="103">
        <v>0</v>
      </c>
      <c r="HG32" s="413">
        <v>0</v>
      </c>
      <c r="HH32" s="102">
        <v>0</v>
      </c>
      <c r="HI32" s="102">
        <v>0</v>
      </c>
      <c r="HJ32" s="102">
        <v>1</v>
      </c>
      <c r="HK32" s="102">
        <v>0</v>
      </c>
      <c r="HL32" s="102">
        <v>0</v>
      </c>
      <c r="HM32" s="103">
        <v>1</v>
      </c>
      <c r="HN32" s="104">
        <v>1</v>
      </c>
      <c r="HO32" s="101">
        <v>0</v>
      </c>
      <c r="HP32" s="102">
        <v>0</v>
      </c>
      <c r="HQ32" s="103">
        <v>0</v>
      </c>
      <c r="HR32" s="413">
        <v>0</v>
      </c>
      <c r="HS32" s="102">
        <v>0</v>
      </c>
      <c r="HT32" s="102">
        <v>1</v>
      </c>
      <c r="HU32" s="102">
        <v>0</v>
      </c>
      <c r="HV32" s="102">
        <v>0</v>
      </c>
      <c r="HW32" s="102">
        <v>0</v>
      </c>
      <c r="HX32" s="103">
        <v>1</v>
      </c>
      <c r="HY32" s="104">
        <v>1</v>
      </c>
      <c r="HZ32" s="101">
        <v>1</v>
      </c>
      <c r="IA32" s="102">
        <v>0</v>
      </c>
      <c r="IB32" s="103">
        <v>1</v>
      </c>
      <c r="IC32" s="413">
        <v>0</v>
      </c>
      <c r="ID32" s="102">
        <v>0</v>
      </c>
      <c r="IE32" s="102">
        <v>0</v>
      </c>
      <c r="IF32" s="102">
        <v>0</v>
      </c>
      <c r="IG32" s="102">
        <v>0</v>
      </c>
      <c r="IH32" s="102">
        <v>2</v>
      </c>
      <c r="II32" s="103">
        <v>2</v>
      </c>
      <c r="IJ32" s="104">
        <v>3</v>
      </c>
      <c r="IK32" s="101">
        <v>5</v>
      </c>
      <c r="IL32" s="102">
        <v>1</v>
      </c>
      <c r="IM32" s="103">
        <v>6</v>
      </c>
      <c r="IN32" s="413">
        <v>0</v>
      </c>
      <c r="IO32" s="102">
        <v>1</v>
      </c>
      <c r="IP32" s="102">
        <v>1</v>
      </c>
      <c r="IQ32" s="102">
        <v>0</v>
      </c>
      <c r="IR32" s="102">
        <v>1</v>
      </c>
      <c r="IS32" s="102">
        <v>0</v>
      </c>
      <c r="IT32" s="103">
        <v>3</v>
      </c>
      <c r="IU32" s="104">
        <v>9</v>
      </c>
      <c r="IV32" s="101">
        <v>1</v>
      </c>
      <c r="IW32" s="102">
        <v>1</v>
      </c>
      <c r="IX32" s="103">
        <v>2</v>
      </c>
      <c r="IY32" s="413">
        <v>0</v>
      </c>
      <c r="IZ32" s="102">
        <v>1</v>
      </c>
      <c r="JA32" s="102">
        <v>2</v>
      </c>
      <c r="JB32" s="102">
        <v>1</v>
      </c>
      <c r="JC32" s="102">
        <v>0</v>
      </c>
      <c r="JD32" s="102">
        <v>0</v>
      </c>
      <c r="JE32" s="103">
        <v>4</v>
      </c>
      <c r="JF32" s="104">
        <v>6</v>
      </c>
      <c r="JG32" s="101">
        <v>1</v>
      </c>
      <c r="JH32" s="102">
        <v>0</v>
      </c>
      <c r="JI32" s="103">
        <v>1</v>
      </c>
      <c r="JJ32" s="413">
        <v>0</v>
      </c>
      <c r="JK32" s="102">
        <v>1</v>
      </c>
      <c r="JL32" s="102">
        <v>2</v>
      </c>
      <c r="JM32" s="102">
        <v>2</v>
      </c>
      <c r="JN32" s="102">
        <v>3</v>
      </c>
      <c r="JO32" s="102">
        <v>2</v>
      </c>
      <c r="JP32" s="103">
        <v>10</v>
      </c>
      <c r="JQ32" s="104">
        <v>11</v>
      </c>
      <c r="JR32" s="101">
        <v>0</v>
      </c>
      <c r="JS32" s="102">
        <v>0</v>
      </c>
      <c r="JT32" s="103">
        <v>0</v>
      </c>
      <c r="JU32" s="413">
        <v>0</v>
      </c>
      <c r="JV32" s="102">
        <v>0</v>
      </c>
      <c r="JW32" s="102">
        <v>0</v>
      </c>
      <c r="JX32" s="102">
        <v>0</v>
      </c>
      <c r="JY32" s="102">
        <v>0</v>
      </c>
      <c r="JZ32" s="102">
        <v>0</v>
      </c>
      <c r="KA32" s="103">
        <v>0</v>
      </c>
      <c r="KB32" s="104">
        <v>0</v>
      </c>
      <c r="KC32" s="101">
        <v>8</v>
      </c>
      <c r="KD32" s="102">
        <v>2</v>
      </c>
      <c r="KE32" s="103">
        <v>10</v>
      </c>
      <c r="KF32" s="413">
        <v>0</v>
      </c>
      <c r="KG32" s="102">
        <v>3</v>
      </c>
      <c r="KH32" s="102">
        <v>6</v>
      </c>
      <c r="KI32" s="102">
        <v>4</v>
      </c>
      <c r="KJ32" s="102">
        <v>4</v>
      </c>
      <c r="KK32" s="102">
        <v>4</v>
      </c>
      <c r="KL32" s="103">
        <v>21</v>
      </c>
      <c r="KM32" s="104">
        <v>31</v>
      </c>
    </row>
    <row r="33" spans="2:299" s="70" customFormat="1" ht="21" customHeight="1" x14ac:dyDescent="0.2">
      <c r="B33" s="106" t="s">
        <v>30</v>
      </c>
      <c r="C33" s="96">
        <v>4</v>
      </c>
      <c r="D33" s="97">
        <v>2</v>
      </c>
      <c r="E33" s="98">
        <v>6</v>
      </c>
      <c r="F33" s="413">
        <v>0</v>
      </c>
      <c r="G33" s="97">
        <v>4</v>
      </c>
      <c r="H33" s="97">
        <v>2</v>
      </c>
      <c r="I33" s="97">
        <v>5</v>
      </c>
      <c r="J33" s="97">
        <v>5</v>
      </c>
      <c r="K33" s="97">
        <v>0</v>
      </c>
      <c r="L33" s="99">
        <v>16</v>
      </c>
      <c r="M33" s="100">
        <v>22</v>
      </c>
      <c r="N33" s="101">
        <v>0</v>
      </c>
      <c r="O33" s="102">
        <v>0</v>
      </c>
      <c r="P33" s="103">
        <v>0</v>
      </c>
      <c r="Q33" s="413">
        <v>0</v>
      </c>
      <c r="R33" s="102">
        <v>0</v>
      </c>
      <c r="S33" s="102">
        <v>0</v>
      </c>
      <c r="T33" s="102">
        <v>0</v>
      </c>
      <c r="U33" s="102">
        <v>0</v>
      </c>
      <c r="V33" s="102">
        <v>0</v>
      </c>
      <c r="W33" s="103">
        <v>0</v>
      </c>
      <c r="X33" s="104">
        <v>0</v>
      </c>
      <c r="Y33" s="101">
        <v>1</v>
      </c>
      <c r="Z33" s="102">
        <v>0</v>
      </c>
      <c r="AA33" s="103">
        <v>1</v>
      </c>
      <c r="AB33" s="413">
        <v>0</v>
      </c>
      <c r="AC33" s="102">
        <v>0</v>
      </c>
      <c r="AD33" s="102">
        <v>0</v>
      </c>
      <c r="AE33" s="102">
        <v>1</v>
      </c>
      <c r="AF33" s="102">
        <v>1</v>
      </c>
      <c r="AG33" s="102">
        <v>0</v>
      </c>
      <c r="AH33" s="103">
        <v>2</v>
      </c>
      <c r="AI33" s="104">
        <v>3</v>
      </c>
      <c r="AJ33" s="101">
        <v>0</v>
      </c>
      <c r="AK33" s="102">
        <v>0</v>
      </c>
      <c r="AL33" s="103">
        <v>0</v>
      </c>
      <c r="AM33" s="413">
        <v>0</v>
      </c>
      <c r="AN33" s="102">
        <v>0</v>
      </c>
      <c r="AO33" s="102">
        <v>0</v>
      </c>
      <c r="AP33" s="102">
        <v>0</v>
      </c>
      <c r="AQ33" s="102">
        <v>0</v>
      </c>
      <c r="AR33" s="102">
        <v>0</v>
      </c>
      <c r="AS33" s="103">
        <v>0</v>
      </c>
      <c r="AT33" s="104">
        <v>0</v>
      </c>
      <c r="AU33" s="101">
        <v>1</v>
      </c>
      <c r="AV33" s="102">
        <v>0</v>
      </c>
      <c r="AW33" s="103">
        <v>1</v>
      </c>
      <c r="AX33" s="413">
        <v>0</v>
      </c>
      <c r="AY33" s="102">
        <v>1</v>
      </c>
      <c r="AZ33" s="102">
        <v>0</v>
      </c>
      <c r="BA33" s="102">
        <v>1</v>
      </c>
      <c r="BB33" s="102">
        <v>1</v>
      </c>
      <c r="BC33" s="102">
        <v>0</v>
      </c>
      <c r="BD33" s="103">
        <v>3</v>
      </c>
      <c r="BE33" s="104">
        <v>4</v>
      </c>
      <c r="BF33" s="101">
        <v>1</v>
      </c>
      <c r="BG33" s="102">
        <v>1</v>
      </c>
      <c r="BH33" s="103">
        <v>2</v>
      </c>
      <c r="BI33" s="413">
        <v>0</v>
      </c>
      <c r="BJ33" s="102">
        <v>1</v>
      </c>
      <c r="BK33" s="102">
        <v>1</v>
      </c>
      <c r="BL33" s="102">
        <v>0</v>
      </c>
      <c r="BM33" s="102">
        <v>0</v>
      </c>
      <c r="BN33" s="102">
        <v>0</v>
      </c>
      <c r="BO33" s="103">
        <v>2</v>
      </c>
      <c r="BP33" s="104">
        <v>4</v>
      </c>
      <c r="BQ33" s="101">
        <v>1</v>
      </c>
      <c r="BR33" s="102">
        <v>1</v>
      </c>
      <c r="BS33" s="103">
        <v>2</v>
      </c>
      <c r="BT33" s="413">
        <v>0</v>
      </c>
      <c r="BU33" s="102">
        <v>2</v>
      </c>
      <c r="BV33" s="102">
        <v>1</v>
      </c>
      <c r="BW33" s="102">
        <v>3</v>
      </c>
      <c r="BX33" s="102">
        <v>3</v>
      </c>
      <c r="BY33" s="102">
        <v>0</v>
      </c>
      <c r="BZ33" s="103">
        <v>9</v>
      </c>
      <c r="CA33" s="104">
        <v>11</v>
      </c>
      <c r="CB33" s="101">
        <v>0</v>
      </c>
      <c r="CC33" s="102">
        <v>0</v>
      </c>
      <c r="CD33" s="103">
        <v>0</v>
      </c>
      <c r="CE33" s="413">
        <v>0</v>
      </c>
      <c r="CF33" s="102">
        <v>0</v>
      </c>
      <c r="CG33" s="102">
        <v>0</v>
      </c>
      <c r="CH33" s="102">
        <v>0</v>
      </c>
      <c r="CI33" s="102">
        <v>0</v>
      </c>
      <c r="CJ33" s="102">
        <v>0</v>
      </c>
      <c r="CK33" s="103">
        <v>0</v>
      </c>
      <c r="CL33" s="104">
        <v>0</v>
      </c>
      <c r="CM33" s="101">
        <v>4</v>
      </c>
      <c r="CN33" s="102">
        <v>2</v>
      </c>
      <c r="CO33" s="103">
        <v>6</v>
      </c>
      <c r="CP33" s="413">
        <v>0</v>
      </c>
      <c r="CQ33" s="102">
        <v>4</v>
      </c>
      <c r="CR33" s="102">
        <v>2</v>
      </c>
      <c r="CS33" s="102">
        <v>5</v>
      </c>
      <c r="CT33" s="102">
        <v>5</v>
      </c>
      <c r="CU33" s="102">
        <v>0</v>
      </c>
      <c r="CV33" s="103">
        <v>16</v>
      </c>
      <c r="CW33" s="104">
        <v>22</v>
      </c>
      <c r="CX33" s="105">
        <v>0</v>
      </c>
      <c r="CY33" s="97">
        <v>0</v>
      </c>
      <c r="CZ33" s="98">
        <v>0</v>
      </c>
      <c r="DA33" s="413">
        <v>0</v>
      </c>
      <c r="DB33" s="97">
        <v>1</v>
      </c>
      <c r="DC33" s="97">
        <v>2</v>
      </c>
      <c r="DD33" s="97">
        <v>0</v>
      </c>
      <c r="DE33" s="97">
        <v>3</v>
      </c>
      <c r="DF33" s="97">
        <v>1</v>
      </c>
      <c r="DG33" s="99">
        <v>7</v>
      </c>
      <c r="DH33" s="100">
        <v>7</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0</v>
      </c>
      <c r="DY33" s="102">
        <v>0</v>
      </c>
      <c r="DZ33" s="102">
        <v>0</v>
      </c>
      <c r="EA33" s="102">
        <v>0</v>
      </c>
      <c r="EB33" s="102">
        <v>0</v>
      </c>
      <c r="EC33" s="103">
        <v>0</v>
      </c>
      <c r="ED33" s="104">
        <v>0</v>
      </c>
      <c r="EE33" s="101">
        <v>0</v>
      </c>
      <c r="EF33" s="102">
        <v>0</v>
      </c>
      <c r="EG33" s="103">
        <v>0</v>
      </c>
      <c r="EH33" s="413">
        <v>0</v>
      </c>
      <c r="EI33" s="102">
        <v>0</v>
      </c>
      <c r="EJ33" s="102">
        <v>0</v>
      </c>
      <c r="EK33" s="102">
        <v>0</v>
      </c>
      <c r="EL33" s="102">
        <v>0</v>
      </c>
      <c r="EM33" s="102">
        <v>0</v>
      </c>
      <c r="EN33" s="103">
        <v>0</v>
      </c>
      <c r="EO33" s="104">
        <v>0</v>
      </c>
      <c r="EP33" s="101">
        <v>0</v>
      </c>
      <c r="EQ33" s="102">
        <v>0</v>
      </c>
      <c r="ER33" s="103">
        <v>0</v>
      </c>
      <c r="ES33" s="413">
        <v>0</v>
      </c>
      <c r="ET33" s="102">
        <v>0</v>
      </c>
      <c r="EU33" s="102">
        <v>1</v>
      </c>
      <c r="EV33" s="102">
        <v>0</v>
      </c>
      <c r="EW33" s="102">
        <v>0</v>
      </c>
      <c r="EX33" s="102">
        <v>0</v>
      </c>
      <c r="EY33" s="103">
        <v>1</v>
      </c>
      <c r="EZ33" s="104">
        <v>1</v>
      </c>
      <c r="FA33" s="101">
        <v>0</v>
      </c>
      <c r="FB33" s="102">
        <v>0</v>
      </c>
      <c r="FC33" s="103">
        <v>0</v>
      </c>
      <c r="FD33" s="413">
        <v>0</v>
      </c>
      <c r="FE33" s="102">
        <v>1</v>
      </c>
      <c r="FF33" s="102">
        <v>0</v>
      </c>
      <c r="FG33" s="102">
        <v>0</v>
      </c>
      <c r="FH33" s="102">
        <v>1</v>
      </c>
      <c r="FI33" s="102">
        <v>0</v>
      </c>
      <c r="FJ33" s="103">
        <v>2</v>
      </c>
      <c r="FK33" s="104">
        <v>2</v>
      </c>
      <c r="FL33" s="101">
        <v>0</v>
      </c>
      <c r="FM33" s="102">
        <v>0</v>
      </c>
      <c r="FN33" s="103">
        <v>0</v>
      </c>
      <c r="FO33" s="413">
        <v>0</v>
      </c>
      <c r="FP33" s="102">
        <v>0</v>
      </c>
      <c r="FQ33" s="102">
        <v>1</v>
      </c>
      <c r="FR33" s="102">
        <v>0</v>
      </c>
      <c r="FS33" s="102">
        <v>2</v>
      </c>
      <c r="FT33" s="102">
        <v>1</v>
      </c>
      <c r="FU33" s="103">
        <v>4</v>
      </c>
      <c r="FV33" s="104">
        <v>4</v>
      </c>
      <c r="FW33" s="101">
        <v>0</v>
      </c>
      <c r="FX33" s="102">
        <v>0</v>
      </c>
      <c r="FY33" s="103">
        <v>0</v>
      </c>
      <c r="FZ33" s="413">
        <v>0</v>
      </c>
      <c r="GA33" s="102">
        <v>0</v>
      </c>
      <c r="GB33" s="102">
        <v>0</v>
      </c>
      <c r="GC33" s="102">
        <v>0</v>
      </c>
      <c r="GD33" s="102">
        <v>0</v>
      </c>
      <c r="GE33" s="102">
        <v>0</v>
      </c>
      <c r="GF33" s="103">
        <v>0</v>
      </c>
      <c r="GG33" s="104">
        <v>0</v>
      </c>
      <c r="GH33" s="101">
        <v>0</v>
      </c>
      <c r="GI33" s="102">
        <v>0</v>
      </c>
      <c r="GJ33" s="103">
        <v>0</v>
      </c>
      <c r="GK33" s="413">
        <v>0</v>
      </c>
      <c r="GL33" s="102">
        <v>1</v>
      </c>
      <c r="GM33" s="102">
        <v>2</v>
      </c>
      <c r="GN33" s="102">
        <v>0</v>
      </c>
      <c r="GO33" s="102">
        <v>3</v>
      </c>
      <c r="GP33" s="102">
        <v>1</v>
      </c>
      <c r="GQ33" s="103">
        <v>7</v>
      </c>
      <c r="GR33" s="104">
        <v>7</v>
      </c>
      <c r="GS33" s="105">
        <v>4</v>
      </c>
      <c r="GT33" s="97">
        <v>2</v>
      </c>
      <c r="GU33" s="98">
        <v>6</v>
      </c>
      <c r="GV33" s="413">
        <v>0</v>
      </c>
      <c r="GW33" s="97">
        <v>5</v>
      </c>
      <c r="GX33" s="97">
        <v>4</v>
      </c>
      <c r="GY33" s="97">
        <v>5</v>
      </c>
      <c r="GZ33" s="97">
        <v>8</v>
      </c>
      <c r="HA33" s="97">
        <v>1</v>
      </c>
      <c r="HB33" s="99">
        <v>23</v>
      </c>
      <c r="HC33" s="100">
        <v>29</v>
      </c>
      <c r="HD33" s="101">
        <v>0</v>
      </c>
      <c r="HE33" s="102">
        <v>0</v>
      </c>
      <c r="HF33" s="103">
        <v>0</v>
      </c>
      <c r="HG33" s="413">
        <v>0</v>
      </c>
      <c r="HH33" s="102">
        <v>0</v>
      </c>
      <c r="HI33" s="102">
        <v>0</v>
      </c>
      <c r="HJ33" s="102">
        <v>0</v>
      </c>
      <c r="HK33" s="102">
        <v>0</v>
      </c>
      <c r="HL33" s="102">
        <v>0</v>
      </c>
      <c r="HM33" s="103">
        <v>0</v>
      </c>
      <c r="HN33" s="104">
        <v>0</v>
      </c>
      <c r="HO33" s="101">
        <v>1</v>
      </c>
      <c r="HP33" s="102">
        <v>0</v>
      </c>
      <c r="HQ33" s="103">
        <v>1</v>
      </c>
      <c r="HR33" s="413">
        <v>0</v>
      </c>
      <c r="HS33" s="102">
        <v>0</v>
      </c>
      <c r="HT33" s="102">
        <v>0</v>
      </c>
      <c r="HU33" s="102">
        <v>1</v>
      </c>
      <c r="HV33" s="102">
        <v>1</v>
      </c>
      <c r="HW33" s="102">
        <v>0</v>
      </c>
      <c r="HX33" s="103">
        <v>2</v>
      </c>
      <c r="HY33" s="104">
        <v>3</v>
      </c>
      <c r="HZ33" s="101">
        <v>0</v>
      </c>
      <c r="IA33" s="102">
        <v>0</v>
      </c>
      <c r="IB33" s="103">
        <v>0</v>
      </c>
      <c r="IC33" s="413">
        <v>0</v>
      </c>
      <c r="ID33" s="102">
        <v>0</v>
      </c>
      <c r="IE33" s="102">
        <v>0</v>
      </c>
      <c r="IF33" s="102">
        <v>0</v>
      </c>
      <c r="IG33" s="102">
        <v>0</v>
      </c>
      <c r="IH33" s="102">
        <v>0</v>
      </c>
      <c r="II33" s="103">
        <v>0</v>
      </c>
      <c r="IJ33" s="104">
        <v>0</v>
      </c>
      <c r="IK33" s="101">
        <v>1</v>
      </c>
      <c r="IL33" s="102">
        <v>0</v>
      </c>
      <c r="IM33" s="103">
        <v>1</v>
      </c>
      <c r="IN33" s="413">
        <v>0</v>
      </c>
      <c r="IO33" s="102">
        <v>1</v>
      </c>
      <c r="IP33" s="102">
        <v>1</v>
      </c>
      <c r="IQ33" s="102">
        <v>1</v>
      </c>
      <c r="IR33" s="102">
        <v>1</v>
      </c>
      <c r="IS33" s="102">
        <v>0</v>
      </c>
      <c r="IT33" s="103">
        <v>4</v>
      </c>
      <c r="IU33" s="104">
        <v>5</v>
      </c>
      <c r="IV33" s="101">
        <v>1</v>
      </c>
      <c r="IW33" s="102">
        <v>1</v>
      </c>
      <c r="IX33" s="103">
        <v>2</v>
      </c>
      <c r="IY33" s="413">
        <v>0</v>
      </c>
      <c r="IZ33" s="102">
        <v>2</v>
      </c>
      <c r="JA33" s="102">
        <v>1</v>
      </c>
      <c r="JB33" s="102">
        <v>0</v>
      </c>
      <c r="JC33" s="102">
        <v>1</v>
      </c>
      <c r="JD33" s="102">
        <v>0</v>
      </c>
      <c r="JE33" s="103">
        <v>4</v>
      </c>
      <c r="JF33" s="104">
        <v>6</v>
      </c>
      <c r="JG33" s="101">
        <v>1</v>
      </c>
      <c r="JH33" s="102">
        <v>1</v>
      </c>
      <c r="JI33" s="103">
        <v>2</v>
      </c>
      <c r="JJ33" s="413">
        <v>0</v>
      </c>
      <c r="JK33" s="102">
        <v>2</v>
      </c>
      <c r="JL33" s="102">
        <v>2</v>
      </c>
      <c r="JM33" s="102">
        <v>3</v>
      </c>
      <c r="JN33" s="102">
        <v>5</v>
      </c>
      <c r="JO33" s="102">
        <v>1</v>
      </c>
      <c r="JP33" s="103">
        <v>13</v>
      </c>
      <c r="JQ33" s="104">
        <v>15</v>
      </c>
      <c r="JR33" s="101">
        <v>0</v>
      </c>
      <c r="JS33" s="102">
        <v>0</v>
      </c>
      <c r="JT33" s="103">
        <v>0</v>
      </c>
      <c r="JU33" s="413">
        <v>0</v>
      </c>
      <c r="JV33" s="102">
        <v>0</v>
      </c>
      <c r="JW33" s="102">
        <v>0</v>
      </c>
      <c r="JX33" s="102">
        <v>0</v>
      </c>
      <c r="JY33" s="102">
        <v>0</v>
      </c>
      <c r="JZ33" s="102">
        <v>0</v>
      </c>
      <c r="KA33" s="103">
        <v>0</v>
      </c>
      <c r="KB33" s="104">
        <v>0</v>
      </c>
      <c r="KC33" s="101">
        <v>4</v>
      </c>
      <c r="KD33" s="102">
        <v>2</v>
      </c>
      <c r="KE33" s="103">
        <v>6</v>
      </c>
      <c r="KF33" s="413">
        <v>0</v>
      </c>
      <c r="KG33" s="102">
        <v>5</v>
      </c>
      <c r="KH33" s="102">
        <v>4</v>
      </c>
      <c r="KI33" s="102">
        <v>5</v>
      </c>
      <c r="KJ33" s="102">
        <v>8</v>
      </c>
      <c r="KK33" s="102">
        <v>1</v>
      </c>
      <c r="KL33" s="103">
        <v>23</v>
      </c>
      <c r="KM33" s="104">
        <v>29</v>
      </c>
    </row>
    <row r="34" spans="2:299" s="70" customFormat="1" ht="21" customHeight="1" x14ac:dyDescent="0.2">
      <c r="B34" s="106" t="s">
        <v>31</v>
      </c>
      <c r="C34" s="96">
        <v>2</v>
      </c>
      <c r="D34" s="97">
        <v>8</v>
      </c>
      <c r="E34" s="98">
        <v>10</v>
      </c>
      <c r="F34" s="413">
        <v>0</v>
      </c>
      <c r="G34" s="97">
        <v>9</v>
      </c>
      <c r="H34" s="97">
        <v>3</v>
      </c>
      <c r="I34" s="97">
        <v>8</v>
      </c>
      <c r="J34" s="97">
        <v>5</v>
      </c>
      <c r="K34" s="97">
        <v>1</v>
      </c>
      <c r="L34" s="99">
        <v>26</v>
      </c>
      <c r="M34" s="100">
        <v>36</v>
      </c>
      <c r="N34" s="101">
        <v>0</v>
      </c>
      <c r="O34" s="102">
        <v>0</v>
      </c>
      <c r="P34" s="103">
        <v>0</v>
      </c>
      <c r="Q34" s="413">
        <v>0</v>
      </c>
      <c r="R34" s="102">
        <v>0</v>
      </c>
      <c r="S34" s="102">
        <v>0</v>
      </c>
      <c r="T34" s="102">
        <v>0</v>
      </c>
      <c r="U34" s="102">
        <v>1</v>
      </c>
      <c r="V34" s="102">
        <v>1</v>
      </c>
      <c r="W34" s="103">
        <v>2</v>
      </c>
      <c r="X34" s="104">
        <v>2</v>
      </c>
      <c r="Y34" s="101">
        <v>0</v>
      </c>
      <c r="Z34" s="102">
        <v>0</v>
      </c>
      <c r="AA34" s="103">
        <v>0</v>
      </c>
      <c r="AB34" s="413">
        <v>0</v>
      </c>
      <c r="AC34" s="102">
        <v>0</v>
      </c>
      <c r="AD34" s="102">
        <v>0</v>
      </c>
      <c r="AE34" s="102">
        <v>1</v>
      </c>
      <c r="AF34" s="102">
        <v>0</v>
      </c>
      <c r="AG34" s="102">
        <v>0</v>
      </c>
      <c r="AH34" s="103">
        <v>1</v>
      </c>
      <c r="AI34" s="104">
        <v>1</v>
      </c>
      <c r="AJ34" s="101">
        <v>0</v>
      </c>
      <c r="AK34" s="102">
        <v>1</v>
      </c>
      <c r="AL34" s="103">
        <v>1</v>
      </c>
      <c r="AM34" s="413">
        <v>0</v>
      </c>
      <c r="AN34" s="102">
        <v>0</v>
      </c>
      <c r="AO34" s="102">
        <v>0</v>
      </c>
      <c r="AP34" s="102">
        <v>1</v>
      </c>
      <c r="AQ34" s="102">
        <v>0</v>
      </c>
      <c r="AR34" s="102">
        <v>0</v>
      </c>
      <c r="AS34" s="103">
        <v>1</v>
      </c>
      <c r="AT34" s="104">
        <v>2</v>
      </c>
      <c r="AU34" s="101">
        <v>0</v>
      </c>
      <c r="AV34" s="102">
        <v>2</v>
      </c>
      <c r="AW34" s="103">
        <v>2</v>
      </c>
      <c r="AX34" s="413">
        <v>0</v>
      </c>
      <c r="AY34" s="102">
        <v>1</v>
      </c>
      <c r="AZ34" s="102">
        <v>0</v>
      </c>
      <c r="BA34" s="102">
        <v>1</v>
      </c>
      <c r="BB34" s="102">
        <v>1</v>
      </c>
      <c r="BC34" s="102">
        <v>0</v>
      </c>
      <c r="BD34" s="103">
        <v>3</v>
      </c>
      <c r="BE34" s="104">
        <v>5</v>
      </c>
      <c r="BF34" s="101">
        <v>0</v>
      </c>
      <c r="BG34" s="102">
        <v>2</v>
      </c>
      <c r="BH34" s="103">
        <v>2</v>
      </c>
      <c r="BI34" s="413">
        <v>0</v>
      </c>
      <c r="BJ34" s="102">
        <v>5</v>
      </c>
      <c r="BK34" s="102">
        <v>3</v>
      </c>
      <c r="BL34" s="102">
        <v>2</v>
      </c>
      <c r="BM34" s="102">
        <v>1</v>
      </c>
      <c r="BN34" s="102">
        <v>0</v>
      </c>
      <c r="BO34" s="103">
        <v>11</v>
      </c>
      <c r="BP34" s="104">
        <v>13</v>
      </c>
      <c r="BQ34" s="101">
        <v>2</v>
      </c>
      <c r="BR34" s="102">
        <v>3</v>
      </c>
      <c r="BS34" s="103">
        <v>5</v>
      </c>
      <c r="BT34" s="413">
        <v>0</v>
      </c>
      <c r="BU34" s="102">
        <v>3</v>
      </c>
      <c r="BV34" s="102">
        <v>0</v>
      </c>
      <c r="BW34" s="102">
        <v>3</v>
      </c>
      <c r="BX34" s="102">
        <v>2</v>
      </c>
      <c r="BY34" s="102">
        <v>0</v>
      </c>
      <c r="BZ34" s="103">
        <v>8</v>
      </c>
      <c r="CA34" s="104">
        <v>13</v>
      </c>
      <c r="CB34" s="101">
        <v>0</v>
      </c>
      <c r="CC34" s="102">
        <v>0</v>
      </c>
      <c r="CD34" s="103">
        <v>0</v>
      </c>
      <c r="CE34" s="413">
        <v>0</v>
      </c>
      <c r="CF34" s="102">
        <v>0</v>
      </c>
      <c r="CG34" s="102">
        <v>0</v>
      </c>
      <c r="CH34" s="102">
        <v>0</v>
      </c>
      <c r="CI34" s="102">
        <v>0</v>
      </c>
      <c r="CJ34" s="102">
        <v>0</v>
      </c>
      <c r="CK34" s="103">
        <v>0</v>
      </c>
      <c r="CL34" s="104">
        <v>0</v>
      </c>
      <c r="CM34" s="101">
        <v>2</v>
      </c>
      <c r="CN34" s="102">
        <v>8</v>
      </c>
      <c r="CO34" s="103">
        <v>10</v>
      </c>
      <c r="CP34" s="413">
        <v>0</v>
      </c>
      <c r="CQ34" s="102">
        <v>9</v>
      </c>
      <c r="CR34" s="102">
        <v>3</v>
      </c>
      <c r="CS34" s="102">
        <v>8</v>
      </c>
      <c r="CT34" s="102">
        <v>5</v>
      </c>
      <c r="CU34" s="102">
        <v>1</v>
      </c>
      <c r="CV34" s="103">
        <v>26</v>
      </c>
      <c r="CW34" s="104">
        <v>36</v>
      </c>
      <c r="CX34" s="105">
        <v>1</v>
      </c>
      <c r="CY34" s="97">
        <v>1</v>
      </c>
      <c r="CZ34" s="98">
        <v>2</v>
      </c>
      <c r="DA34" s="413">
        <v>0</v>
      </c>
      <c r="DB34" s="97">
        <v>2</v>
      </c>
      <c r="DC34" s="97">
        <v>1</v>
      </c>
      <c r="DD34" s="97">
        <v>0</v>
      </c>
      <c r="DE34" s="97">
        <v>1</v>
      </c>
      <c r="DF34" s="97">
        <v>1</v>
      </c>
      <c r="DG34" s="99">
        <v>5</v>
      </c>
      <c r="DH34" s="100">
        <v>7</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0</v>
      </c>
      <c r="EA34" s="102">
        <v>0</v>
      </c>
      <c r="EB34" s="102">
        <v>0</v>
      </c>
      <c r="EC34" s="103">
        <v>0</v>
      </c>
      <c r="ED34" s="104">
        <v>0</v>
      </c>
      <c r="EE34" s="101">
        <v>0</v>
      </c>
      <c r="EF34" s="102">
        <v>0</v>
      </c>
      <c r="EG34" s="103">
        <v>0</v>
      </c>
      <c r="EH34" s="413">
        <v>0</v>
      </c>
      <c r="EI34" s="102">
        <v>0</v>
      </c>
      <c r="EJ34" s="102">
        <v>0</v>
      </c>
      <c r="EK34" s="102">
        <v>0</v>
      </c>
      <c r="EL34" s="102">
        <v>0</v>
      </c>
      <c r="EM34" s="102">
        <v>0</v>
      </c>
      <c r="EN34" s="103">
        <v>0</v>
      </c>
      <c r="EO34" s="104">
        <v>0</v>
      </c>
      <c r="EP34" s="101">
        <v>1</v>
      </c>
      <c r="EQ34" s="102">
        <v>0</v>
      </c>
      <c r="ER34" s="103">
        <v>1</v>
      </c>
      <c r="ES34" s="413">
        <v>0</v>
      </c>
      <c r="ET34" s="102">
        <v>0</v>
      </c>
      <c r="EU34" s="102">
        <v>1</v>
      </c>
      <c r="EV34" s="102">
        <v>0</v>
      </c>
      <c r="EW34" s="102">
        <v>0</v>
      </c>
      <c r="EX34" s="102">
        <v>0</v>
      </c>
      <c r="EY34" s="103">
        <v>1</v>
      </c>
      <c r="EZ34" s="104">
        <v>2</v>
      </c>
      <c r="FA34" s="101">
        <v>0</v>
      </c>
      <c r="FB34" s="102">
        <v>1</v>
      </c>
      <c r="FC34" s="103">
        <v>1</v>
      </c>
      <c r="FD34" s="413">
        <v>0</v>
      </c>
      <c r="FE34" s="102">
        <v>0</v>
      </c>
      <c r="FF34" s="102">
        <v>0</v>
      </c>
      <c r="FG34" s="102">
        <v>0</v>
      </c>
      <c r="FH34" s="102">
        <v>0</v>
      </c>
      <c r="FI34" s="102">
        <v>0</v>
      </c>
      <c r="FJ34" s="103">
        <v>0</v>
      </c>
      <c r="FK34" s="104">
        <v>1</v>
      </c>
      <c r="FL34" s="101">
        <v>0</v>
      </c>
      <c r="FM34" s="102">
        <v>0</v>
      </c>
      <c r="FN34" s="103">
        <v>0</v>
      </c>
      <c r="FO34" s="413">
        <v>0</v>
      </c>
      <c r="FP34" s="102">
        <v>2</v>
      </c>
      <c r="FQ34" s="102">
        <v>0</v>
      </c>
      <c r="FR34" s="102">
        <v>0</v>
      </c>
      <c r="FS34" s="102">
        <v>1</v>
      </c>
      <c r="FT34" s="102">
        <v>1</v>
      </c>
      <c r="FU34" s="103">
        <v>4</v>
      </c>
      <c r="FV34" s="104">
        <v>4</v>
      </c>
      <c r="FW34" s="101">
        <v>0</v>
      </c>
      <c r="FX34" s="102">
        <v>0</v>
      </c>
      <c r="FY34" s="103">
        <v>0</v>
      </c>
      <c r="FZ34" s="413">
        <v>0</v>
      </c>
      <c r="GA34" s="102">
        <v>0</v>
      </c>
      <c r="GB34" s="102">
        <v>0</v>
      </c>
      <c r="GC34" s="102">
        <v>0</v>
      </c>
      <c r="GD34" s="102">
        <v>0</v>
      </c>
      <c r="GE34" s="102">
        <v>0</v>
      </c>
      <c r="GF34" s="103">
        <v>0</v>
      </c>
      <c r="GG34" s="104">
        <v>0</v>
      </c>
      <c r="GH34" s="101">
        <v>1</v>
      </c>
      <c r="GI34" s="102">
        <v>1</v>
      </c>
      <c r="GJ34" s="103">
        <v>2</v>
      </c>
      <c r="GK34" s="413">
        <v>0</v>
      </c>
      <c r="GL34" s="102">
        <v>2</v>
      </c>
      <c r="GM34" s="102">
        <v>1</v>
      </c>
      <c r="GN34" s="102">
        <v>0</v>
      </c>
      <c r="GO34" s="102">
        <v>1</v>
      </c>
      <c r="GP34" s="102">
        <v>1</v>
      </c>
      <c r="GQ34" s="103">
        <v>5</v>
      </c>
      <c r="GR34" s="104">
        <v>7</v>
      </c>
      <c r="GS34" s="105">
        <v>3</v>
      </c>
      <c r="GT34" s="97">
        <v>9</v>
      </c>
      <c r="GU34" s="98">
        <v>12</v>
      </c>
      <c r="GV34" s="413">
        <v>0</v>
      </c>
      <c r="GW34" s="97">
        <v>11</v>
      </c>
      <c r="GX34" s="97">
        <v>4</v>
      </c>
      <c r="GY34" s="97">
        <v>8</v>
      </c>
      <c r="GZ34" s="97">
        <v>6</v>
      </c>
      <c r="HA34" s="97">
        <v>2</v>
      </c>
      <c r="HB34" s="99">
        <v>31</v>
      </c>
      <c r="HC34" s="100">
        <v>43</v>
      </c>
      <c r="HD34" s="101">
        <v>0</v>
      </c>
      <c r="HE34" s="102">
        <v>0</v>
      </c>
      <c r="HF34" s="103">
        <v>0</v>
      </c>
      <c r="HG34" s="413">
        <v>0</v>
      </c>
      <c r="HH34" s="102">
        <v>0</v>
      </c>
      <c r="HI34" s="102">
        <v>0</v>
      </c>
      <c r="HJ34" s="102">
        <v>0</v>
      </c>
      <c r="HK34" s="102">
        <v>1</v>
      </c>
      <c r="HL34" s="102">
        <v>1</v>
      </c>
      <c r="HM34" s="103">
        <v>2</v>
      </c>
      <c r="HN34" s="104">
        <v>2</v>
      </c>
      <c r="HO34" s="101">
        <v>0</v>
      </c>
      <c r="HP34" s="102">
        <v>0</v>
      </c>
      <c r="HQ34" s="103">
        <v>0</v>
      </c>
      <c r="HR34" s="413">
        <v>0</v>
      </c>
      <c r="HS34" s="102">
        <v>0</v>
      </c>
      <c r="HT34" s="102">
        <v>0</v>
      </c>
      <c r="HU34" s="102">
        <v>1</v>
      </c>
      <c r="HV34" s="102">
        <v>0</v>
      </c>
      <c r="HW34" s="102">
        <v>0</v>
      </c>
      <c r="HX34" s="103">
        <v>1</v>
      </c>
      <c r="HY34" s="104">
        <v>1</v>
      </c>
      <c r="HZ34" s="101">
        <v>0</v>
      </c>
      <c r="IA34" s="102">
        <v>1</v>
      </c>
      <c r="IB34" s="103">
        <v>1</v>
      </c>
      <c r="IC34" s="413">
        <v>0</v>
      </c>
      <c r="ID34" s="102">
        <v>0</v>
      </c>
      <c r="IE34" s="102">
        <v>0</v>
      </c>
      <c r="IF34" s="102">
        <v>1</v>
      </c>
      <c r="IG34" s="102">
        <v>0</v>
      </c>
      <c r="IH34" s="102">
        <v>0</v>
      </c>
      <c r="II34" s="103">
        <v>1</v>
      </c>
      <c r="IJ34" s="104">
        <v>2</v>
      </c>
      <c r="IK34" s="101">
        <v>1</v>
      </c>
      <c r="IL34" s="102">
        <v>2</v>
      </c>
      <c r="IM34" s="103">
        <v>3</v>
      </c>
      <c r="IN34" s="413">
        <v>0</v>
      </c>
      <c r="IO34" s="102">
        <v>1</v>
      </c>
      <c r="IP34" s="102">
        <v>1</v>
      </c>
      <c r="IQ34" s="102">
        <v>1</v>
      </c>
      <c r="IR34" s="102">
        <v>1</v>
      </c>
      <c r="IS34" s="102">
        <v>0</v>
      </c>
      <c r="IT34" s="103">
        <v>4</v>
      </c>
      <c r="IU34" s="104">
        <v>7</v>
      </c>
      <c r="IV34" s="101">
        <v>0</v>
      </c>
      <c r="IW34" s="102">
        <v>3</v>
      </c>
      <c r="IX34" s="103">
        <v>3</v>
      </c>
      <c r="IY34" s="413">
        <v>0</v>
      </c>
      <c r="IZ34" s="102">
        <v>5</v>
      </c>
      <c r="JA34" s="102">
        <v>3</v>
      </c>
      <c r="JB34" s="102">
        <v>2</v>
      </c>
      <c r="JC34" s="102">
        <v>1</v>
      </c>
      <c r="JD34" s="102">
        <v>0</v>
      </c>
      <c r="JE34" s="103">
        <v>11</v>
      </c>
      <c r="JF34" s="104">
        <v>14</v>
      </c>
      <c r="JG34" s="101">
        <v>2</v>
      </c>
      <c r="JH34" s="102">
        <v>3</v>
      </c>
      <c r="JI34" s="103">
        <v>5</v>
      </c>
      <c r="JJ34" s="413">
        <v>0</v>
      </c>
      <c r="JK34" s="102">
        <v>5</v>
      </c>
      <c r="JL34" s="102">
        <v>0</v>
      </c>
      <c r="JM34" s="102">
        <v>3</v>
      </c>
      <c r="JN34" s="102">
        <v>3</v>
      </c>
      <c r="JO34" s="102">
        <v>1</v>
      </c>
      <c r="JP34" s="103">
        <v>12</v>
      </c>
      <c r="JQ34" s="104">
        <v>17</v>
      </c>
      <c r="JR34" s="101">
        <v>0</v>
      </c>
      <c r="JS34" s="102">
        <v>0</v>
      </c>
      <c r="JT34" s="103">
        <v>0</v>
      </c>
      <c r="JU34" s="413">
        <v>0</v>
      </c>
      <c r="JV34" s="102">
        <v>0</v>
      </c>
      <c r="JW34" s="102">
        <v>0</v>
      </c>
      <c r="JX34" s="102">
        <v>0</v>
      </c>
      <c r="JY34" s="102">
        <v>0</v>
      </c>
      <c r="JZ34" s="102">
        <v>0</v>
      </c>
      <c r="KA34" s="103">
        <v>0</v>
      </c>
      <c r="KB34" s="104">
        <v>0</v>
      </c>
      <c r="KC34" s="101">
        <v>3</v>
      </c>
      <c r="KD34" s="102">
        <v>9</v>
      </c>
      <c r="KE34" s="103">
        <v>12</v>
      </c>
      <c r="KF34" s="413">
        <v>0</v>
      </c>
      <c r="KG34" s="102">
        <v>11</v>
      </c>
      <c r="KH34" s="102">
        <v>4</v>
      </c>
      <c r="KI34" s="102">
        <v>8</v>
      </c>
      <c r="KJ34" s="102">
        <v>6</v>
      </c>
      <c r="KK34" s="102">
        <v>2</v>
      </c>
      <c r="KL34" s="103">
        <v>31</v>
      </c>
      <c r="KM34" s="104">
        <v>43</v>
      </c>
    </row>
    <row r="35" spans="2:299" s="70" customFormat="1" ht="21" customHeight="1" x14ac:dyDescent="0.2">
      <c r="B35" s="106" t="s">
        <v>32</v>
      </c>
      <c r="C35" s="96">
        <v>8</v>
      </c>
      <c r="D35" s="97">
        <v>6</v>
      </c>
      <c r="E35" s="98">
        <v>14</v>
      </c>
      <c r="F35" s="413">
        <v>0</v>
      </c>
      <c r="G35" s="97">
        <v>17</v>
      </c>
      <c r="H35" s="97">
        <v>11</v>
      </c>
      <c r="I35" s="97">
        <v>4</v>
      </c>
      <c r="J35" s="97">
        <v>6</v>
      </c>
      <c r="K35" s="97">
        <v>2</v>
      </c>
      <c r="L35" s="99">
        <v>40</v>
      </c>
      <c r="M35" s="100">
        <v>54</v>
      </c>
      <c r="N35" s="101">
        <v>1</v>
      </c>
      <c r="O35" s="102">
        <v>0</v>
      </c>
      <c r="P35" s="103">
        <v>1</v>
      </c>
      <c r="Q35" s="413">
        <v>0</v>
      </c>
      <c r="R35" s="102">
        <v>0</v>
      </c>
      <c r="S35" s="102">
        <v>0</v>
      </c>
      <c r="T35" s="102">
        <v>0</v>
      </c>
      <c r="U35" s="102">
        <v>0</v>
      </c>
      <c r="V35" s="102">
        <v>0</v>
      </c>
      <c r="W35" s="103">
        <v>0</v>
      </c>
      <c r="X35" s="104">
        <v>1</v>
      </c>
      <c r="Y35" s="101">
        <v>0</v>
      </c>
      <c r="Z35" s="102">
        <v>0</v>
      </c>
      <c r="AA35" s="103">
        <v>0</v>
      </c>
      <c r="AB35" s="413">
        <v>0</v>
      </c>
      <c r="AC35" s="102">
        <v>0</v>
      </c>
      <c r="AD35" s="102">
        <v>0</v>
      </c>
      <c r="AE35" s="102">
        <v>0</v>
      </c>
      <c r="AF35" s="102">
        <v>0</v>
      </c>
      <c r="AG35" s="102">
        <v>0</v>
      </c>
      <c r="AH35" s="103">
        <v>0</v>
      </c>
      <c r="AI35" s="104">
        <v>0</v>
      </c>
      <c r="AJ35" s="101">
        <v>0</v>
      </c>
      <c r="AK35" s="102">
        <v>0</v>
      </c>
      <c r="AL35" s="103">
        <v>0</v>
      </c>
      <c r="AM35" s="413">
        <v>0</v>
      </c>
      <c r="AN35" s="102">
        <v>1</v>
      </c>
      <c r="AO35" s="102">
        <v>1</v>
      </c>
      <c r="AP35" s="102">
        <v>0</v>
      </c>
      <c r="AQ35" s="102">
        <v>0</v>
      </c>
      <c r="AR35" s="102">
        <v>0</v>
      </c>
      <c r="AS35" s="103">
        <v>2</v>
      </c>
      <c r="AT35" s="104">
        <v>2</v>
      </c>
      <c r="AU35" s="101">
        <v>3</v>
      </c>
      <c r="AV35" s="102">
        <v>2</v>
      </c>
      <c r="AW35" s="103">
        <v>5</v>
      </c>
      <c r="AX35" s="413">
        <v>0</v>
      </c>
      <c r="AY35" s="102">
        <v>3</v>
      </c>
      <c r="AZ35" s="102">
        <v>2</v>
      </c>
      <c r="BA35" s="102">
        <v>2</v>
      </c>
      <c r="BB35" s="102">
        <v>0</v>
      </c>
      <c r="BC35" s="102">
        <v>1</v>
      </c>
      <c r="BD35" s="103">
        <v>8</v>
      </c>
      <c r="BE35" s="104">
        <v>13</v>
      </c>
      <c r="BF35" s="101">
        <v>1</v>
      </c>
      <c r="BG35" s="102">
        <v>2</v>
      </c>
      <c r="BH35" s="103">
        <v>3</v>
      </c>
      <c r="BI35" s="413">
        <v>0</v>
      </c>
      <c r="BJ35" s="102">
        <v>7</v>
      </c>
      <c r="BK35" s="102">
        <v>3</v>
      </c>
      <c r="BL35" s="102">
        <v>2</v>
      </c>
      <c r="BM35" s="102">
        <v>3</v>
      </c>
      <c r="BN35" s="102">
        <v>1</v>
      </c>
      <c r="BO35" s="103">
        <v>16</v>
      </c>
      <c r="BP35" s="104">
        <v>19</v>
      </c>
      <c r="BQ35" s="101">
        <v>3</v>
      </c>
      <c r="BR35" s="102">
        <v>2</v>
      </c>
      <c r="BS35" s="103">
        <v>5</v>
      </c>
      <c r="BT35" s="413">
        <v>0</v>
      </c>
      <c r="BU35" s="102">
        <v>6</v>
      </c>
      <c r="BV35" s="102">
        <v>5</v>
      </c>
      <c r="BW35" s="102">
        <v>0</v>
      </c>
      <c r="BX35" s="102">
        <v>3</v>
      </c>
      <c r="BY35" s="102">
        <v>0</v>
      </c>
      <c r="BZ35" s="103">
        <v>14</v>
      </c>
      <c r="CA35" s="104">
        <v>19</v>
      </c>
      <c r="CB35" s="101">
        <v>0</v>
      </c>
      <c r="CC35" s="102">
        <v>0</v>
      </c>
      <c r="CD35" s="103">
        <v>0</v>
      </c>
      <c r="CE35" s="413">
        <v>0</v>
      </c>
      <c r="CF35" s="102">
        <v>0</v>
      </c>
      <c r="CG35" s="102">
        <v>0</v>
      </c>
      <c r="CH35" s="102">
        <v>0</v>
      </c>
      <c r="CI35" s="102">
        <v>0</v>
      </c>
      <c r="CJ35" s="102">
        <v>0</v>
      </c>
      <c r="CK35" s="103">
        <v>0</v>
      </c>
      <c r="CL35" s="104">
        <v>0</v>
      </c>
      <c r="CM35" s="101">
        <v>8</v>
      </c>
      <c r="CN35" s="102">
        <v>6</v>
      </c>
      <c r="CO35" s="103">
        <v>14</v>
      </c>
      <c r="CP35" s="413">
        <v>0</v>
      </c>
      <c r="CQ35" s="102">
        <v>17</v>
      </c>
      <c r="CR35" s="102">
        <v>11</v>
      </c>
      <c r="CS35" s="102">
        <v>4</v>
      </c>
      <c r="CT35" s="102">
        <v>6</v>
      </c>
      <c r="CU35" s="102">
        <v>2</v>
      </c>
      <c r="CV35" s="103">
        <v>40</v>
      </c>
      <c r="CW35" s="104">
        <v>54</v>
      </c>
      <c r="CX35" s="105">
        <v>1</v>
      </c>
      <c r="CY35" s="97">
        <v>0</v>
      </c>
      <c r="CZ35" s="98">
        <v>1</v>
      </c>
      <c r="DA35" s="413">
        <v>0</v>
      </c>
      <c r="DB35" s="97">
        <v>0</v>
      </c>
      <c r="DC35" s="97">
        <v>3</v>
      </c>
      <c r="DD35" s="97">
        <v>1</v>
      </c>
      <c r="DE35" s="97">
        <v>2</v>
      </c>
      <c r="DF35" s="97">
        <v>2</v>
      </c>
      <c r="DG35" s="99">
        <v>8</v>
      </c>
      <c r="DH35" s="100">
        <v>9</v>
      </c>
      <c r="DI35" s="101">
        <v>0</v>
      </c>
      <c r="DJ35" s="102">
        <v>0</v>
      </c>
      <c r="DK35" s="103">
        <v>0</v>
      </c>
      <c r="DL35" s="413">
        <v>0</v>
      </c>
      <c r="DM35" s="102">
        <v>0</v>
      </c>
      <c r="DN35" s="102">
        <v>0</v>
      </c>
      <c r="DO35" s="102">
        <v>0</v>
      </c>
      <c r="DP35" s="102">
        <v>0</v>
      </c>
      <c r="DQ35" s="102">
        <v>0</v>
      </c>
      <c r="DR35" s="103">
        <v>0</v>
      </c>
      <c r="DS35" s="104">
        <v>0</v>
      </c>
      <c r="DT35" s="101">
        <v>0</v>
      </c>
      <c r="DU35" s="102">
        <v>0</v>
      </c>
      <c r="DV35" s="103">
        <v>0</v>
      </c>
      <c r="DW35" s="413">
        <v>0</v>
      </c>
      <c r="DX35" s="102">
        <v>0</v>
      </c>
      <c r="DY35" s="102">
        <v>0</v>
      </c>
      <c r="DZ35" s="102">
        <v>0</v>
      </c>
      <c r="EA35" s="102">
        <v>0</v>
      </c>
      <c r="EB35" s="102">
        <v>0</v>
      </c>
      <c r="EC35" s="103">
        <v>0</v>
      </c>
      <c r="ED35" s="104">
        <v>0</v>
      </c>
      <c r="EE35" s="101">
        <v>1</v>
      </c>
      <c r="EF35" s="102">
        <v>0</v>
      </c>
      <c r="EG35" s="103">
        <v>1</v>
      </c>
      <c r="EH35" s="413">
        <v>0</v>
      </c>
      <c r="EI35" s="102">
        <v>0</v>
      </c>
      <c r="EJ35" s="102">
        <v>0</v>
      </c>
      <c r="EK35" s="102">
        <v>0</v>
      </c>
      <c r="EL35" s="102">
        <v>0</v>
      </c>
      <c r="EM35" s="102">
        <v>0</v>
      </c>
      <c r="EN35" s="103">
        <v>0</v>
      </c>
      <c r="EO35" s="104">
        <v>1</v>
      </c>
      <c r="EP35" s="101">
        <v>0</v>
      </c>
      <c r="EQ35" s="102">
        <v>0</v>
      </c>
      <c r="ER35" s="103">
        <v>0</v>
      </c>
      <c r="ES35" s="413">
        <v>0</v>
      </c>
      <c r="ET35" s="102">
        <v>0</v>
      </c>
      <c r="EU35" s="102">
        <v>1</v>
      </c>
      <c r="EV35" s="102">
        <v>0</v>
      </c>
      <c r="EW35" s="102">
        <v>0</v>
      </c>
      <c r="EX35" s="102">
        <v>0</v>
      </c>
      <c r="EY35" s="103">
        <v>1</v>
      </c>
      <c r="EZ35" s="104">
        <v>1</v>
      </c>
      <c r="FA35" s="101">
        <v>0</v>
      </c>
      <c r="FB35" s="102">
        <v>0</v>
      </c>
      <c r="FC35" s="103">
        <v>0</v>
      </c>
      <c r="FD35" s="413">
        <v>0</v>
      </c>
      <c r="FE35" s="102">
        <v>0</v>
      </c>
      <c r="FF35" s="102">
        <v>1</v>
      </c>
      <c r="FG35" s="102">
        <v>1</v>
      </c>
      <c r="FH35" s="102">
        <v>0</v>
      </c>
      <c r="FI35" s="102">
        <v>1</v>
      </c>
      <c r="FJ35" s="103">
        <v>3</v>
      </c>
      <c r="FK35" s="104">
        <v>3</v>
      </c>
      <c r="FL35" s="101">
        <v>0</v>
      </c>
      <c r="FM35" s="102">
        <v>0</v>
      </c>
      <c r="FN35" s="103">
        <v>0</v>
      </c>
      <c r="FO35" s="413">
        <v>0</v>
      </c>
      <c r="FP35" s="102">
        <v>0</v>
      </c>
      <c r="FQ35" s="102">
        <v>1</v>
      </c>
      <c r="FR35" s="102">
        <v>0</v>
      </c>
      <c r="FS35" s="102">
        <v>2</v>
      </c>
      <c r="FT35" s="102">
        <v>1</v>
      </c>
      <c r="FU35" s="103">
        <v>4</v>
      </c>
      <c r="FV35" s="104">
        <v>4</v>
      </c>
      <c r="FW35" s="101">
        <v>0</v>
      </c>
      <c r="FX35" s="102">
        <v>0</v>
      </c>
      <c r="FY35" s="103">
        <v>0</v>
      </c>
      <c r="FZ35" s="413">
        <v>0</v>
      </c>
      <c r="GA35" s="102">
        <v>0</v>
      </c>
      <c r="GB35" s="102">
        <v>0</v>
      </c>
      <c r="GC35" s="102">
        <v>0</v>
      </c>
      <c r="GD35" s="102">
        <v>0</v>
      </c>
      <c r="GE35" s="102">
        <v>0</v>
      </c>
      <c r="GF35" s="103">
        <v>0</v>
      </c>
      <c r="GG35" s="104">
        <v>0</v>
      </c>
      <c r="GH35" s="101">
        <v>1</v>
      </c>
      <c r="GI35" s="102">
        <v>0</v>
      </c>
      <c r="GJ35" s="103">
        <v>1</v>
      </c>
      <c r="GK35" s="413">
        <v>0</v>
      </c>
      <c r="GL35" s="102">
        <v>0</v>
      </c>
      <c r="GM35" s="102">
        <v>3</v>
      </c>
      <c r="GN35" s="102">
        <v>1</v>
      </c>
      <c r="GO35" s="102">
        <v>2</v>
      </c>
      <c r="GP35" s="102">
        <v>2</v>
      </c>
      <c r="GQ35" s="103">
        <v>8</v>
      </c>
      <c r="GR35" s="104">
        <v>9</v>
      </c>
      <c r="GS35" s="105">
        <v>9</v>
      </c>
      <c r="GT35" s="97">
        <v>6</v>
      </c>
      <c r="GU35" s="98">
        <v>15</v>
      </c>
      <c r="GV35" s="413">
        <v>0</v>
      </c>
      <c r="GW35" s="97">
        <v>17</v>
      </c>
      <c r="GX35" s="97">
        <v>14</v>
      </c>
      <c r="GY35" s="97">
        <v>5</v>
      </c>
      <c r="GZ35" s="97">
        <v>8</v>
      </c>
      <c r="HA35" s="97">
        <v>4</v>
      </c>
      <c r="HB35" s="99">
        <v>48</v>
      </c>
      <c r="HC35" s="100">
        <v>63</v>
      </c>
      <c r="HD35" s="101">
        <v>1</v>
      </c>
      <c r="HE35" s="102">
        <v>0</v>
      </c>
      <c r="HF35" s="103">
        <v>1</v>
      </c>
      <c r="HG35" s="413">
        <v>0</v>
      </c>
      <c r="HH35" s="102">
        <v>0</v>
      </c>
      <c r="HI35" s="102">
        <v>0</v>
      </c>
      <c r="HJ35" s="102">
        <v>0</v>
      </c>
      <c r="HK35" s="102">
        <v>0</v>
      </c>
      <c r="HL35" s="102">
        <v>0</v>
      </c>
      <c r="HM35" s="103">
        <v>0</v>
      </c>
      <c r="HN35" s="104">
        <v>1</v>
      </c>
      <c r="HO35" s="101">
        <v>0</v>
      </c>
      <c r="HP35" s="102">
        <v>0</v>
      </c>
      <c r="HQ35" s="103">
        <v>0</v>
      </c>
      <c r="HR35" s="413">
        <v>0</v>
      </c>
      <c r="HS35" s="102">
        <v>0</v>
      </c>
      <c r="HT35" s="102">
        <v>0</v>
      </c>
      <c r="HU35" s="102">
        <v>0</v>
      </c>
      <c r="HV35" s="102">
        <v>0</v>
      </c>
      <c r="HW35" s="102">
        <v>0</v>
      </c>
      <c r="HX35" s="103">
        <v>0</v>
      </c>
      <c r="HY35" s="104">
        <v>0</v>
      </c>
      <c r="HZ35" s="101">
        <v>1</v>
      </c>
      <c r="IA35" s="102">
        <v>0</v>
      </c>
      <c r="IB35" s="103">
        <v>1</v>
      </c>
      <c r="IC35" s="413">
        <v>0</v>
      </c>
      <c r="ID35" s="102">
        <v>1</v>
      </c>
      <c r="IE35" s="102">
        <v>1</v>
      </c>
      <c r="IF35" s="102">
        <v>0</v>
      </c>
      <c r="IG35" s="102">
        <v>0</v>
      </c>
      <c r="IH35" s="102">
        <v>0</v>
      </c>
      <c r="II35" s="103">
        <v>2</v>
      </c>
      <c r="IJ35" s="104">
        <v>3</v>
      </c>
      <c r="IK35" s="101">
        <v>3</v>
      </c>
      <c r="IL35" s="102">
        <v>2</v>
      </c>
      <c r="IM35" s="103">
        <v>5</v>
      </c>
      <c r="IN35" s="413">
        <v>0</v>
      </c>
      <c r="IO35" s="102">
        <v>3</v>
      </c>
      <c r="IP35" s="102">
        <v>3</v>
      </c>
      <c r="IQ35" s="102">
        <v>2</v>
      </c>
      <c r="IR35" s="102">
        <v>0</v>
      </c>
      <c r="IS35" s="102">
        <v>1</v>
      </c>
      <c r="IT35" s="103">
        <v>9</v>
      </c>
      <c r="IU35" s="104">
        <v>14</v>
      </c>
      <c r="IV35" s="101">
        <v>1</v>
      </c>
      <c r="IW35" s="102">
        <v>2</v>
      </c>
      <c r="IX35" s="103">
        <v>3</v>
      </c>
      <c r="IY35" s="413">
        <v>0</v>
      </c>
      <c r="IZ35" s="102">
        <v>7</v>
      </c>
      <c r="JA35" s="102">
        <v>4</v>
      </c>
      <c r="JB35" s="102">
        <v>3</v>
      </c>
      <c r="JC35" s="102">
        <v>3</v>
      </c>
      <c r="JD35" s="102">
        <v>2</v>
      </c>
      <c r="JE35" s="103">
        <v>19</v>
      </c>
      <c r="JF35" s="104">
        <v>22</v>
      </c>
      <c r="JG35" s="101">
        <v>3</v>
      </c>
      <c r="JH35" s="102">
        <v>2</v>
      </c>
      <c r="JI35" s="103">
        <v>5</v>
      </c>
      <c r="JJ35" s="413">
        <v>0</v>
      </c>
      <c r="JK35" s="102">
        <v>6</v>
      </c>
      <c r="JL35" s="102">
        <v>6</v>
      </c>
      <c r="JM35" s="102">
        <v>0</v>
      </c>
      <c r="JN35" s="102">
        <v>5</v>
      </c>
      <c r="JO35" s="102">
        <v>1</v>
      </c>
      <c r="JP35" s="103">
        <v>18</v>
      </c>
      <c r="JQ35" s="104">
        <v>23</v>
      </c>
      <c r="JR35" s="101">
        <v>0</v>
      </c>
      <c r="JS35" s="102">
        <v>0</v>
      </c>
      <c r="JT35" s="103">
        <v>0</v>
      </c>
      <c r="JU35" s="413">
        <v>0</v>
      </c>
      <c r="JV35" s="102">
        <v>0</v>
      </c>
      <c r="JW35" s="102">
        <v>0</v>
      </c>
      <c r="JX35" s="102">
        <v>0</v>
      </c>
      <c r="JY35" s="102">
        <v>0</v>
      </c>
      <c r="JZ35" s="102">
        <v>0</v>
      </c>
      <c r="KA35" s="103">
        <v>0</v>
      </c>
      <c r="KB35" s="104">
        <v>0</v>
      </c>
      <c r="KC35" s="101">
        <v>9</v>
      </c>
      <c r="KD35" s="102">
        <v>6</v>
      </c>
      <c r="KE35" s="103">
        <v>15</v>
      </c>
      <c r="KF35" s="413">
        <v>0</v>
      </c>
      <c r="KG35" s="102">
        <v>17</v>
      </c>
      <c r="KH35" s="102">
        <v>14</v>
      </c>
      <c r="KI35" s="102">
        <v>5</v>
      </c>
      <c r="KJ35" s="102">
        <v>8</v>
      </c>
      <c r="KK35" s="102">
        <v>4</v>
      </c>
      <c r="KL35" s="103">
        <v>48</v>
      </c>
      <c r="KM35" s="104">
        <v>63</v>
      </c>
    </row>
    <row r="36" spans="2:299" s="70" customFormat="1" ht="21" customHeight="1" x14ac:dyDescent="0.2">
      <c r="B36" s="106" t="s">
        <v>33</v>
      </c>
      <c r="C36" s="96">
        <v>4</v>
      </c>
      <c r="D36" s="97">
        <v>3</v>
      </c>
      <c r="E36" s="98">
        <v>7</v>
      </c>
      <c r="F36" s="413">
        <v>0</v>
      </c>
      <c r="G36" s="97">
        <v>5</v>
      </c>
      <c r="H36" s="97">
        <v>2</v>
      </c>
      <c r="I36" s="97">
        <v>4</v>
      </c>
      <c r="J36" s="97">
        <v>0</v>
      </c>
      <c r="K36" s="97">
        <v>3</v>
      </c>
      <c r="L36" s="99">
        <v>14</v>
      </c>
      <c r="M36" s="100">
        <v>21</v>
      </c>
      <c r="N36" s="101">
        <v>0</v>
      </c>
      <c r="O36" s="102">
        <v>0</v>
      </c>
      <c r="P36" s="103">
        <v>0</v>
      </c>
      <c r="Q36" s="413">
        <v>0</v>
      </c>
      <c r="R36" s="102">
        <v>0</v>
      </c>
      <c r="S36" s="102">
        <v>0</v>
      </c>
      <c r="T36" s="102">
        <v>0</v>
      </c>
      <c r="U36" s="102">
        <v>0</v>
      </c>
      <c r="V36" s="102">
        <v>0</v>
      </c>
      <c r="W36" s="103">
        <v>0</v>
      </c>
      <c r="X36" s="104">
        <v>0</v>
      </c>
      <c r="Y36" s="101">
        <v>0</v>
      </c>
      <c r="Z36" s="102">
        <v>0</v>
      </c>
      <c r="AA36" s="103">
        <v>0</v>
      </c>
      <c r="AB36" s="413">
        <v>0</v>
      </c>
      <c r="AC36" s="102">
        <v>0</v>
      </c>
      <c r="AD36" s="102">
        <v>0</v>
      </c>
      <c r="AE36" s="102">
        <v>0</v>
      </c>
      <c r="AF36" s="102">
        <v>0</v>
      </c>
      <c r="AG36" s="102">
        <v>0</v>
      </c>
      <c r="AH36" s="103">
        <v>0</v>
      </c>
      <c r="AI36" s="104">
        <v>0</v>
      </c>
      <c r="AJ36" s="101">
        <v>2</v>
      </c>
      <c r="AK36" s="102">
        <v>0</v>
      </c>
      <c r="AL36" s="103">
        <v>2</v>
      </c>
      <c r="AM36" s="413">
        <v>0</v>
      </c>
      <c r="AN36" s="102">
        <v>0</v>
      </c>
      <c r="AO36" s="102">
        <v>0</v>
      </c>
      <c r="AP36" s="102">
        <v>0</v>
      </c>
      <c r="AQ36" s="102">
        <v>0</v>
      </c>
      <c r="AR36" s="102">
        <v>0</v>
      </c>
      <c r="AS36" s="103">
        <v>0</v>
      </c>
      <c r="AT36" s="104">
        <v>2</v>
      </c>
      <c r="AU36" s="101">
        <v>1</v>
      </c>
      <c r="AV36" s="102">
        <v>0</v>
      </c>
      <c r="AW36" s="103">
        <v>1</v>
      </c>
      <c r="AX36" s="413">
        <v>0</v>
      </c>
      <c r="AY36" s="102">
        <v>0</v>
      </c>
      <c r="AZ36" s="102">
        <v>1</v>
      </c>
      <c r="BA36" s="102">
        <v>2</v>
      </c>
      <c r="BB36" s="102">
        <v>0</v>
      </c>
      <c r="BC36" s="102">
        <v>1</v>
      </c>
      <c r="BD36" s="103">
        <v>4</v>
      </c>
      <c r="BE36" s="104">
        <v>5</v>
      </c>
      <c r="BF36" s="101">
        <v>0</v>
      </c>
      <c r="BG36" s="102">
        <v>2</v>
      </c>
      <c r="BH36" s="103">
        <v>2</v>
      </c>
      <c r="BI36" s="413">
        <v>0</v>
      </c>
      <c r="BJ36" s="102">
        <v>2</v>
      </c>
      <c r="BK36" s="102">
        <v>0</v>
      </c>
      <c r="BL36" s="102">
        <v>0</v>
      </c>
      <c r="BM36" s="102">
        <v>0</v>
      </c>
      <c r="BN36" s="102">
        <v>0</v>
      </c>
      <c r="BO36" s="103">
        <v>2</v>
      </c>
      <c r="BP36" s="104">
        <v>4</v>
      </c>
      <c r="BQ36" s="101">
        <v>1</v>
      </c>
      <c r="BR36" s="102">
        <v>1</v>
      </c>
      <c r="BS36" s="103">
        <v>2</v>
      </c>
      <c r="BT36" s="413">
        <v>0</v>
      </c>
      <c r="BU36" s="102">
        <v>3</v>
      </c>
      <c r="BV36" s="102">
        <v>1</v>
      </c>
      <c r="BW36" s="102">
        <v>2</v>
      </c>
      <c r="BX36" s="102">
        <v>0</v>
      </c>
      <c r="BY36" s="102">
        <v>2</v>
      </c>
      <c r="BZ36" s="103">
        <v>8</v>
      </c>
      <c r="CA36" s="104">
        <v>10</v>
      </c>
      <c r="CB36" s="101">
        <v>0</v>
      </c>
      <c r="CC36" s="102">
        <v>0</v>
      </c>
      <c r="CD36" s="103">
        <v>0</v>
      </c>
      <c r="CE36" s="413">
        <v>0</v>
      </c>
      <c r="CF36" s="102">
        <v>0</v>
      </c>
      <c r="CG36" s="102">
        <v>0</v>
      </c>
      <c r="CH36" s="102">
        <v>0</v>
      </c>
      <c r="CI36" s="102">
        <v>0</v>
      </c>
      <c r="CJ36" s="102">
        <v>0</v>
      </c>
      <c r="CK36" s="103">
        <v>0</v>
      </c>
      <c r="CL36" s="104">
        <v>0</v>
      </c>
      <c r="CM36" s="101">
        <v>4</v>
      </c>
      <c r="CN36" s="102">
        <v>3</v>
      </c>
      <c r="CO36" s="103">
        <v>7</v>
      </c>
      <c r="CP36" s="413">
        <v>0</v>
      </c>
      <c r="CQ36" s="102">
        <v>5</v>
      </c>
      <c r="CR36" s="102">
        <v>2</v>
      </c>
      <c r="CS36" s="102">
        <v>4</v>
      </c>
      <c r="CT36" s="102">
        <v>0</v>
      </c>
      <c r="CU36" s="102">
        <v>3</v>
      </c>
      <c r="CV36" s="103">
        <v>14</v>
      </c>
      <c r="CW36" s="104">
        <v>21</v>
      </c>
      <c r="CX36" s="105">
        <v>0</v>
      </c>
      <c r="CY36" s="97">
        <v>2</v>
      </c>
      <c r="CZ36" s="98">
        <v>2</v>
      </c>
      <c r="DA36" s="413">
        <v>0</v>
      </c>
      <c r="DB36" s="97">
        <v>1</v>
      </c>
      <c r="DC36" s="97">
        <v>1</v>
      </c>
      <c r="DD36" s="97">
        <v>0</v>
      </c>
      <c r="DE36" s="97">
        <v>0</v>
      </c>
      <c r="DF36" s="97">
        <v>0</v>
      </c>
      <c r="DG36" s="99">
        <v>2</v>
      </c>
      <c r="DH36" s="100">
        <v>4</v>
      </c>
      <c r="DI36" s="101">
        <v>0</v>
      </c>
      <c r="DJ36" s="102">
        <v>0</v>
      </c>
      <c r="DK36" s="103">
        <v>0</v>
      </c>
      <c r="DL36" s="413">
        <v>0</v>
      </c>
      <c r="DM36" s="102">
        <v>0</v>
      </c>
      <c r="DN36" s="102">
        <v>0</v>
      </c>
      <c r="DO36" s="102">
        <v>0</v>
      </c>
      <c r="DP36" s="102">
        <v>0</v>
      </c>
      <c r="DQ36" s="102">
        <v>0</v>
      </c>
      <c r="DR36" s="103">
        <v>0</v>
      </c>
      <c r="DS36" s="104">
        <v>0</v>
      </c>
      <c r="DT36" s="101">
        <v>0</v>
      </c>
      <c r="DU36" s="102">
        <v>1</v>
      </c>
      <c r="DV36" s="103">
        <v>1</v>
      </c>
      <c r="DW36" s="413">
        <v>0</v>
      </c>
      <c r="DX36" s="102">
        <v>0</v>
      </c>
      <c r="DY36" s="102">
        <v>0</v>
      </c>
      <c r="DZ36" s="102">
        <v>0</v>
      </c>
      <c r="EA36" s="102">
        <v>0</v>
      </c>
      <c r="EB36" s="102">
        <v>0</v>
      </c>
      <c r="EC36" s="103">
        <v>0</v>
      </c>
      <c r="ED36" s="104">
        <v>1</v>
      </c>
      <c r="EE36" s="101">
        <v>0</v>
      </c>
      <c r="EF36" s="102">
        <v>0</v>
      </c>
      <c r="EG36" s="103">
        <v>0</v>
      </c>
      <c r="EH36" s="413">
        <v>0</v>
      </c>
      <c r="EI36" s="102">
        <v>0</v>
      </c>
      <c r="EJ36" s="102">
        <v>0</v>
      </c>
      <c r="EK36" s="102">
        <v>0</v>
      </c>
      <c r="EL36" s="102">
        <v>0</v>
      </c>
      <c r="EM36" s="102">
        <v>0</v>
      </c>
      <c r="EN36" s="103">
        <v>0</v>
      </c>
      <c r="EO36" s="104">
        <v>0</v>
      </c>
      <c r="EP36" s="101">
        <v>0</v>
      </c>
      <c r="EQ36" s="102">
        <v>0</v>
      </c>
      <c r="ER36" s="103">
        <v>0</v>
      </c>
      <c r="ES36" s="413">
        <v>0</v>
      </c>
      <c r="ET36" s="102">
        <v>0</v>
      </c>
      <c r="EU36" s="102">
        <v>0</v>
      </c>
      <c r="EV36" s="102">
        <v>0</v>
      </c>
      <c r="EW36" s="102">
        <v>0</v>
      </c>
      <c r="EX36" s="102">
        <v>0</v>
      </c>
      <c r="EY36" s="103">
        <v>0</v>
      </c>
      <c r="EZ36" s="104">
        <v>0</v>
      </c>
      <c r="FA36" s="101">
        <v>0</v>
      </c>
      <c r="FB36" s="102">
        <v>0</v>
      </c>
      <c r="FC36" s="103">
        <v>0</v>
      </c>
      <c r="FD36" s="413">
        <v>0</v>
      </c>
      <c r="FE36" s="102">
        <v>1</v>
      </c>
      <c r="FF36" s="102">
        <v>0</v>
      </c>
      <c r="FG36" s="102">
        <v>0</v>
      </c>
      <c r="FH36" s="102">
        <v>0</v>
      </c>
      <c r="FI36" s="102">
        <v>0</v>
      </c>
      <c r="FJ36" s="103">
        <v>1</v>
      </c>
      <c r="FK36" s="104">
        <v>1</v>
      </c>
      <c r="FL36" s="101">
        <v>0</v>
      </c>
      <c r="FM36" s="102">
        <v>1</v>
      </c>
      <c r="FN36" s="103">
        <v>1</v>
      </c>
      <c r="FO36" s="413">
        <v>0</v>
      </c>
      <c r="FP36" s="102">
        <v>0</v>
      </c>
      <c r="FQ36" s="102">
        <v>1</v>
      </c>
      <c r="FR36" s="102">
        <v>0</v>
      </c>
      <c r="FS36" s="102">
        <v>0</v>
      </c>
      <c r="FT36" s="102">
        <v>0</v>
      </c>
      <c r="FU36" s="103">
        <v>1</v>
      </c>
      <c r="FV36" s="104">
        <v>2</v>
      </c>
      <c r="FW36" s="101">
        <v>0</v>
      </c>
      <c r="FX36" s="102">
        <v>0</v>
      </c>
      <c r="FY36" s="103">
        <v>0</v>
      </c>
      <c r="FZ36" s="413">
        <v>0</v>
      </c>
      <c r="GA36" s="102">
        <v>0</v>
      </c>
      <c r="GB36" s="102">
        <v>0</v>
      </c>
      <c r="GC36" s="102">
        <v>0</v>
      </c>
      <c r="GD36" s="102">
        <v>0</v>
      </c>
      <c r="GE36" s="102">
        <v>0</v>
      </c>
      <c r="GF36" s="103">
        <v>0</v>
      </c>
      <c r="GG36" s="104">
        <v>0</v>
      </c>
      <c r="GH36" s="101">
        <v>0</v>
      </c>
      <c r="GI36" s="102">
        <v>2</v>
      </c>
      <c r="GJ36" s="103">
        <v>2</v>
      </c>
      <c r="GK36" s="413">
        <v>0</v>
      </c>
      <c r="GL36" s="102">
        <v>1</v>
      </c>
      <c r="GM36" s="102">
        <v>1</v>
      </c>
      <c r="GN36" s="102">
        <v>0</v>
      </c>
      <c r="GO36" s="102">
        <v>0</v>
      </c>
      <c r="GP36" s="102">
        <v>0</v>
      </c>
      <c r="GQ36" s="103">
        <v>2</v>
      </c>
      <c r="GR36" s="104">
        <v>4</v>
      </c>
      <c r="GS36" s="105">
        <v>4</v>
      </c>
      <c r="GT36" s="97">
        <v>5</v>
      </c>
      <c r="GU36" s="98">
        <v>9</v>
      </c>
      <c r="GV36" s="413">
        <v>0</v>
      </c>
      <c r="GW36" s="97">
        <v>6</v>
      </c>
      <c r="GX36" s="97">
        <v>3</v>
      </c>
      <c r="GY36" s="97">
        <v>4</v>
      </c>
      <c r="GZ36" s="97">
        <v>0</v>
      </c>
      <c r="HA36" s="97">
        <v>3</v>
      </c>
      <c r="HB36" s="99">
        <v>16</v>
      </c>
      <c r="HC36" s="100">
        <v>25</v>
      </c>
      <c r="HD36" s="101">
        <v>0</v>
      </c>
      <c r="HE36" s="102">
        <v>0</v>
      </c>
      <c r="HF36" s="103">
        <v>0</v>
      </c>
      <c r="HG36" s="413">
        <v>0</v>
      </c>
      <c r="HH36" s="102">
        <v>0</v>
      </c>
      <c r="HI36" s="102">
        <v>0</v>
      </c>
      <c r="HJ36" s="102">
        <v>0</v>
      </c>
      <c r="HK36" s="102">
        <v>0</v>
      </c>
      <c r="HL36" s="102">
        <v>0</v>
      </c>
      <c r="HM36" s="103">
        <v>0</v>
      </c>
      <c r="HN36" s="104">
        <v>0</v>
      </c>
      <c r="HO36" s="101">
        <v>0</v>
      </c>
      <c r="HP36" s="102">
        <v>1</v>
      </c>
      <c r="HQ36" s="103">
        <v>1</v>
      </c>
      <c r="HR36" s="413">
        <v>0</v>
      </c>
      <c r="HS36" s="102">
        <v>0</v>
      </c>
      <c r="HT36" s="102">
        <v>0</v>
      </c>
      <c r="HU36" s="102">
        <v>0</v>
      </c>
      <c r="HV36" s="102">
        <v>0</v>
      </c>
      <c r="HW36" s="102">
        <v>0</v>
      </c>
      <c r="HX36" s="103">
        <v>0</v>
      </c>
      <c r="HY36" s="104">
        <v>1</v>
      </c>
      <c r="HZ36" s="101">
        <v>2</v>
      </c>
      <c r="IA36" s="102">
        <v>0</v>
      </c>
      <c r="IB36" s="103">
        <v>2</v>
      </c>
      <c r="IC36" s="413">
        <v>0</v>
      </c>
      <c r="ID36" s="102">
        <v>0</v>
      </c>
      <c r="IE36" s="102">
        <v>0</v>
      </c>
      <c r="IF36" s="102">
        <v>0</v>
      </c>
      <c r="IG36" s="102">
        <v>0</v>
      </c>
      <c r="IH36" s="102">
        <v>0</v>
      </c>
      <c r="II36" s="103">
        <v>0</v>
      </c>
      <c r="IJ36" s="104">
        <v>2</v>
      </c>
      <c r="IK36" s="101">
        <v>1</v>
      </c>
      <c r="IL36" s="102">
        <v>0</v>
      </c>
      <c r="IM36" s="103">
        <v>1</v>
      </c>
      <c r="IN36" s="413">
        <v>0</v>
      </c>
      <c r="IO36" s="102">
        <v>0</v>
      </c>
      <c r="IP36" s="102">
        <v>1</v>
      </c>
      <c r="IQ36" s="102">
        <v>2</v>
      </c>
      <c r="IR36" s="102">
        <v>0</v>
      </c>
      <c r="IS36" s="102">
        <v>1</v>
      </c>
      <c r="IT36" s="103">
        <v>4</v>
      </c>
      <c r="IU36" s="104">
        <v>5</v>
      </c>
      <c r="IV36" s="101">
        <v>0</v>
      </c>
      <c r="IW36" s="102">
        <v>2</v>
      </c>
      <c r="IX36" s="103">
        <v>2</v>
      </c>
      <c r="IY36" s="413">
        <v>0</v>
      </c>
      <c r="IZ36" s="102">
        <v>3</v>
      </c>
      <c r="JA36" s="102">
        <v>0</v>
      </c>
      <c r="JB36" s="102">
        <v>0</v>
      </c>
      <c r="JC36" s="102">
        <v>0</v>
      </c>
      <c r="JD36" s="102">
        <v>0</v>
      </c>
      <c r="JE36" s="103">
        <v>3</v>
      </c>
      <c r="JF36" s="104">
        <v>5</v>
      </c>
      <c r="JG36" s="101">
        <v>1</v>
      </c>
      <c r="JH36" s="102">
        <v>2</v>
      </c>
      <c r="JI36" s="103">
        <v>3</v>
      </c>
      <c r="JJ36" s="413">
        <v>0</v>
      </c>
      <c r="JK36" s="102">
        <v>3</v>
      </c>
      <c r="JL36" s="102">
        <v>2</v>
      </c>
      <c r="JM36" s="102">
        <v>2</v>
      </c>
      <c r="JN36" s="102">
        <v>0</v>
      </c>
      <c r="JO36" s="102">
        <v>2</v>
      </c>
      <c r="JP36" s="103">
        <v>9</v>
      </c>
      <c r="JQ36" s="104">
        <v>12</v>
      </c>
      <c r="JR36" s="101">
        <v>0</v>
      </c>
      <c r="JS36" s="102">
        <v>0</v>
      </c>
      <c r="JT36" s="103">
        <v>0</v>
      </c>
      <c r="JU36" s="413">
        <v>0</v>
      </c>
      <c r="JV36" s="102">
        <v>0</v>
      </c>
      <c r="JW36" s="102">
        <v>0</v>
      </c>
      <c r="JX36" s="102">
        <v>0</v>
      </c>
      <c r="JY36" s="102">
        <v>0</v>
      </c>
      <c r="JZ36" s="102">
        <v>0</v>
      </c>
      <c r="KA36" s="103">
        <v>0</v>
      </c>
      <c r="KB36" s="104">
        <v>0</v>
      </c>
      <c r="KC36" s="101">
        <v>4</v>
      </c>
      <c r="KD36" s="102">
        <v>5</v>
      </c>
      <c r="KE36" s="103">
        <v>9</v>
      </c>
      <c r="KF36" s="413">
        <v>0</v>
      </c>
      <c r="KG36" s="102">
        <v>6</v>
      </c>
      <c r="KH36" s="102">
        <v>3</v>
      </c>
      <c r="KI36" s="102">
        <v>4</v>
      </c>
      <c r="KJ36" s="102">
        <v>0</v>
      </c>
      <c r="KK36" s="102">
        <v>3</v>
      </c>
      <c r="KL36" s="103">
        <v>16</v>
      </c>
      <c r="KM36" s="104">
        <v>25</v>
      </c>
    </row>
    <row r="37" spans="2:299" s="70" customFormat="1" ht="21" customHeight="1" x14ac:dyDescent="0.2">
      <c r="B37" s="106" t="s">
        <v>34</v>
      </c>
      <c r="C37" s="96">
        <v>3</v>
      </c>
      <c r="D37" s="97">
        <v>2</v>
      </c>
      <c r="E37" s="98">
        <v>5</v>
      </c>
      <c r="F37" s="413">
        <v>0</v>
      </c>
      <c r="G37" s="97">
        <v>4</v>
      </c>
      <c r="H37" s="97">
        <v>8</v>
      </c>
      <c r="I37" s="97">
        <v>3</v>
      </c>
      <c r="J37" s="97">
        <v>1</v>
      </c>
      <c r="K37" s="97">
        <v>1</v>
      </c>
      <c r="L37" s="99">
        <v>17</v>
      </c>
      <c r="M37" s="100">
        <v>22</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0</v>
      </c>
      <c r="AD37" s="102">
        <v>0</v>
      </c>
      <c r="AE37" s="102">
        <v>0</v>
      </c>
      <c r="AF37" s="102">
        <v>0</v>
      </c>
      <c r="AG37" s="102">
        <v>0</v>
      </c>
      <c r="AH37" s="103">
        <v>0</v>
      </c>
      <c r="AI37" s="104">
        <v>0</v>
      </c>
      <c r="AJ37" s="101">
        <v>0</v>
      </c>
      <c r="AK37" s="102">
        <v>0</v>
      </c>
      <c r="AL37" s="103">
        <v>0</v>
      </c>
      <c r="AM37" s="413">
        <v>0</v>
      </c>
      <c r="AN37" s="102">
        <v>0</v>
      </c>
      <c r="AO37" s="102">
        <v>0</v>
      </c>
      <c r="AP37" s="102">
        <v>0</v>
      </c>
      <c r="AQ37" s="102">
        <v>0</v>
      </c>
      <c r="AR37" s="102">
        <v>0</v>
      </c>
      <c r="AS37" s="103">
        <v>0</v>
      </c>
      <c r="AT37" s="104">
        <v>0</v>
      </c>
      <c r="AU37" s="101">
        <v>1</v>
      </c>
      <c r="AV37" s="102">
        <v>1</v>
      </c>
      <c r="AW37" s="103">
        <v>2</v>
      </c>
      <c r="AX37" s="413">
        <v>0</v>
      </c>
      <c r="AY37" s="102">
        <v>0</v>
      </c>
      <c r="AZ37" s="102">
        <v>5</v>
      </c>
      <c r="BA37" s="102">
        <v>0</v>
      </c>
      <c r="BB37" s="102">
        <v>0</v>
      </c>
      <c r="BC37" s="102">
        <v>0</v>
      </c>
      <c r="BD37" s="103">
        <v>5</v>
      </c>
      <c r="BE37" s="104">
        <v>7</v>
      </c>
      <c r="BF37" s="101">
        <v>2</v>
      </c>
      <c r="BG37" s="102">
        <v>1</v>
      </c>
      <c r="BH37" s="103">
        <v>3</v>
      </c>
      <c r="BI37" s="413">
        <v>0</v>
      </c>
      <c r="BJ37" s="102">
        <v>2</v>
      </c>
      <c r="BK37" s="102">
        <v>0</v>
      </c>
      <c r="BL37" s="102">
        <v>3</v>
      </c>
      <c r="BM37" s="102">
        <v>1</v>
      </c>
      <c r="BN37" s="102">
        <v>0</v>
      </c>
      <c r="BO37" s="103">
        <v>6</v>
      </c>
      <c r="BP37" s="104">
        <v>9</v>
      </c>
      <c r="BQ37" s="101">
        <v>0</v>
      </c>
      <c r="BR37" s="102">
        <v>0</v>
      </c>
      <c r="BS37" s="103">
        <v>0</v>
      </c>
      <c r="BT37" s="413">
        <v>0</v>
      </c>
      <c r="BU37" s="102">
        <v>2</v>
      </c>
      <c r="BV37" s="102">
        <v>3</v>
      </c>
      <c r="BW37" s="102">
        <v>0</v>
      </c>
      <c r="BX37" s="102">
        <v>0</v>
      </c>
      <c r="BY37" s="102">
        <v>1</v>
      </c>
      <c r="BZ37" s="103">
        <v>6</v>
      </c>
      <c r="CA37" s="104">
        <v>6</v>
      </c>
      <c r="CB37" s="101">
        <v>0</v>
      </c>
      <c r="CC37" s="102">
        <v>0</v>
      </c>
      <c r="CD37" s="103">
        <v>0</v>
      </c>
      <c r="CE37" s="413">
        <v>0</v>
      </c>
      <c r="CF37" s="102">
        <v>0</v>
      </c>
      <c r="CG37" s="102">
        <v>0</v>
      </c>
      <c r="CH37" s="102">
        <v>0</v>
      </c>
      <c r="CI37" s="102">
        <v>0</v>
      </c>
      <c r="CJ37" s="102">
        <v>0</v>
      </c>
      <c r="CK37" s="103">
        <v>0</v>
      </c>
      <c r="CL37" s="104">
        <v>0</v>
      </c>
      <c r="CM37" s="101">
        <v>3</v>
      </c>
      <c r="CN37" s="102">
        <v>2</v>
      </c>
      <c r="CO37" s="103">
        <v>5</v>
      </c>
      <c r="CP37" s="413">
        <v>0</v>
      </c>
      <c r="CQ37" s="102">
        <v>4</v>
      </c>
      <c r="CR37" s="102">
        <v>8</v>
      </c>
      <c r="CS37" s="102">
        <v>3</v>
      </c>
      <c r="CT37" s="102">
        <v>1</v>
      </c>
      <c r="CU37" s="102">
        <v>1</v>
      </c>
      <c r="CV37" s="103">
        <v>17</v>
      </c>
      <c r="CW37" s="104">
        <v>22</v>
      </c>
      <c r="CX37" s="105">
        <v>1</v>
      </c>
      <c r="CY37" s="97">
        <v>0</v>
      </c>
      <c r="CZ37" s="98">
        <v>1</v>
      </c>
      <c r="DA37" s="413">
        <v>0</v>
      </c>
      <c r="DB37" s="97">
        <v>0</v>
      </c>
      <c r="DC37" s="97">
        <v>0</v>
      </c>
      <c r="DD37" s="97">
        <v>1</v>
      </c>
      <c r="DE37" s="97">
        <v>1</v>
      </c>
      <c r="DF37" s="97">
        <v>1</v>
      </c>
      <c r="DG37" s="99">
        <v>3</v>
      </c>
      <c r="DH37" s="100">
        <v>4</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1</v>
      </c>
      <c r="EB37" s="102">
        <v>0</v>
      </c>
      <c r="EC37" s="103">
        <v>1</v>
      </c>
      <c r="ED37" s="104">
        <v>1</v>
      </c>
      <c r="EE37" s="101">
        <v>0</v>
      </c>
      <c r="EF37" s="102">
        <v>0</v>
      </c>
      <c r="EG37" s="103">
        <v>0</v>
      </c>
      <c r="EH37" s="413">
        <v>0</v>
      </c>
      <c r="EI37" s="102">
        <v>0</v>
      </c>
      <c r="EJ37" s="102">
        <v>0</v>
      </c>
      <c r="EK37" s="102">
        <v>0</v>
      </c>
      <c r="EL37" s="102">
        <v>0</v>
      </c>
      <c r="EM37" s="102">
        <v>0</v>
      </c>
      <c r="EN37" s="103">
        <v>0</v>
      </c>
      <c r="EO37" s="104">
        <v>0</v>
      </c>
      <c r="EP37" s="101">
        <v>0</v>
      </c>
      <c r="EQ37" s="102">
        <v>0</v>
      </c>
      <c r="ER37" s="103">
        <v>0</v>
      </c>
      <c r="ES37" s="413">
        <v>0</v>
      </c>
      <c r="ET37" s="102">
        <v>0</v>
      </c>
      <c r="EU37" s="102">
        <v>0</v>
      </c>
      <c r="EV37" s="102">
        <v>0</v>
      </c>
      <c r="EW37" s="102">
        <v>0</v>
      </c>
      <c r="EX37" s="102">
        <v>0</v>
      </c>
      <c r="EY37" s="103">
        <v>0</v>
      </c>
      <c r="EZ37" s="104">
        <v>0</v>
      </c>
      <c r="FA37" s="101">
        <v>1</v>
      </c>
      <c r="FB37" s="102">
        <v>0</v>
      </c>
      <c r="FC37" s="103">
        <v>1</v>
      </c>
      <c r="FD37" s="413">
        <v>0</v>
      </c>
      <c r="FE37" s="102">
        <v>0</v>
      </c>
      <c r="FF37" s="102">
        <v>0</v>
      </c>
      <c r="FG37" s="102">
        <v>1</v>
      </c>
      <c r="FH37" s="102">
        <v>0</v>
      </c>
      <c r="FI37" s="102">
        <v>0</v>
      </c>
      <c r="FJ37" s="103">
        <v>1</v>
      </c>
      <c r="FK37" s="104">
        <v>2</v>
      </c>
      <c r="FL37" s="101">
        <v>0</v>
      </c>
      <c r="FM37" s="102">
        <v>0</v>
      </c>
      <c r="FN37" s="103">
        <v>0</v>
      </c>
      <c r="FO37" s="413">
        <v>0</v>
      </c>
      <c r="FP37" s="102">
        <v>0</v>
      </c>
      <c r="FQ37" s="102">
        <v>0</v>
      </c>
      <c r="FR37" s="102">
        <v>0</v>
      </c>
      <c r="FS37" s="102">
        <v>0</v>
      </c>
      <c r="FT37" s="102">
        <v>1</v>
      </c>
      <c r="FU37" s="103">
        <v>1</v>
      </c>
      <c r="FV37" s="104">
        <v>1</v>
      </c>
      <c r="FW37" s="101">
        <v>0</v>
      </c>
      <c r="FX37" s="102">
        <v>0</v>
      </c>
      <c r="FY37" s="103">
        <v>0</v>
      </c>
      <c r="FZ37" s="413">
        <v>0</v>
      </c>
      <c r="GA37" s="102">
        <v>0</v>
      </c>
      <c r="GB37" s="102">
        <v>0</v>
      </c>
      <c r="GC37" s="102">
        <v>0</v>
      </c>
      <c r="GD37" s="102">
        <v>0</v>
      </c>
      <c r="GE37" s="102">
        <v>0</v>
      </c>
      <c r="GF37" s="103">
        <v>0</v>
      </c>
      <c r="GG37" s="104">
        <v>0</v>
      </c>
      <c r="GH37" s="101">
        <v>1</v>
      </c>
      <c r="GI37" s="102">
        <v>0</v>
      </c>
      <c r="GJ37" s="103">
        <v>1</v>
      </c>
      <c r="GK37" s="413">
        <v>0</v>
      </c>
      <c r="GL37" s="102">
        <v>0</v>
      </c>
      <c r="GM37" s="102">
        <v>0</v>
      </c>
      <c r="GN37" s="102">
        <v>1</v>
      </c>
      <c r="GO37" s="102">
        <v>1</v>
      </c>
      <c r="GP37" s="102">
        <v>1</v>
      </c>
      <c r="GQ37" s="103">
        <v>3</v>
      </c>
      <c r="GR37" s="104">
        <v>4</v>
      </c>
      <c r="GS37" s="105">
        <v>4</v>
      </c>
      <c r="GT37" s="97">
        <v>2</v>
      </c>
      <c r="GU37" s="98">
        <v>6</v>
      </c>
      <c r="GV37" s="413">
        <v>0</v>
      </c>
      <c r="GW37" s="97">
        <v>4</v>
      </c>
      <c r="GX37" s="97">
        <v>8</v>
      </c>
      <c r="GY37" s="97">
        <v>4</v>
      </c>
      <c r="GZ37" s="97">
        <v>2</v>
      </c>
      <c r="HA37" s="97">
        <v>2</v>
      </c>
      <c r="HB37" s="99">
        <v>20</v>
      </c>
      <c r="HC37" s="100">
        <v>26</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0</v>
      </c>
      <c r="HT37" s="102">
        <v>0</v>
      </c>
      <c r="HU37" s="102">
        <v>0</v>
      </c>
      <c r="HV37" s="102">
        <v>1</v>
      </c>
      <c r="HW37" s="102">
        <v>0</v>
      </c>
      <c r="HX37" s="103">
        <v>1</v>
      </c>
      <c r="HY37" s="104">
        <v>1</v>
      </c>
      <c r="HZ37" s="101">
        <v>0</v>
      </c>
      <c r="IA37" s="102">
        <v>0</v>
      </c>
      <c r="IB37" s="103">
        <v>0</v>
      </c>
      <c r="IC37" s="413">
        <v>0</v>
      </c>
      <c r="ID37" s="102">
        <v>0</v>
      </c>
      <c r="IE37" s="102">
        <v>0</v>
      </c>
      <c r="IF37" s="102">
        <v>0</v>
      </c>
      <c r="IG37" s="102">
        <v>0</v>
      </c>
      <c r="IH37" s="102">
        <v>0</v>
      </c>
      <c r="II37" s="103">
        <v>0</v>
      </c>
      <c r="IJ37" s="104">
        <v>0</v>
      </c>
      <c r="IK37" s="101">
        <v>1</v>
      </c>
      <c r="IL37" s="102">
        <v>1</v>
      </c>
      <c r="IM37" s="103">
        <v>2</v>
      </c>
      <c r="IN37" s="413">
        <v>0</v>
      </c>
      <c r="IO37" s="102">
        <v>0</v>
      </c>
      <c r="IP37" s="102">
        <v>5</v>
      </c>
      <c r="IQ37" s="102">
        <v>0</v>
      </c>
      <c r="IR37" s="102">
        <v>0</v>
      </c>
      <c r="IS37" s="102">
        <v>0</v>
      </c>
      <c r="IT37" s="103">
        <v>5</v>
      </c>
      <c r="IU37" s="104">
        <v>7</v>
      </c>
      <c r="IV37" s="101">
        <v>3</v>
      </c>
      <c r="IW37" s="102">
        <v>1</v>
      </c>
      <c r="IX37" s="103">
        <v>4</v>
      </c>
      <c r="IY37" s="413">
        <v>0</v>
      </c>
      <c r="IZ37" s="102">
        <v>2</v>
      </c>
      <c r="JA37" s="102">
        <v>0</v>
      </c>
      <c r="JB37" s="102">
        <v>4</v>
      </c>
      <c r="JC37" s="102">
        <v>1</v>
      </c>
      <c r="JD37" s="102">
        <v>0</v>
      </c>
      <c r="JE37" s="103">
        <v>7</v>
      </c>
      <c r="JF37" s="104">
        <v>11</v>
      </c>
      <c r="JG37" s="101">
        <v>0</v>
      </c>
      <c r="JH37" s="102">
        <v>0</v>
      </c>
      <c r="JI37" s="103">
        <v>0</v>
      </c>
      <c r="JJ37" s="413">
        <v>0</v>
      </c>
      <c r="JK37" s="102">
        <v>2</v>
      </c>
      <c r="JL37" s="102">
        <v>3</v>
      </c>
      <c r="JM37" s="102">
        <v>0</v>
      </c>
      <c r="JN37" s="102">
        <v>0</v>
      </c>
      <c r="JO37" s="102">
        <v>2</v>
      </c>
      <c r="JP37" s="103">
        <v>7</v>
      </c>
      <c r="JQ37" s="104">
        <v>7</v>
      </c>
      <c r="JR37" s="101">
        <v>0</v>
      </c>
      <c r="JS37" s="102">
        <v>0</v>
      </c>
      <c r="JT37" s="103">
        <v>0</v>
      </c>
      <c r="JU37" s="413">
        <v>0</v>
      </c>
      <c r="JV37" s="102">
        <v>0</v>
      </c>
      <c r="JW37" s="102">
        <v>0</v>
      </c>
      <c r="JX37" s="102">
        <v>0</v>
      </c>
      <c r="JY37" s="102">
        <v>0</v>
      </c>
      <c r="JZ37" s="102">
        <v>0</v>
      </c>
      <c r="KA37" s="103">
        <v>0</v>
      </c>
      <c r="KB37" s="104">
        <v>0</v>
      </c>
      <c r="KC37" s="101">
        <v>4</v>
      </c>
      <c r="KD37" s="102">
        <v>2</v>
      </c>
      <c r="KE37" s="103">
        <v>6</v>
      </c>
      <c r="KF37" s="413">
        <v>0</v>
      </c>
      <c r="KG37" s="102">
        <v>4</v>
      </c>
      <c r="KH37" s="102">
        <v>8</v>
      </c>
      <c r="KI37" s="102">
        <v>4</v>
      </c>
      <c r="KJ37" s="102">
        <v>2</v>
      </c>
      <c r="KK37" s="102">
        <v>2</v>
      </c>
      <c r="KL37" s="103">
        <v>20</v>
      </c>
      <c r="KM37" s="104">
        <v>26</v>
      </c>
    </row>
    <row r="38" spans="2:299" s="70" customFormat="1" ht="21" customHeight="1" x14ac:dyDescent="0.2">
      <c r="B38" s="106" t="s">
        <v>35</v>
      </c>
      <c r="C38" s="96">
        <v>6</v>
      </c>
      <c r="D38" s="97">
        <v>3</v>
      </c>
      <c r="E38" s="98">
        <v>9</v>
      </c>
      <c r="F38" s="413">
        <v>0</v>
      </c>
      <c r="G38" s="97">
        <v>15</v>
      </c>
      <c r="H38" s="97">
        <v>6</v>
      </c>
      <c r="I38" s="97">
        <v>7</v>
      </c>
      <c r="J38" s="97">
        <v>7</v>
      </c>
      <c r="K38" s="97">
        <v>4</v>
      </c>
      <c r="L38" s="99">
        <v>39</v>
      </c>
      <c r="M38" s="100">
        <v>48</v>
      </c>
      <c r="N38" s="101">
        <v>0</v>
      </c>
      <c r="O38" s="102">
        <v>0</v>
      </c>
      <c r="P38" s="103">
        <v>0</v>
      </c>
      <c r="Q38" s="413">
        <v>0</v>
      </c>
      <c r="R38" s="102">
        <v>1</v>
      </c>
      <c r="S38" s="102">
        <v>0</v>
      </c>
      <c r="T38" s="102">
        <v>1</v>
      </c>
      <c r="U38" s="102">
        <v>0</v>
      </c>
      <c r="V38" s="102">
        <v>0</v>
      </c>
      <c r="W38" s="103">
        <v>2</v>
      </c>
      <c r="X38" s="104">
        <v>2</v>
      </c>
      <c r="Y38" s="101">
        <v>0</v>
      </c>
      <c r="Z38" s="102">
        <v>0</v>
      </c>
      <c r="AA38" s="103">
        <v>0</v>
      </c>
      <c r="AB38" s="413">
        <v>0</v>
      </c>
      <c r="AC38" s="102">
        <v>0</v>
      </c>
      <c r="AD38" s="102">
        <v>0</v>
      </c>
      <c r="AE38" s="102">
        <v>0</v>
      </c>
      <c r="AF38" s="102">
        <v>0</v>
      </c>
      <c r="AG38" s="102">
        <v>0</v>
      </c>
      <c r="AH38" s="103">
        <v>0</v>
      </c>
      <c r="AI38" s="104">
        <v>0</v>
      </c>
      <c r="AJ38" s="101">
        <v>1</v>
      </c>
      <c r="AK38" s="102">
        <v>1</v>
      </c>
      <c r="AL38" s="103">
        <v>2</v>
      </c>
      <c r="AM38" s="413">
        <v>0</v>
      </c>
      <c r="AN38" s="102">
        <v>1</v>
      </c>
      <c r="AO38" s="102">
        <v>0</v>
      </c>
      <c r="AP38" s="102">
        <v>1</v>
      </c>
      <c r="AQ38" s="102">
        <v>0</v>
      </c>
      <c r="AR38" s="102">
        <v>1</v>
      </c>
      <c r="AS38" s="103">
        <v>3</v>
      </c>
      <c r="AT38" s="104">
        <v>5</v>
      </c>
      <c r="AU38" s="101">
        <v>2</v>
      </c>
      <c r="AV38" s="102">
        <v>1</v>
      </c>
      <c r="AW38" s="103">
        <v>3</v>
      </c>
      <c r="AX38" s="413">
        <v>0</v>
      </c>
      <c r="AY38" s="102">
        <v>2</v>
      </c>
      <c r="AZ38" s="102">
        <v>0</v>
      </c>
      <c r="BA38" s="102">
        <v>1</v>
      </c>
      <c r="BB38" s="102">
        <v>1</v>
      </c>
      <c r="BC38" s="102">
        <v>0</v>
      </c>
      <c r="BD38" s="103">
        <v>4</v>
      </c>
      <c r="BE38" s="104">
        <v>7</v>
      </c>
      <c r="BF38" s="101">
        <v>2</v>
      </c>
      <c r="BG38" s="102">
        <v>0</v>
      </c>
      <c r="BH38" s="103">
        <v>2</v>
      </c>
      <c r="BI38" s="413">
        <v>0</v>
      </c>
      <c r="BJ38" s="102">
        <v>6</v>
      </c>
      <c r="BK38" s="102">
        <v>1</v>
      </c>
      <c r="BL38" s="102">
        <v>1</v>
      </c>
      <c r="BM38" s="102">
        <v>1</v>
      </c>
      <c r="BN38" s="102">
        <v>1</v>
      </c>
      <c r="BO38" s="103">
        <v>10</v>
      </c>
      <c r="BP38" s="104">
        <v>12</v>
      </c>
      <c r="BQ38" s="101">
        <v>1</v>
      </c>
      <c r="BR38" s="102">
        <v>1</v>
      </c>
      <c r="BS38" s="103">
        <v>2</v>
      </c>
      <c r="BT38" s="413">
        <v>0</v>
      </c>
      <c r="BU38" s="102">
        <v>5</v>
      </c>
      <c r="BV38" s="102">
        <v>5</v>
      </c>
      <c r="BW38" s="102">
        <v>3</v>
      </c>
      <c r="BX38" s="102">
        <v>5</v>
      </c>
      <c r="BY38" s="102">
        <v>2</v>
      </c>
      <c r="BZ38" s="103">
        <v>20</v>
      </c>
      <c r="CA38" s="104">
        <v>22</v>
      </c>
      <c r="CB38" s="101">
        <v>0</v>
      </c>
      <c r="CC38" s="102">
        <v>0</v>
      </c>
      <c r="CD38" s="103">
        <v>0</v>
      </c>
      <c r="CE38" s="413">
        <v>0</v>
      </c>
      <c r="CF38" s="102">
        <v>0</v>
      </c>
      <c r="CG38" s="102">
        <v>0</v>
      </c>
      <c r="CH38" s="102">
        <v>0</v>
      </c>
      <c r="CI38" s="102">
        <v>0</v>
      </c>
      <c r="CJ38" s="102">
        <v>0</v>
      </c>
      <c r="CK38" s="103">
        <v>0</v>
      </c>
      <c r="CL38" s="104">
        <v>0</v>
      </c>
      <c r="CM38" s="101">
        <v>6</v>
      </c>
      <c r="CN38" s="102">
        <v>3</v>
      </c>
      <c r="CO38" s="103">
        <v>9</v>
      </c>
      <c r="CP38" s="413">
        <v>0</v>
      </c>
      <c r="CQ38" s="102">
        <v>15</v>
      </c>
      <c r="CR38" s="102">
        <v>6</v>
      </c>
      <c r="CS38" s="102">
        <v>7</v>
      </c>
      <c r="CT38" s="102">
        <v>7</v>
      </c>
      <c r="CU38" s="102">
        <v>4</v>
      </c>
      <c r="CV38" s="103">
        <v>39</v>
      </c>
      <c r="CW38" s="104">
        <v>48</v>
      </c>
      <c r="CX38" s="105">
        <v>1</v>
      </c>
      <c r="CY38" s="97">
        <v>0</v>
      </c>
      <c r="CZ38" s="98">
        <v>1</v>
      </c>
      <c r="DA38" s="413">
        <v>0</v>
      </c>
      <c r="DB38" s="97">
        <v>5</v>
      </c>
      <c r="DC38" s="97">
        <v>2</v>
      </c>
      <c r="DD38" s="97">
        <v>4</v>
      </c>
      <c r="DE38" s="97">
        <v>2</v>
      </c>
      <c r="DF38" s="97">
        <v>2</v>
      </c>
      <c r="DG38" s="99">
        <v>15</v>
      </c>
      <c r="DH38" s="100">
        <v>16</v>
      </c>
      <c r="DI38" s="101">
        <v>0</v>
      </c>
      <c r="DJ38" s="102">
        <v>0</v>
      </c>
      <c r="DK38" s="103">
        <v>0</v>
      </c>
      <c r="DL38" s="413">
        <v>0</v>
      </c>
      <c r="DM38" s="102">
        <v>0</v>
      </c>
      <c r="DN38" s="102">
        <v>0</v>
      </c>
      <c r="DO38" s="102">
        <v>0</v>
      </c>
      <c r="DP38" s="102">
        <v>0</v>
      </c>
      <c r="DQ38" s="102">
        <v>0</v>
      </c>
      <c r="DR38" s="103">
        <v>0</v>
      </c>
      <c r="DS38" s="104">
        <v>0</v>
      </c>
      <c r="DT38" s="101">
        <v>0</v>
      </c>
      <c r="DU38" s="102">
        <v>0</v>
      </c>
      <c r="DV38" s="103">
        <v>0</v>
      </c>
      <c r="DW38" s="413">
        <v>0</v>
      </c>
      <c r="DX38" s="102">
        <v>0</v>
      </c>
      <c r="DY38" s="102">
        <v>0</v>
      </c>
      <c r="DZ38" s="102">
        <v>1</v>
      </c>
      <c r="EA38" s="102">
        <v>0</v>
      </c>
      <c r="EB38" s="102">
        <v>0</v>
      </c>
      <c r="EC38" s="103">
        <v>1</v>
      </c>
      <c r="ED38" s="104">
        <v>1</v>
      </c>
      <c r="EE38" s="101">
        <v>0</v>
      </c>
      <c r="EF38" s="102">
        <v>0</v>
      </c>
      <c r="EG38" s="103">
        <v>0</v>
      </c>
      <c r="EH38" s="413">
        <v>0</v>
      </c>
      <c r="EI38" s="102">
        <v>0</v>
      </c>
      <c r="EJ38" s="102">
        <v>0</v>
      </c>
      <c r="EK38" s="102">
        <v>1</v>
      </c>
      <c r="EL38" s="102">
        <v>0</v>
      </c>
      <c r="EM38" s="102">
        <v>1</v>
      </c>
      <c r="EN38" s="103">
        <v>2</v>
      </c>
      <c r="EO38" s="104">
        <v>2</v>
      </c>
      <c r="EP38" s="101">
        <v>1</v>
      </c>
      <c r="EQ38" s="102">
        <v>0</v>
      </c>
      <c r="ER38" s="103">
        <v>1</v>
      </c>
      <c r="ES38" s="413">
        <v>0</v>
      </c>
      <c r="ET38" s="102">
        <v>1</v>
      </c>
      <c r="EU38" s="102">
        <v>0</v>
      </c>
      <c r="EV38" s="102">
        <v>1</v>
      </c>
      <c r="EW38" s="102">
        <v>0</v>
      </c>
      <c r="EX38" s="102">
        <v>0</v>
      </c>
      <c r="EY38" s="103">
        <v>2</v>
      </c>
      <c r="EZ38" s="104">
        <v>3</v>
      </c>
      <c r="FA38" s="101">
        <v>0</v>
      </c>
      <c r="FB38" s="102">
        <v>0</v>
      </c>
      <c r="FC38" s="103">
        <v>0</v>
      </c>
      <c r="FD38" s="413">
        <v>0</v>
      </c>
      <c r="FE38" s="102">
        <v>3</v>
      </c>
      <c r="FF38" s="102">
        <v>0</v>
      </c>
      <c r="FG38" s="102">
        <v>0</v>
      </c>
      <c r="FH38" s="102">
        <v>0</v>
      </c>
      <c r="FI38" s="102">
        <v>1</v>
      </c>
      <c r="FJ38" s="103">
        <v>4</v>
      </c>
      <c r="FK38" s="104">
        <v>4</v>
      </c>
      <c r="FL38" s="101">
        <v>0</v>
      </c>
      <c r="FM38" s="102">
        <v>0</v>
      </c>
      <c r="FN38" s="103">
        <v>0</v>
      </c>
      <c r="FO38" s="413">
        <v>0</v>
      </c>
      <c r="FP38" s="102">
        <v>1</v>
      </c>
      <c r="FQ38" s="102">
        <v>2</v>
      </c>
      <c r="FR38" s="102">
        <v>1</v>
      </c>
      <c r="FS38" s="102">
        <v>2</v>
      </c>
      <c r="FT38" s="102">
        <v>0</v>
      </c>
      <c r="FU38" s="103">
        <v>6</v>
      </c>
      <c r="FV38" s="104">
        <v>6</v>
      </c>
      <c r="FW38" s="101">
        <v>0</v>
      </c>
      <c r="FX38" s="102">
        <v>0</v>
      </c>
      <c r="FY38" s="103">
        <v>0</v>
      </c>
      <c r="FZ38" s="413">
        <v>0</v>
      </c>
      <c r="GA38" s="102">
        <v>0</v>
      </c>
      <c r="GB38" s="102">
        <v>0</v>
      </c>
      <c r="GC38" s="102">
        <v>0</v>
      </c>
      <c r="GD38" s="102">
        <v>0</v>
      </c>
      <c r="GE38" s="102">
        <v>0</v>
      </c>
      <c r="GF38" s="103">
        <v>0</v>
      </c>
      <c r="GG38" s="104">
        <v>0</v>
      </c>
      <c r="GH38" s="101">
        <v>1</v>
      </c>
      <c r="GI38" s="102">
        <v>0</v>
      </c>
      <c r="GJ38" s="103">
        <v>1</v>
      </c>
      <c r="GK38" s="413">
        <v>0</v>
      </c>
      <c r="GL38" s="102">
        <v>5</v>
      </c>
      <c r="GM38" s="102">
        <v>2</v>
      </c>
      <c r="GN38" s="102">
        <v>4</v>
      </c>
      <c r="GO38" s="102">
        <v>2</v>
      </c>
      <c r="GP38" s="102">
        <v>2</v>
      </c>
      <c r="GQ38" s="103">
        <v>15</v>
      </c>
      <c r="GR38" s="104">
        <v>16</v>
      </c>
      <c r="GS38" s="105">
        <v>7</v>
      </c>
      <c r="GT38" s="97">
        <v>3</v>
      </c>
      <c r="GU38" s="98">
        <v>10</v>
      </c>
      <c r="GV38" s="413">
        <v>0</v>
      </c>
      <c r="GW38" s="97">
        <v>20</v>
      </c>
      <c r="GX38" s="97">
        <v>8</v>
      </c>
      <c r="GY38" s="97">
        <v>11</v>
      </c>
      <c r="GZ38" s="97">
        <v>9</v>
      </c>
      <c r="HA38" s="97">
        <v>6</v>
      </c>
      <c r="HB38" s="99">
        <v>54</v>
      </c>
      <c r="HC38" s="100">
        <v>64</v>
      </c>
      <c r="HD38" s="101">
        <v>0</v>
      </c>
      <c r="HE38" s="102">
        <v>0</v>
      </c>
      <c r="HF38" s="103">
        <v>0</v>
      </c>
      <c r="HG38" s="413">
        <v>0</v>
      </c>
      <c r="HH38" s="102">
        <v>1</v>
      </c>
      <c r="HI38" s="102">
        <v>0</v>
      </c>
      <c r="HJ38" s="102">
        <v>1</v>
      </c>
      <c r="HK38" s="102">
        <v>0</v>
      </c>
      <c r="HL38" s="102">
        <v>0</v>
      </c>
      <c r="HM38" s="103">
        <v>2</v>
      </c>
      <c r="HN38" s="104">
        <v>2</v>
      </c>
      <c r="HO38" s="101">
        <v>0</v>
      </c>
      <c r="HP38" s="102">
        <v>0</v>
      </c>
      <c r="HQ38" s="103">
        <v>0</v>
      </c>
      <c r="HR38" s="413">
        <v>0</v>
      </c>
      <c r="HS38" s="102">
        <v>0</v>
      </c>
      <c r="HT38" s="102">
        <v>0</v>
      </c>
      <c r="HU38" s="102">
        <v>1</v>
      </c>
      <c r="HV38" s="102">
        <v>0</v>
      </c>
      <c r="HW38" s="102">
        <v>0</v>
      </c>
      <c r="HX38" s="103">
        <v>1</v>
      </c>
      <c r="HY38" s="104">
        <v>1</v>
      </c>
      <c r="HZ38" s="101">
        <v>1</v>
      </c>
      <c r="IA38" s="102">
        <v>1</v>
      </c>
      <c r="IB38" s="103">
        <v>2</v>
      </c>
      <c r="IC38" s="413">
        <v>0</v>
      </c>
      <c r="ID38" s="102">
        <v>1</v>
      </c>
      <c r="IE38" s="102">
        <v>0</v>
      </c>
      <c r="IF38" s="102">
        <v>2</v>
      </c>
      <c r="IG38" s="102">
        <v>0</v>
      </c>
      <c r="IH38" s="102">
        <v>2</v>
      </c>
      <c r="II38" s="103">
        <v>5</v>
      </c>
      <c r="IJ38" s="104">
        <v>7</v>
      </c>
      <c r="IK38" s="101">
        <v>3</v>
      </c>
      <c r="IL38" s="102">
        <v>1</v>
      </c>
      <c r="IM38" s="103">
        <v>4</v>
      </c>
      <c r="IN38" s="413">
        <v>0</v>
      </c>
      <c r="IO38" s="102">
        <v>3</v>
      </c>
      <c r="IP38" s="102">
        <v>0</v>
      </c>
      <c r="IQ38" s="102">
        <v>2</v>
      </c>
      <c r="IR38" s="102">
        <v>1</v>
      </c>
      <c r="IS38" s="102">
        <v>0</v>
      </c>
      <c r="IT38" s="103">
        <v>6</v>
      </c>
      <c r="IU38" s="104">
        <v>10</v>
      </c>
      <c r="IV38" s="101">
        <v>2</v>
      </c>
      <c r="IW38" s="102">
        <v>0</v>
      </c>
      <c r="IX38" s="103">
        <v>2</v>
      </c>
      <c r="IY38" s="413">
        <v>0</v>
      </c>
      <c r="IZ38" s="102">
        <v>9</v>
      </c>
      <c r="JA38" s="102">
        <v>1</v>
      </c>
      <c r="JB38" s="102">
        <v>1</v>
      </c>
      <c r="JC38" s="102">
        <v>1</v>
      </c>
      <c r="JD38" s="102">
        <v>2</v>
      </c>
      <c r="JE38" s="103">
        <v>14</v>
      </c>
      <c r="JF38" s="104">
        <v>16</v>
      </c>
      <c r="JG38" s="101">
        <v>1</v>
      </c>
      <c r="JH38" s="102">
        <v>1</v>
      </c>
      <c r="JI38" s="103">
        <v>2</v>
      </c>
      <c r="JJ38" s="413">
        <v>0</v>
      </c>
      <c r="JK38" s="102">
        <v>6</v>
      </c>
      <c r="JL38" s="102">
        <v>7</v>
      </c>
      <c r="JM38" s="102">
        <v>4</v>
      </c>
      <c r="JN38" s="102">
        <v>7</v>
      </c>
      <c r="JO38" s="102">
        <v>2</v>
      </c>
      <c r="JP38" s="103">
        <v>26</v>
      </c>
      <c r="JQ38" s="104">
        <v>28</v>
      </c>
      <c r="JR38" s="101">
        <v>0</v>
      </c>
      <c r="JS38" s="102">
        <v>0</v>
      </c>
      <c r="JT38" s="103">
        <v>0</v>
      </c>
      <c r="JU38" s="413">
        <v>0</v>
      </c>
      <c r="JV38" s="102">
        <v>0</v>
      </c>
      <c r="JW38" s="102">
        <v>0</v>
      </c>
      <c r="JX38" s="102">
        <v>0</v>
      </c>
      <c r="JY38" s="102">
        <v>0</v>
      </c>
      <c r="JZ38" s="102">
        <v>0</v>
      </c>
      <c r="KA38" s="103">
        <v>0</v>
      </c>
      <c r="KB38" s="104">
        <v>0</v>
      </c>
      <c r="KC38" s="101">
        <v>7</v>
      </c>
      <c r="KD38" s="102">
        <v>3</v>
      </c>
      <c r="KE38" s="103">
        <v>10</v>
      </c>
      <c r="KF38" s="413">
        <v>0</v>
      </c>
      <c r="KG38" s="102">
        <v>20</v>
      </c>
      <c r="KH38" s="102">
        <v>8</v>
      </c>
      <c r="KI38" s="102">
        <v>11</v>
      </c>
      <c r="KJ38" s="102">
        <v>9</v>
      </c>
      <c r="KK38" s="102">
        <v>6</v>
      </c>
      <c r="KL38" s="103">
        <v>54</v>
      </c>
      <c r="KM38" s="104">
        <v>64</v>
      </c>
    </row>
    <row r="39" spans="2:299" s="70" customFormat="1" ht="21" customHeight="1" x14ac:dyDescent="0.2">
      <c r="B39" s="106" t="s">
        <v>36</v>
      </c>
      <c r="C39" s="96">
        <v>4</v>
      </c>
      <c r="D39" s="97">
        <v>4</v>
      </c>
      <c r="E39" s="98">
        <v>8</v>
      </c>
      <c r="F39" s="413">
        <v>0</v>
      </c>
      <c r="G39" s="97">
        <v>12</v>
      </c>
      <c r="H39" s="97">
        <v>10</v>
      </c>
      <c r="I39" s="97">
        <v>3</v>
      </c>
      <c r="J39" s="97">
        <v>6</v>
      </c>
      <c r="K39" s="97">
        <v>3</v>
      </c>
      <c r="L39" s="99">
        <v>34</v>
      </c>
      <c r="M39" s="100">
        <v>42</v>
      </c>
      <c r="N39" s="101">
        <v>0</v>
      </c>
      <c r="O39" s="102">
        <v>0</v>
      </c>
      <c r="P39" s="103">
        <v>0</v>
      </c>
      <c r="Q39" s="413">
        <v>0</v>
      </c>
      <c r="R39" s="102">
        <v>1</v>
      </c>
      <c r="S39" s="102">
        <v>2</v>
      </c>
      <c r="T39" s="102">
        <v>0</v>
      </c>
      <c r="U39" s="102">
        <v>0</v>
      </c>
      <c r="V39" s="102">
        <v>1</v>
      </c>
      <c r="W39" s="103">
        <v>4</v>
      </c>
      <c r="X39" s="104">
        <v>4</v>
      </c>
      <c r="Y39" s="101">
        <v>1</v>
      </c>
      <c r="Z39" s="102">
        <v>0</v>
      </c>
      <c r="AA39" s="103">
        <v>1</v>
      </c>
      <c r="AB39" s="413">
        <v>0</v>
      </c>
      <c r="AC39" s="102">
        <v>0</v>
      </c>
      <c r="AD39" s="102">
        <v>1</v>
      </c>
      <c r="AE39" s="102">
        <v>0</v>
      </c>
      <c r="AF39" s="102">
        <v>0</v>
      </c>
      <c r="AG39" s="102">
        <v>1</v>
      </c>
      <c r="AH39" s="103">
        <v>2</v>
      </c>
      <c r="AI39" s="104">
        <v>3</v>
      </c>
      <c r="AJ39" s="101">
        <v>0</v>
      </c>
      <c r="AK39" s="102">
        <v>0</v>
      </c>
      <c r="AL39" s="103">
        <v>0</v>
      </c>
      <c r="AM39" s="413">
        <v>0</v>
      </c>
      <c r="AN39" s="102">
        <v>1</v>
      </c>
      <c r="AO39" s="102">
        <v>1</v>
      </c>
      <c r="AP39" s="102">
        <v>1</v>
      </c>
      <c r="AQ39" s="102">
        <v>1</v>
      </c>
      <c r="AR39" s="102">
        <v>0</v>
      </c>
      <c r="AS39" s="103">
        <v>4</v>
      </c>
      <c r="AT39" s="104">
        <v>4</v>
      </c>
      <c r="AU39" s="101">
        <v>0</v>
      </c>
      <c r="AV39" s="102">
        <v>1</v>
      </c>
      <c r="AW39" s="103">
        <v>1</v>
      </c>
      <c r="AX39" s="413">
        <v>0</v>
      </c>
      <c r="AY39" s="102">
        <v>2</v>
      </c>
      <c r="AZ39" s="102">
        <v>3</v>
      </c>
      <c r="BA39" s="102">
        <v>0</v>
      </c>
      <c r="BB39" s="102">
        <v>1</v>
      </c>
      <c r="BC39" s="102">
        <v>1</v>
      </c>
      <c r="BD39" s="103">
        <v>7</v>
      </c>
      <c r="BE39" s="104">
        <v>8</v>
      </c>
      <c r="BF39" s="101">
        <v>3</v>
      </c>
      <c r="BG39" s="102">
        <v>0</v>
      </c>
      <c r="BH39" s="103">
        <v>3</v>
      </c>
      <c r="BI39" s="413">
        <v>0</v>
      </c>
      <c r="BJ39" s="102">
        <v>6</v>
      </c>
      <c r="BK39" s="102">
        <v>2</v>
      </c>
      <c r="BL39" s="102">
        <v>1</v>
      </c>
      <c r="BM39" s="102">
        <v>1</v>
      </c>
      <c r="BN39" s="102">
        <v>0</v>
      </c>
      <c r="BO39" s="103">
        <v>10</v>
      </c>
      <c r="BP39" s="104">
        <v>13</v>
      </c>
      <c r="BQ39" s="101">
        <v>0</v>
      </c>
      <c r="BR39" s="102">
        <v>3</v>
      </c>
      <c r="BS39" s="103">
        <v>3</v>
      </c>
      <c r="BT39" s="413">
        <v>0</v>
      </c>
      <c r="BU39" s="102">
        <v>2</v>
      </c>
      <c r="BV39" s="102">
        <v>1</v>
      </c>
      <c r="BW39" s="102">
        <v>1</v>
      </c>
      <c r="BX39" s="102">
        <v>3</v>
      </c>
      <c r="BY39" s="102">
        <v>0</v>
      </c>
      <c r="BZ39" s="103">
        <v>7</v>
      </c>
      <c r="CA39" s="104">
        <v>10</v>
      </c>
      <c r="CB39" s="101">
        <v>0</v>
      </c>
      <c r="CC39" s="102">
        <v>0</v>
      </c>
      <c r="CD39" s="103">
        <v>0</v>
      </c>
      <c r="CE39" s="413">
        <v>0</v>
      </c>
      <c r="CF39" s="102">
        <v>0</v>
      </c>
      <c r="CG39" s="102">
        <v>0</v>
      </c>
      <c r="CH39" s="102">
        <v>0</v>
      </c>
      <c r="CI39" s="102">
        <v>0</v>
      </c>
      <c r="CJ39" s="102">
        <v>0</v>
      </c>
      <c r="CK39" s="103">
        <v>0</v>
      </c>
      <c r="CL39" s="104">
        <v>0</v>
      </c>
      <c r="CM39" s="101">
        <v>4</v>
      </c>
      <c r="CN39" s="102">
        <v>4</v>
      </c>
      <c r="CO39" s="103">
        <v>8</v>
      </c>
      <c r="CP39" s="413">
        <v>0</v>
      </c>
      <c r="CQ39" s="102">
        <v>12</v>
      </c>
      <c r="CR39" s="102">
        <v>10</v>
      </c>
      <c r="CS39" s="102">
        <v>3</v>
      </c>
      <c r="CT39" s="102">
        <v>6</v>
      </c>
      <c r="CU39" s="102">
        <v>3</v>
      </c>
      <c r="CV39" s="103">
        <v>34</v>
      </c>
      <c r="CW39" s="104">
        <v>42</v>
      </c>
      <c r="CX39" s="105">
        <v>1</v>
      </c>
      <c r="CY39" s="97">
        <v>2</v>
      </c>
      <c r="CZ39" s="98">
        <v>3</v>
      </c>
      <c r="DA39" s="413">
        <v>0</v>
      </c>
      <c r="DB39" s="97">
        <v>3</v>
      </c>
      <c r="DC39" s="97">
        <v>1</v>
      </c>
      <c r="DD39" s="97">
        <v>0</v>
      </c>
      <c r="DE39" s="97">
        <v>2</v>
      </c>
      <c r="DF39" s="97">
        <v>1</v>
      </c>
      <c r="DG39" s="99">
        <v>7</v>
      </c>
      <c r="DH39" s="100">
        <v>10</v>
      </c>
      <c r="DI39" s="101">
        <v>0</v>
      </c>
      <c r="DJ39" s="102">
        <v>0</v>
      </c>
      <c r="DK39" s="103">
        <v>0</v>
      </c>
      <c r="DL39" s="413">
        <v>0</v>
      </c>
      <c r="DM39" s="102">
        <v>1</v>
      </c>
      <c r="DN39" s="102">
        <v>0</v>
      </c>
      <c r="DO39" s="102">
        <v>0</v>
      </c>
      <c r="DP39" s="102">
        <v>0</v>
      </c>
      <c r="DQ39" s="102">
        <v>0</v>
      </c>
      <c r="DR39" s="103">
        <v>1</v>
      </c>
      <c r="DS39" s="104">
        <v>1</v>
      </c>
      <c r="DT39" s="101">
        <v>0</v>
      </c>
      <c r="DU39" s="102">
        <v>0</v>
      </c>
      <c r="DV39" s="103">
        <v>0</v>
      </c>
      <c r="DW39" s="413">
        <v>0</v>
      </c>
      <c r="DX39" s="102">
        <v>0</v>
      </c>
      <c r="DY39" s="102">
        <v>0</v>
      </c>
      <c r="DZ39" s="102">
        <v>0</v>
      </c>
      <c r="EA39" s="102">
        <v>1</v>
      </c>
      <c r="EB39" s="102">
        <v>0</v>
      </c>
      <c r="EC39" s="103">
        <v>1</v>
      </c>
      <c r="ED39" s="104">
        <v>1</v>
      </c>
      <c r="EE39" s="101">
        <v>0</v>
      </c>
      <c r="EF39" s="102">
        <v>0</v>
      </c>
      <c r="EG39" s="103">
        <v>0</v>
      </c>
      <c r="EH39" s="413">
        <v>0</v>
      </c>
      <c r="EI39" s="102">
        <v>0</v>
      </c>
      <c r="EJ39" s="102">
        <v>0</v>
      </c>
      <c r="EK39" s="102">
        <v>0</v>
      </c>
      <c r="EL39" s="102">
        <v>0</v>
      </c>
      <c r="EM39" s="102">
        <v>0</v>
      </c>
      <c r="EN39" s="103">
        <v>0</v>
      </c>
      <c r="EO39" s="104">
        <v>0</v>
      </c>
      <c r="EP39" s="101">
        <v>0</v>
      </c>
      <c r="EQ39" s="102">
        <v>0</v>
      </c>
      <c r="ER39" s="103">
        <v>0</v>
      </c>
      <c r="ES39" s="413">
        <v>0</v>
      </c>
      <c r="ET39" s="102">
        <v>1</v>
      </c>
      <c r="EU39" s="102">
        <v>0</v>
      </c>
      <c r="EV39" s="102">
        <v>0</v>
      </c>
      <c r="EW39" s="102">
        <v>0</v>
      </c>
      <c r="EX39" s="102">
        <v>0</v>
      </c>
      <c r="EY39" s="103">
        <v>1</v>
      </c>
      <c r="EZ39" s="104">
        <v>1</v>
      </c>
      <c r="FA39" s="101">
        <v>0</v>
      </c>
      <c r="FB39" s="102">
        <v>2</v>
      </c>
      <c r="FC39" s="103">
        <v>2</v>
      </c>
      <c r="FD39" s="413">
        <v>0</v>
      </c>
      <c r="FE39" s="102">
        <v>0</v>
      </c>
      <c r="FF39" s="102">
        <v>1</v>
      </c>
      <c r="FG39" s="102">
        <v>0</v>
      </c>
      <c r="FH39" s="102">
        <v>0</v>
      </c>
      <c r="FI39" s="102">
        <v>1</v>
      </c>
      <c r="FJ39" s="103">
        <v>2</v>
      </c>
      <c r="FK39" s="104">
        <v>4</v>
      </c>
      <c r="FL39" s="101">
        <v>1</v>
      </c>
      <c r="FM39" s="102">
        <v>0</v>
      </c>
      <c r="FN39" s="103">
        <v>1</v>
      </c>
      <c r="FO39" s="413">
        <v>0</v>
      </c>
      <c r="FP39" s="102">
        <v>1</v>
      </c>
      <c r="FQ39" s="102">
        <v>0</v>
      </c>
      <c r="FR39" s="102">
        <v>0</v>
      </c>
      <c r="FS39" s="102">
        <v>1</v>
      </c>
      <c r="FT39" s="102">
        <v>0</v>
      </c>
      <c r="FU39" s="103">
        <v>2</v>
      </c>
      <c r="FV39" s="104">
        <v>3</v>
      </c>
      <c r="FW39" s="101">
        <v>0</v>
      </c>
      <c r="FX39" s="102">
        <v>0</v>
      </c>
      <c r="FY39" s="103">
        <v>0</v>
      </c>
      <c r="FZ39" s="413">
        <v>0</v>
      </c>
      <c r="GA39" s="102">
        <v>0</v>
      </c>
      <c r="GB39" s="102">
        <v>0</v>
      </c>
      <c r="GC39" s="102">
        <v>0</v>
      </c>
      <c r="GD39" s="102">
        <v>0</v>
      </c>
      <c r="GE39" s="102">
        <v>0</v>
      </c>
      <c r="GF39" s="103">
        <v>0</v>
      </c>
      <c r="GG39" s="104">
        <v>0</v>
      </c>
      <c r="GH39" s="101">
        <v>1</v>
      </c>
      <c r="GI39" s="102">
        <v>2</v>
      </c>
      <c r="GJ39" s="103">
        <v>3</v>
      </c>
      <c r="GK39" s="413">
        <v>0</v>
      </c>
      <c r="GL39" s="102">
        <v>3</v>
      </c>
      <c r="GM39" s="102">
        <v>1</v>
      </c>
      <c r="GN39" s="102">
        <v>0</v>
      </c>
      <c r="GO39" s="102">
        <v>2</v>
      </c>
      <c r="GP39" s="102">
        <v>1</v>
      </c>
      <c r="GQ39" s="103">
        <v>7</v>
      </c>
      <c r="GR39" s="104">
        <v>10</v>
      </c>
      <c r="GS39" s="105">
        <v>5</v>
      </c>
      <c r="GT39" s="97">
        <v>6</v>
      </c>
      <c r="GU39" s="98">
        <v>11</v>
      </c>
      <c r="GV39" s="413">
        <v>0</v>
      </c>
      <c r="GW39" s="97">
        <v>15</v>
      </c>
      <c r="GX39" s="97">
        <v>11</v>
      </c>
      <c r="GY39" s="97">
        <v>3</v>
      </c>
      <c r="GZ39" s="97">
        <v>8</v>
      </c>
      <c r="HA39" s="97">
        <v>4</v>
      </c>
      <c r="HB39" s="99">
        <v>41</v>
      </c>
      <c r="HC39" s="100">
        <v>52</v>
      </c>
      <c r="HD39" s="101">
        <v>0</v>
      </c>
      <c r="HE39" s="102">
        <v>0</v>
      </c>
      <c r="HF39" s="103">
        <v>0</v>
      </c>
      <c r="HG39" s="413">
        <v>0</v>
      </c>
      <c r="HH39" s="102">
        <v>2</v>
      </c>
      <c r="HI39" s="102">
        <v>2</v>
      </c>
      <c r="HJ39" s="102">
        <v>0</v>
      </c>
      <c r="HK39" s="102">
        <v>0</v>
      </c>
      <c r="HL39" s="102">
        <v>1</v>
      </c>
      <c r="HM39" s="103">
        <v>5</v>
      </c>
      <c r="HN39" s="104">
        <v>5</v>
      </c>
      <c r="HO39" s="101">
        <v>1</v>
      </c>
      <c r="HP39" s="102">
        <v>0</v>
      </c>
      <c r="HQ39" s="103">
        <v>1</v>
      </c>
      <c r="HR39" s="413">
        <v>0</v>
      </c>
      <c r="HS39" s="102">
        <v>0</v>
      </c>
      <c r="HT39" s="102">
        <v>1</v>
      </c>
      <c r="HU39" s="102">
        <v>0</v>
      </c>
      <c r="HV39" s="102">
        <v>1</v>
      </c>
      <c r="HW39" s="102">
        <v>1</v>
      </c>
      <c r="HX39" s="103">
        <v>3</v>
      </c>
      <c r="HY39" s="104">
        <v>4</v>
      </c>
      <c r="HZ39" s="101">
        <v>0</v>
      </c>
      <c r="IA39" s="102">
        <v>0</v>
      </c>
      <c r="IB39" s="103">
        <v>0</v>
      </c>
      <c r="IC39" s="413">
        <v>0</v>
      </c>
      <c r="ID39" s="102">
        <v>1</v>
      </c>
      <c r="IE39" s="102">
        <v>1</v>
      </c>
      <c r="IF39" s="102">
        <v>1</v>
      </c>
      <c r="IG39" s="102">
        <v>1</v>
      </c>
      <c r="IH39" s="102">
        <v>0</v>
      </c>
      <c r="II39" s="103">
        <v>4</v>
      </c>
      <c r="IJ39" s="104">
        <v>4</v>
      </c>
      <c r="IK39" s="101">
        <v>0</v>
      </c>
      <c r="IL39" s="102">
        <v>1</v>
      </c>
      <c r="IM39" s="103">
        <v>1</v>
      </c>
      <c r="IN39" s="413">
        <v>0</v>
      </c>
      <c r="IO39" s="102">
        <v>3</v>
      </c>
      <c r="IP39" s="102">
        <v>3</v>
      </c>
      <c r="IQ39" s="102">
        <v>0</v>
      </c>
      <c r="IR39" s="102">
        <v>1</v>
      </c>
      <c r="IS39" s="102">
        <v>1</v>
      </c>
      <c r="IT39" s="103">
        <v>8</v>
      </c>
      <c r="IU39" s="104">
        <v>9</v>
      </c>
      <c r="IV39" s="101">
        <v>3</v>
      </c>
      <c r="IW39" s="102">
        <v>2</v>
      </c>
      <c r="IX39" s="103">
        <v>5</v>
      </c>
      <c r="IY39" s="413">
        <v>0</v>
      </c>
      <c r="IZ39" s="102">
        <v>6</v>
      </c>
      <c r="JA39" s="102">
        <v>3</v>
      </c>
      <c r="JB39" s="102">
        <v>1</v>
      </c>
      <c r="JC39" s="102">
        <v>1</v>
      </c>
      <c r="JD39" s="102">
        <v>1</v>
      </c>
      <c r="JE39" s="103">
        <v>12</v>
      </c>
      <c r="JF39" s="104">
        <v>17</v>
      </c>
      <c r="JG39" s="101">
        <v>1</v>
      </c>
      <c r="JH39" s="102">
        <v>3</v>
      </c>
      <c r="JI39" s="103">
        <v>4</v>
      </c>
      <c r="JJ39" s="413">
        <v>0</v>
      </c>
      <c r="JK39" s="102">
        <v>3</v>
      </c>
      <c r="JL39" s="102">
        <v>1</v>
      </c>
      <c r="JM39" s="102">
        <v>1</v>
      </c>
      <c r="JN39" s="102">
        <v>4</v>
      </c>
      <c r="JO39" s="102">
        <v>0</v>
      </c>
      <c r="JP39" s="103">
        <v>9</v>
      </c>
      <c r="JQ39" s="104">
        <v>13</v>
      </c>
      <c r="JR39" s="101">
        <v>0</v>
      </c>
      <c r="JS39" s="102">
        <v>0</v>
      </c>
      <c r="JT39" s="103">
        <v>0</v>
      </c>
      <c r="JU39" s="413">
        <v>0</v>
      </c>
      <c r="JV39" s="102">
        <v>0</v>
      </c>
      <c r="JW39" s="102">
        <v>0</v>
      </c>
      <c r="JX39" s="102">
        <v>0</v>
      </c>
      <c r="JY39" s="102">
        <v>0</v>
      </c>
      <c r="JZ39" s="102">
        <v>0</v>
      </c>
      <c r="KA39" s="103">
        <v>0</v>
      </c>
      <c r="KB39" s="104">
        <v>0</v>
      </c>
      <c r="KC39" s="101">
        <v>5</v>
      </c>
      <c r="KD39" s="102">
        <v>6</v>
      </c>
      <c r="KE39" s="103">
        <v>11</v>
      </c>
      <c r="KF39" s="413">
        <v>0</v>
      </c>
      <c r="KG39" s="102">
        <v>15</v>
      </c>
      <c r="KH39" s="102">
        <v>11</v>
      </c>
      <c r="KI39" s="102">
        <v>3</v>
      </c>
      <c r="KJ39" s="102">
        <v>8</v>
      </c>
      <c r="KK39" s="102">
        <v>4</v>
      </c>
      <c r="KL39" s="103">
        <v>41</v>
      </c>
      <c r="KM39" s="104">
        <v>52</v>
      </c>
    </row>
    <row r="40" spans="2:299" s="70" customFormat="1" ht="21" customHeight="1" thickBot="1" x14ac:dyDescent="0.25">
      <c r="B40" s="108" t="s">
        <v>37</v>
      </c>
      <c r="C40" s="109">
        <v>0</v>
      </c>
      <c r="D40" s="110">
        <v>0</v>
      </c>
      <c r="E40" s="111">
        <v>0</v>
      </c>
      <c r="F40" s="414">
        <v>0</v>
      </c>
      <c r="G40" s="110">
        <v>2</v>
      </c>
      <c r="H40" s="110">
        <v>2</v>
      </c>
      <c r="I40" s="110">
        <v>1</v>
      </c>
      <c r="J40" s="110">
        <v>0</v>
      </c>
      <c r="K40" s="110">
        <v>0</v>
      </c>
      <c r="L40" s="112">
        <v>5</v>
      </c>
      <c r="M40" s="113">
        <v>5</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1</v>
      </c>
      <c r="AF40" s="115">
        <v>0</v>
      </c>
      <c r="AG40" s="115">
        <v>0</v>
      </c>
      <c r="AH40" s="116">
        <v>1</v>
      </c>
      <c r="AI40" s="117">
        <v>1</v>
      </c>
      <c r="AJ40" s="114">
        <v>0</v>
      </c>
      <c r="AK40" s="115">
        <v>0</v>
      </c>
      <c r="AL40" s="116">
        <v>0</v>
      </c>
      <c r="AM40" s="414">
        <v>0</v>
      </c>
      <c r="AN40" s="115">
        <v>1</v>
      </c>
      <c r="AO40" s="115">
        <v>1</v>
      </c>
      <c r="AP40" s="115">
        <v>0</v>
      </c>
      <c r="AQ40" s="115">
        <v>0</v>
      </c>
      <c r="AR40" s="115">
        <v>0</v>
      </c>
      <c r="AS40" s="116">
        <v>2</v>
      </c>
      <c r="AT40" s="117">
        <v>2</v>
      </c>
      <c r="AU40" s="114">
        <v>0</v>
      </c>
      <c r="AV40" s="115">
        <v>0</v>
      </c>
      <c r="AW40" s="116">
        <v>0</v>
      </c>
      <c r="AX40" s="414">
        <v>0</v>
      </c>
      <c r="AY40" s="115">
        <v>1</v>
      </c>
      <c r="AZ40" s="115">
        <v>0</v>
      </c>
      <c r="BA40" s="115">
        <v>0</v>
      </c>
      <c r="BB40" s="115">
        <v>0</v>
      </c>
      <c r="BC40" s="115">
        <v>0</v>
      </c>
      <c r="BD40" s="116">
        <v>1</v>
      </c>
      <c r="BE40" s="117">
        <v>1</v>
      </c>
      <c r="BF40" s="114">
        <v>0</v>
      </c>
      <c r="BG40" s="115">
        <v>0</v>
      </c>
      <c r="BH40" s="116">
        <v>0</v>
      </c>
      <c r="BI40" s="414">
        <v>0</v>
      </c>
      <c r="BJ40" s="115">
        <v>0</v>
      </c>
      <c r="BK40" s="115">
        <v>1</v>
      </c>
      <c r="BL40" s="115">
        <v>0</v>
      </c>
      <c r="BM40" s="115">
        <v>0</v>
      </c>
      <c r="BN40" s="115">
        <v>0</v>
      </c>
      <c r="BO40" s="116">
        <v>1</v>
      </c>
      <c r="BP40" s="117">
        <v>1</v>
      </c>
      <c r="BQ40" s="114">
        <v>0</v>
      </c>
      <c r="BR40" s="115">
        <v>0</v>
      </c>
      <c r="BS40" s="116">
        <v>0</v>
      </c>
      <c r="BT40" s="414">
        <v>0</v>
      </c>
      <c r="BU40" s="115">
        <v>0</v>
      </c>
      <c r="BV40" s="115">
        <v>0</v>
      </c>
      <c r="BW40" s="115">
        <v>0</v>
      </c>
      <c r="BX40" s="115">
        <v>0</v>
      </c>
      <c r="BY40" s="115">
        <v>0</v>
      </c>
      <c r="BZ40" s="116">
        <v>0</v>
      </c>
      <c r="CA40" s="117">
        <v>0</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2</v>
      </c>
      <c r="CR40" s="115">
        <v>2</v>
      </c>
      <c r="CS40" s="115">
        <v>1</v>
      </c>
      <c r="CT40" s="115">
        <v>0</v>
      </c>
      <c r="CU40" s="115">
        <v>0</v>
      </c>
      <c r="CV40" s="116">
        <v>5</v>
      </c>
      <c r="CW40" s="117">
        <v>5</v>
      </c>
      <c r="CX40" s="118">
        <v>0</v>
      </c>
      <c r="CY40" s="110">
        <v>0</v>
      </c>
      <c r="CZ40" s="111">
        <v>0</v>
      </c>
      <c r="DA40" s="414">
        <v>0</v>
      </c>
      <c r="DB40" s="110">
        <v>0</v>
      </c>
      <c r="DC40" s="110">
        <v>0</v>
      </c>
      <c r="DD40" s="110">
        <v>0</v>
      </c>
      <c r="DE40" s="110">
        <v>0</v>
      </c>
      <c r="DF40" s="110">
        <v>0</v>
      </c>
      <c r="DG40" s="112">
        <v>0</v>
      </c>
      <c r="DH40" s="113">
        <v>0</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0</v>
      </c>
      <c r="EB40" s="115">
        <v>0</v>
      </c>
      <c r="EC40" s="116">
        <v>0</v>
      </c>
      <c r="ED40" s="117">
        <v>0</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0</v>
      </c>
      <c r="FU40" s="116">
        <v>0</v>
      </c>
      <c r="FV40" s="117">
        <v>0</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0</v>
      </c>
      <c r="GP40" s="115">
        <v>0</v>
      </c>
      <c r="GQ40" s="116">
        <v>0</v>
      </c>
      <c r="GR40" s="117">
        <v>0</v>
      </c>
      <c r="GS40" s="118">
        <v>0</v>
      </c>
      <c r="GT40" s="110">
        <v>0</v>
      </c>
      <c r="GU40" s="111">
        <v>0</v>
      </c>
      <c r="GV40" s="414">
        <v>0</v>
      </c>
      <c r="GW40" s="110">
        <v>2</v>
      </c>
      <c r="GX40" s="110">
        <v>2</v>
      </c>
      <c r="GY40" s="110">
        <v>1</v>
      </c>
      <c r="GZ40" s="110">
        <v>0</v>
      </c>
      <c r="HA40" s="110">
        <v>0</v>
      </c>
      <c r="HB40" s="112">
        <v>5</v>
      </c>
      <c r="HC40" s="113">
        <v>5</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0</v>
      </c>
      <c r="HU40" s="115">
        <v>1</v>
      </c>
      <c r="HV40" s="115">
        <v>0</v>
      </c>
      <c r="HW40" s="115">
        <v>0</v>
      </c>
      <c r="HX40" s="116">
        <v>1</v>
      </c>
      <c r="HY40" s="117">
        <v>1</v>
      </c>
      <c r="HZ40" s="114">
        <v>0</v>
      </c>
      <c r="IA40" s="115">
        <v>0</v>
      </c>
      <c r="IB40" s="116">
        <v>0</v>
      </c>
      <c r="IC40" s="414">
        <v>0</v>
      </c>
      <c r="ID40" s="115">
        <v>1</v>
      </c>
      <c r="IE40" s="115">
        <v>1</v>
      </c>
      <c r="IF40" s="115">
        <v>0</v>
      </c>
      <c r="IG40" s="115">
        <v>0</v>
      </c>
      <c r="IH40" s="115">
        <v>0</v>
      </c>
      <c r="II40" s="116">
        <v>2</v>
      </c>
      <c r="IJ40" s="117">
        <v>2</v>
      </c>
      <c r="IK40" s="114">
        <v>0</v>
      </c>
      <c r="IL40" s="115">
        <v>0</v>
      </c>
      <c r="IM40" s="116">
        <v>0</v>
      </c>
      <c r="IN40" s="414">
        <v>0</v>
      </c>
      <c r="IO40" s="115">
        <v>1</v>
      </c>
      <c r="IP40" s="115">
        <v>0</v>
      </c>
      <c r="IQ40" s="115">
        <v>0</v>
      </c>
      <c r="IR40" s="115">
        <v>0</v>
      </c>
      <c r="IS40" s="115">
        <v>0</v>
      </c>
      <c r="IT40" s="116">
        <v>1</v>
      </c>
      <c r="IU40" s="117">
        <v>1</v>
      </c>
      <c r="IV40" s="114">
        <v>0</v>
      </c>
      <c r="IW40" s="115">
        <v>0</v>
      </c>
      <c r="IX40" s="116">
        <v>0</v>
      </c>
      <c r="IY40" s="414">
        <v>0</v>
      </c>
      <c r="IZ40" s="115">
        <v>0</v>
      </c>
      <c r="JA40" s="115">
        <v>1</v>
      </c>
      <c r="JB40" s="115">
        <v>0</v>
      </c>
      <c r="JC40" s="115">
        <v>0</v>
      </c>
      <c r="JD40" s="115">
        <v>0</v>
      </c>
      <c r="JE40" s="116">
        <v>1</v>
      </c>
      <c r="JF40" s="117">
        <v>1</v>
      </c>
      <c r="JG40" s="114">
        <v>0</v>
      </c>
      <c r="JH40" s="115">
        <v>0</v>
      </c>
      <c r="JI40" s="116">
        <v>0</v>
      </c>
      <c r="JJ40" s="414">
        <v>0</v>
      </c>
      <c r="JK40" s="115">
        <v>0</v>
      </c>
      <c r="JL40" s="115">
        <v>0</v>
      </c>
      <c r="JM40" s="115">
        <v>0</v>
      </c>
      <c r="JN40" s="115">
        <v>0</v>
      </c>
      <c r="JO40" s="115">
        <v>0</v>
      </c>
      <c r="JP40" s="116">
        <v>0</v>
      </c>
      <c r="JQ40" s="117">
        <v>0</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2</v>
      </c>
      <c r="KH40" s="115">
        <v>2</v>
      </c>
      <c r="KI40" s="115">
        <v>1</v>
      </c>
      <c r="KJ40" s="115">
        <v>0</v>
      </c>
      <c r="KK40" s="115">
        <v>0</v>
      </c>
      <c r="KL40" s="116">
        <v>5</v>
      </c>
      <c r="KM40" s="117">
        <v>5</v>
      </c>
    </row>
    <row r="41" spans="2:299" ht="32.25" customHeight="1" x14ac:dyDescent="0.2">
      <c r="C41" s="70" t="s">
        <v>124</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1">
        <f>第１表!F2</f>
        <v>6</v>
      </c>
      <c r="G1" s="441"/>
      <c r="H1" s="18">
        <f>第１表!G2</f>
        <v>6</v>
      </c>
      <c r="I1" s="440">
        <f>H1</f>
        <v>6</v>
      </c>
      <c r="J1" s="440"/>
    </row>
    <row r="2" spans="2:299" ht="24" customHeight="1" thickBot="1" x14ac:dyDescent="0.25">
      <c r="B2" s="10" t="s">
        <v>150</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3467</v>
      </c>
      <c r="D7" s="86">
        <v>3408</v>
      </c>
      <c r="E7" s="87">
        <v>6875</v>
      </c>
      <c r="F7" s="412">
        <v>0</v>
      </c>
      <c r="G7" s="86">
        <v>4472</v>
      </c>
      <c r="H7" s="86">
        <v>4253</v>
      </c>
      <c r="I7" s="86">
        <v>2529</v>
      </c>
      <c r="J7" s="86">
        <v>2072</v>
      </c>
      <c r="K7" s="86">
        <v>1402</v>
      </c>
      <c r="L7" s="88">
        <v>14728</v>
      </c>
      <c r="M7" s="89">
        <v>21603</v>
      </c>
      <c r="N7" s="90">
        <v>118</v>
      </c>
      <c r="O7" s="91">
        <v>146</v>
      </c>
      <c r="P7" s="92">
        <v>264</v>
      </c>
      <c r="Q7" s="412">
        <v>0</v>
      </c>
      <c r="R7" s="91">
        <v>124</v>
      </c>
      <c r="S7" s="91">
        <v>142</v>
      </c>
      <c r="T7" s="91">
        <v>101</v>
      </c>
      <c r="U7" s="91">
        <v>92</v>
      </c>
      <c r="V7" s="91">
        <v>80</v>
      </c>
      <c r="W7" s="92">
        <v>539</v>
      </c>
      <c r="X7" s="93">
        <v>803</v>
      </c>
      <c r="Y7" s="90">
        <v>244</v>
      </c>
      <c r="Z7" s="91">
        <v>278</v>
      </c>
      <c r="AA7" s="92">
        <v>522</v>
      </c>
      <c r="AB7" s="412">
        <v>0</v>
      </c>
      <c r="AC7" s="91">
        <v>286</v>
      </c>
      <c r="AD7" s="91">
        <v>307</v>
      </c>
      <c r="AE7" s="91">
        <v>179</v>
      </c>
      <c r="AF7" s="91">
        <v>163</v>
      </c>
      <c r="AG7" s="91">
        <v>116</v>
      </c>
      <c r="AH7" s="92">
        <v>1051</v>
      </c>
      <c r="AI7" s="93">
        <v>1573</v>
      </c>
      <c r="AJ7" s="90">
        <v>405</v>
      </c>
      <c r="AK7" s="91">
        <v>440</v>
      </c>
      <c r="AL7" s="92">
        <v>845</v>
      </c>
      <c r="AM7" s="412">
        <v>0</v>
      </c>
      <c r="AN7" s="91">
        <v>532</v>
      </c>
      <c r="AO7" s="91">
        <v>499</v>
      </c>
      <c r="AP7" s="91">
        <v>275</v>
      </c>
      <c r="AQ7" s="91">
        <v>230</v>
      </c>
      <c r="AR7" s="91">
        <v>200</v>
      </c>
      <c r="AS7" s="92">
        <v>1736</v>
      </c>
      <c r="AT7" s="93">
        <v>2581</v>
      </c>
      <c r="AU7" s="90">
        <v>825</v>
      </c>
      <c r="AV7" s="91">
        <v>753</v>
      </c>
      <c r="AW7" s="92">
        <v>1578</v>
      </c>
      <c r="AX7" s="412">
        <v>0</v>
      </c>
      <c r="AY7" s="91">
        <v>1009</v>
      </c>
      <c r="AZ7" s="91">
        <v>847</v>
      </c>
      <c r="BA7" s="91">
        <v>487</v>
      </c>
      <c r="BB7" s="91">
        <v>424</v>
      </c>
      <c r="BC7" s="91">
        <v>278</v>
      </c>
      <c r="BD7" s="92">
        <v>3045</v>
      </c>
      <c r="BE7" s="93">
        <v>4623</v>
      </c>
      <c r="BF7" s="90">
        <v>1070</v>
      </c>
      <c r="BG7" s="91">
        <v>941</v>
      </c>
      <c r="BH7" s="92">
        <v>2011</v>
      </c>
      <c r="BI7" s="412">
        <v>0</v>
      </c>
      <c r="BJ7" s="91">
        <v>1335</v>
      </c>
      <c r="BK7" s="91">
        <v>1196</v>
      </c>
      <c r="BL7" s="91">
        <v>677</v>
      </c>
      <c r="BM7" s="91">
        <v>546</v>
      </c>
      <c r="BN7" s="91">
        <v>352</v>
      </c>
      <c r="BO7" s="92">
        <v>4106</v>
      </c>
      <c r="BP7" s="93">
        <v>6117</v>
      </c>
      <c r="BQ7" s="90">
        <v>805</v>
      </c>
      <c r="BR7" s="91">
        <v>850</v>
      </c>
      <c r="BS7" s="92">
        <v>1655</v>
      </c>
      <c r="BT7" s="412">
        <v>0</v>
      </c>
      <c r="BU7" s="91">
        <v>1186</v>
      </c>
      <c r="BV7" s="91">
        <v>1262</v>
      </c>
      <c r="BW7" s="91">
        <v>810</v>
      </c>
      <c r="BX7" s="91">
        <v>617</v>
      </c>
      <c r="BY7" s="91">
        <v>376</v>
      </c>
      <c r="BZ7" s="92">
        <v>4251</v>
      </c>
      <c r="CA7" s="93">
        <v>5906</v>
      </c>
      <c r="CB7" s="90">
        <v>0</v>
      </c>
      <c r="CC7" s="91">
        <v>0</v>
      </c>
      <c r="CD7" s="92">
        <v>0</v>
      </c>
      <c r="CE7" s="412">
        <v>0</v>
      </c>
      <c r="CF7" s="91">
        <v>0</v>
      </c>
      <c r="CG7" s="91">
        <v>0</v>
      </c>
      <c r="CH7" s="91">
        <v>0</v>
      </c>
      <c r="CI7" s="91">
        <v>0</v>
      </c>
      <c r="CJ7" s="91">
        <v>0</v>
      </c>
      <c r="CK7" s="92">
        <v>0</v>
      </c>
      <c r="CL7" s="93">
        <v>0</v>
      </c>
      <c r="CM7" s="90">
        <v>3467</v>
      </c>
      <c r="CN7" s="91">
        <v>3408</v>
      </c>
      <c r="CO7" s="92">
        <v>6875</v>
      </c>
      <c r="CP7" s="412">
        <v>0</v>
      </c>
      <c r="CQ7" s="91">
        <v>4472</v>
      </c>
      <c r="CR7" s="91">
        <v>4253</v>
      </c>
      <c r="CS7" s="91">
        <v>2529</v>
      </c>
      <c r="CT7" s="91">
        <v>2072</v>
      </c>
      <c r="CU7" s="91">
        <v>1402</v>
      </c>
      <c r="CV7" s="92">
        <v>14728</v>
      </c>
      <c r="CW7" s="93">
        <v>21603</v>
      </c>
      <c r="CX7" s="94">
        <v>1279</v>
      </c>
      <c r="CY7" s="86">
        <v>1477</v>
      </c>
      <c r="CZ7" s="87">
        <v>2756</v>
      </c>
      <c r="DA7" s="412">
        <v>0</v>
      </c>
      <c r="DB7" s="86">
        <v>1833</v>
      </c>
      <c r="DC7" s="86">
        <v>1669</v>
      </c>
      <c r="DD7" s="86">
        <v>1104</v>
      </c>
      <c r="DE7" s="86">
        <v>1120</v>
      </c>
      <c r="DF7" s="86">
        <v>711</v>
      </c>
      <c r="DG7" s="88">
        <v>6437</v>
      </c>
      <c r="DH7" s="89">
        <v>9193</v>
      </c>
      <c r="DI7" s="90">
        <v>31</v>
      </c>
      <c r="DJ7" s="91">
        <v>42</v>
      </c>
      <c r="DK7" s="92">
        <v>73</v>
      </c>
      <c r="DL7" s="412">
        <v>0</v>
      </c>
      <c r="DM7" s="91">
        <v>24</v>
      </c>
      <c r="DN7" s="91">
        <v>39</v>
      </c>
      <c r="DO7" s="91">
        <v>19</v>
      </c>
      <c r="DP7" s="91">
        <v>18</v>
      </c>
      <c r="DQ7" s="91">
        <v>14</v>
      </c>
      <c r="DR7" s="92">
        <v>114</v>
      </c>
      <c r="DS7" s="93">
        <v>187</v>
      </c>
      <c r="DT7" s="90">
        <v>91</v>
      </c>
      <c r="DU7" s="91">
        <v>110</v>
      </c>
      <c r="DV7" s="92">
        <v>201</v>
      </c>
      <c r="DW7" s="412">
        <v>0</v>
      </c>
      <c r="DX7" s="91">
        <v>63</v>
      </c>
      <c r="DY7" s="91">
        <v>68</v>
      </c>
      <c r="DZ7" s="91">
        <v>38</v>
      </c>
      <c r="EA7" s="91">
        <v>34</v>
      </c>
      <c r="EB7" s="91">
        <v>31</v>
      </c>
      <c r="EC7" s="92">
        <v>234</v>
      </c>
      <c r="ED7" s="93">
        <v>435</v>
      </c>
      <c r="EE7" s="90">
        <v>189</v>
      </c>
      <c r="EF7" s="91">
        <v>214</v>
      </c>
      <c r="EG7" s="92">
        <v>403</v>
      </c>
      <c r="EH7" s="412">
        <v>0</v>
      </c>
      <c r="EI7" s="91">
        <v>205</v>
      </c>
      <c r="EJ7" s="91">
        <v>170</v>
      </c>
      <c r="EK7" s="91">
        <v>81</v>
      </c>
      <c r="EL7" s="91">
        <v>70</v>
      </c>
      <c r="EM7" s="91">
        <v>62</v>
      </c>
      <c r="EN7" s="92">
        <v>588</v>
      </c>
      <c r="EO7" s="93">
        <v>991</v>
      </c>
      <c r="EP7" s="90">
        <v>383</v>
      </c>
      <c r="EQ7" s="91">
        <v>349</v>
      </c>
      <c r="ER7" s="92">
        <v>732</v>
      </c>
      <c r="ES7" s="412">
        <v>0</v>
      </c>
      <c r="ET7" s="91">
        <v>373</v>
      </c>
      <c r="EU7" s="91">
        <v>299</v>
      </c>
      <c r="EV7" s="91">
        <v>175</v>
      </c>
      <c r="EW7" s="91">
        <v>154</v>
      </c>
      <c r="EX7" s="91">
        <v>98</v>
      </c>
      <c r="EY7" s="92">
        <v>1099</v>
      </c>
      <c r="EZ7" s="93">
        <v>1831</v>
      </c>
      <c r="FA7" s="90">
        <v>351</v>
      </c>
      <c r="FB7" s="91">
        <v>439</v>
      </c>
      <c r="FC7" s="92">
        <v>790</v>
      </c>
      <c r="FD7" s="412">
        <v>0</v>
      </c>
      <c r="FE7" s="91">
        <v>556</v>
      </c>
      <c r="FF7" s="91">
        <v>467</v>
      </c>
      <c r="FG7" s="91">
        <v>276</v>
      </c>
      <c r="FH7" s="91">
        <v>270</v>
      </c>
      <c r="FI7" s="91">
        <v>165</v>
      </c>
      <c r="FJ7" s="92">
        <v>1734</v>
      </c>
      <c r="FK7" s="93">
        <v>2524</v>
      </c>
      <c r="FL7" s="90">
        <v>234</v>
      </c>
      <c r="FM7" s="91">
        <v>323</v>
      </c>
      <c r="FN7" s="92">
        <v>557</v>
      </c>
      <c r="FO7" s="412">
        <v>0</v>
      </c>
      <c r="FP7" s="91">
        <v>612</v>
      </c>
      <c r="FQ7" s="91">
        <v>626</v>
      </c>
      <c r="FR7" s="91">
        <v>515</v>
      </c>
      <c r="FS7" s="91">
        <v>574</v>
      </c>
      <c r="FT7" s="91">
        <v>341</v>
      </c>
      <c r="FU7" s="92">
        <v>2668</v>
      </c>
      <c r="FV7" s="93">
        <v>3225</v>
      </c>
      <c r="FW7" s="90">
        <v>0</v>
      </c>
      <c r="FX7" s="91">
        <v>0</v>
      </c>
      <c r="FY7" s="92">
        <v>0</v>
      </c>
      <c r="FZ7" s="412">
        <v>0</v>
      </c>
      <c r="GA7" s="91">
        <v>0</v>
      </c>
      <c r="GB7" s="91">
        <v>0</v>
      </c>
      <c r="GC7" s="91">
        <v>0</v>
      </c>
      <c r="GD7" s="91">
        <v>0</v>
      </c>
      <c r="GE7" s="91">
        <v>0</v>
      </c>
      <c r="GF7" s="92">
        <v>0</v>
      </c>
      <c r="GG7" s="93">
        <v>0</v>
      </c>
      <c r="GH7" s="90">
        <v>1279</v>
      </c>
      <c r="GI7" s="91">
        <v>1477</v>
      </c>
      <c r="GJ7" s="92">
        <v>2756</v>
      </c>
      <c r="GK7" s="412">
        <v>0</v>
      </c>
      <c r="GL7" s="91">
        <v>1833</v>
      </c>
      <c r="GM7" s="91">
        <v>1669</v>
      </c>
      <c r="GN7" s="91">
        <v>1104</v>
      </c>
      <c r="GO7" s="91">
        <v>1120</v>
      </c>
      <c r="GP7" s="91">
        <v>711</v>
      </c>
      <c r="GQ7" s="92">
        <v>6437</v>
      </c>
      <c r="GR7" s="93">
        <v>9193</v>
      </c>
      <c r="GS7" s="94">
        <v>4746</v>
      </c>
      <c r="GT7" s="86">
        <v>4885</v>
      </c>
      <c r="GU7" s="87">
        <v>9631</v>
      </c>
      <c r="GV7" s="412">
        <v>0</v>
      </c>
      <c r="GW7" s="86">
        <v>6305</v>
      </c>
      <c r="GX7" s="86">
        <v>5922</v>
      </c>
      <c r="GY7" s="86">
        <v>3633</v>
      </c>
      <c r="GZ7" s="86">
        <v>3192</v>
      </c>
      <c r="HA7" s="86">
        <v>2113</v>
      </c>
      <c r="HB7" s="88">
        <v>21165</v>
      </c>
      <c r="HC7" s="89">
        <v>30796</v>
      </c>
      <c r="HD7" s="90">
        <v>149</v>
      </c>
      <c r="HE7" s="91">
        <v>188</v>
      </c>
      <c r="HF7" s="92">
        <v>337</v>
      </c>
      <c r="HG7" s="412">
        <v>0</v>
      </c>
      <c r="HH7" s="91">
        <v>148</v>
      </c>
      <c r="HI7" s="91">
        <v>181</v>
      </c>
      <c r="HJ7" s="91">
        <v>120</v>
      </c>
      <c r="HK7" s="91">
        <v>110</v>
      </c>
      <c r="HL7" s="91">
        <v>94</v>
      </c>
      <c r="HM7" s="92">
        <v>653</v>
      </c>
      <c r="HN7" s="93">
        <v>990</v>
      </c>
      <c r="HO7" s="90">
        <v>335</v>
      </c>
      <c r="HP7" s="91">
        <v>388</v>
      </c>
      <c r="HQ7" s="92">
        <v>723</v>
      </c>
      <c r="HR7" s="412">
        <v>0</v>
      </c>
      <c r="HS7" s="91">
        <v>349</v>
      </c>
      <c r="HT7" s="91">
        <v>375</v>
      </c>
      <c r="HU7" s="91">
        <v>217</v>
      </c>
      <c r="HV7" s="91">
        <v>197</v>
      </c>
      <c r="HW7" s="91">
        <v>147</v>
      </c>
      <c r="HX7" s="92">
        <v>1285</v>
      </c>
      <c r="HY7" s="93">
        <v>2008</v>
      </c>
      <c r="HZ7" s="90">
        <v>594</v>
      </c>
      <c r="IA7" s="91">
        <v>654</v>
      </c>
      <c r="IB7" s="92">
        <v>1248</v>
      </c>
      <c r="IC7" s="412">
        <v>0</v>
      </c>
      <c r="ID7" s="91">
        <v>737</v>
      </c>
      <c r="IE7" s="91">
        <v>669</v>
      </c>
      <c r="IF7" s="91">
        <v>356</v>
      </c>
      <c r="IG7" s="91">
        <v>300</v>
      </c>
      <c r="IH7" s="91">
        <v>262</v>
      </c>
      <c r="II7" s="92">
        <v>2324</v>
      </c>
      <c r="IJ7" s="93">
        <v>3572</v>
      </c>
      <c r="IK7" s="90">
        <v>1208</v>
      </c>
      <c r="IL7" s="91">
        <v>1102</v>
      </c>
      <c r="IM7" s="92">
        <v>2310</v>
      </c>
      <c r="IN7" s="412">
        <v>0</v>
      </c>
      <c r="IO7" s="91">
        <v>1382</v>
      </c>
      <c r="IP7" s="91">
        <v>1146</v>
      </c>
      <c r="IQ7" s="91">
        <v>662</v>
      </c>
      <c r="IR7" s="91">
        <v>578</v>
      </c>
      <c r="IS7" s="91">
        <v>376</v>
      </c>
      <c r="IT7" s="92">
        <v>4144</v>
      </c>
      <c r="IU7" s="93">
        <v>6454</v>
      </c>
      <c r="IV7" s="90">
        <v>1421</v>
      </c>
      <c r="IW7" s="91">
        <v>1380</v>
      </c>
      <c r="IX7" s="92">
        <v>2801</v>
      </c>
      <c r="IY7" s="412">
        <v>0</v>
      </c>
      <c r="IZ7" s="91">
        <v>1891</v>
      </c>
      <c r="JA7" s="91">
        <v>1663</v>
      </c>
      <c r="JB7" s="91">
        <v>953</v>
      </c>
      <c r="JC7" s="91">
        <v>816</v>
      </c>
      <c r="JD7" s="91">
        <v>517</v>
      </c>
      <c r="JE7" s="92">
        <v>5840</v>
      </c>
      <c r="JF7" s="93">
        <v>8641</v>
      </c>
      <c r="JG7" s="90">
        <v>1039</v>
      </c>
      <c r="JH7" s="91">
        <v>1173</v>
      </c>
      <c r="JI7" s="92">
        <v>2212</v>
      </c>
      <c r="JJ7" s="412">
        <v>0</v>
      </c>
      <c r="JK7" s="91">
        <v>1798</v>
      </c>
      <c r="JL7" s="91">
        <v>1888</v>
      </c>
      <c r="JM7" s="91">
        <v>1325</v>
      </c>
      <c r="JN7" s="91">
        <v>1191</v>
      </c>
      <c r="JO7" s="91">
        <v>717</v>
      </c>
      <c r="JP7" s="92">
        <v>6919</v>
      </c>
      <c r="JQ7" s="93">
        <v>9131</v>
      </c>
      <c r="JR7" s="90">
        <v>0</v>
      </c>
      <c r="JS7" s="91">
        <v>0</v>
      </c>
      <c r="JT7" s="92">
        <v>0</v>
      </c>
      <c r="JU7" s="412">
        <v>0</v>
      </c>
      <c r="JV7" s="91">
        <v>0</v>
      </c>
      <c r="JW7" s="91">
        <v>0</v>
      </c>
      <c r="JX7" s="91">
        <v>0</v>
      </c>
      <c r="JY7" s="91">
        <v>0</v>
      </c>
      <c r="JZ7" s="91">
        <v>0</v>
      </c>
      <c r="KA7" s="92">
        <v>0</v>
      </c>
      <c r="KB7" s="93">
        <v>0</v>
      </c>
      <c r="KC7" s="90">
        <v>4746</v>
      </c>
      <c r="KD7" s="91">
        <v>4885</v>
      </c>
      <c r="KE7" s="92">
        <v>9631</v>
      </c>
      <c r="KF7" s="412">
        <v>0</v>
      </c>
      <c r="KG7" s="91">
        <v>6305</v>
      </c>
      <c r="KH7" s="91">
        <v>5922</v>
      </c>
      <c r="KI7" s="91">
        <v>3633</v>
      </c>
      <c r="KJ7" s="91">
        <v>3192</v>
      </c>
      <c r="KK7" s="91">
        <v>2113</v>
      </c>
      <c r="KL7" s="92">
        <v>21165</v>
      </c>
      <c r="KM7" s="93">
        <v>30796</v>
      </c>
    </row>
    <row r="8" spans="2:299" s="70" customFormat="1" ht="21" customHeight="1" x14ac:dyDescent="0.2">
      <c r="B8" s="95" t="s">
        <v>5</v>
      </c>
      <c r="C8" s="96">
        <v>1501</v>
      </c>
      <c r="D8" s="97">
        <v>1778</v>
      </c>
      <c r="E8" s="98">
        <v>3279</v>
      </c>
      <c r="F8" s="413">
        <v>0</v>
      </c>
      <c r="G8" s="97">
        <v>1640</v>
      </c>
      <c r="H8" s="97">
        <v>2048</v>
      </c>
      <c r="I8" s="97">
        <v>1162</v>
      </c>
      <c r="J8" s="97">
        <v>948</v>
      </c>
      <c r="K8" s="97">
        <v>620</v>
      </c>
      <c r="L8" s="99">
        <v>6418</v>
      </c>
      <c r="M8" s="100">
        <v>9697</v>
      </c>
      <c r="N8" s="101">
        <v>44</v>
      </c>
      <c r="O8" s="102">
        <v>68</v>
      </c>
      <c r="P8" s="103">
        <v>112</v>
      </c>
      <c r="Q8" s="413">
        <v>0</v>
      </c>
      <c r="R8" s="102">
        <v>41</v>
      </c>
      <c r="S8" s="102">
        <v>70</v>
      </c>
      <c r="T8" s="102">
        <v>43</v>
      </c>
      <c r="U8" s="102">
        <v>46</v>
      </c>
      <c r="V8" s="102">
        <v>32</v>
      </c>
      <c r="W8" s="103">
        <v>232</v>
      </c>
      <c r="X8" s="104">
        <v>344</v>
      </c>
      <c r="Y8" s="101">
        <v>96</v>
      </c>
      <c r="Z8" s="102">
        <v>138</v>
      </c>
      <c r="AA8" s="103">
        <v>234</v>
      </c>
      <c r="AB8" s="413">
        <v>0</v>
      </c>
      <c r="AC8" s="102">
        <v>94</v>
      </c>
      <c r="AD8" s="102">
        <v>134</v>
      </c>
      <c r="AE8" s="102">
        <v>77</v>
      </c>
      <c r="AF8" s="102">
        <v>73</v>
      </c>
      <c r="AG8" s="102">
        <v>47</v>
      </c>
      <c r="AH8" s="103">
        <v>425</v>
      </c>
      <c r="AI8" s="104">
        <v>659</v>
      </c>
      <c r="AJ8" s="101">
        <v>156</v>
      </c>
      <c r="AK8" s="102">
        <v>229</v>
      </c>
      <c r="AL8" s="103">
        <v>385</v>
      </c>
      <c r="AM8" s="413">
        <v>0</v>
      </c>
      <c r="AN8" s="102">
        <v>166</v>
      </c>
      <c r="AO8" s="102">
        <v>241</v>
      </c>
      <c r="AP8" s="102">
        <v>119</v>
      </c>
      <c r="AQ8" s="102">
        <v>101</v>
      </c>
      <c r="AR8" s="102">
        <v>80</v>
      </c>
      <c r="AS8" s="103">
        <v>707</v>
      </c>
      <c r="AT8" s="104">
        <v>1092</v>
      </c>
      <c r="AU8" s="101">
        <v>365</v>
      </c>
      <c r="AV8" s="102">
        <v>397</v>
      </c>
      <c r="AW8" s="103">
        <v>762</v>
      </c>
      <c r="AX8" s="413">
        <v>0</v>
      </c>
      <c r="AY8" s="102">
        <v>332</v>
      </c>
      <c r="AZ8" s="102">
        <v>397</v>
      </c>
      <c r="BA8" s="102">
        <v>223</v>
      </c>
      <c r="BB8" s="102">
        <v>191</v>
      </c>
      <c r="BC8" s="102">
        <v>117</v>
      </c>
      <c r="BD8" s="103">
        <v>1260</v>
      </c>
      <c r="BE8" s="104">
        <v>2022</v>
      </c>
      <c r="BF8" s="101">
        <v>485</v>
      </c>
      <c r="BG8" s="102">
        <v>499</v>
      </c>
      <c r="BH8" s="103">
        <v>984</v>
      </c>
      <c r="BI8" s="413">
        <v>0</v>
      </c>
      <c r="BJ8" s="102">
        <v>535</v>
      </c>
      <c r="BK8" s="102">
        <v>591</v>
      </c>
      <c r="BL8" s="102">
        <v>309</v>
      </c>
      <c r="BM8" s="102">
        <v>268</v>
      </c>
      <c r="BN8" s="102">
        <v>154</v>
      </c>
      <c r="BO8" s="103">
        <v>1857</v>
      </c>
      <c r="BP8" s="104">
        <v>2841</v>
      </c>
      <c r="BQ8" s="101">
        <v>355</v>
      </c>
      <c r="BR8" s="102">
        <v>447</v>
      </c>
      <c r="BS8" s="103">
        <v>802</v>
      </c>
      <c r="BT8" s="413">
        <v>0</v>
      </c>
      <c r="BU8" s="102">
        <v>472</v>
      </c>
      <c r="BV8" s="102">
        <v>615</v>
      </c>
      <c r="BW8" s="102">
        <v>391</v>
      </c>
      <c r="BX8" s="102">
        <v>269</v>
      </c>
      <c r="BY8" s="102">
        <v>190</v>
      </c>
      <c r="BZ8" s="103">
        <v>1937</v>
      </c>
      <c r="CA8" s="104">
        <v>2739</v>
      </c>
      <c r="CB8" s="101">
        <v>0</v>
      </c>
      <c r="CC8" s="102">
        <v>0</v>
      </c>
      <c r="CD8" s="103">
        <v>0</v>
      </c>
      <c r="CE8" s="413">
        <v>0</v>
      </c>
      <c r="CF8" s="102">
        <v>0</v>
      </c>
      <c r="CG8" s="102">
        <v>0</v>
      </c>
      <c r="CH8" s="102">
        <v>0</v>
      </c>
      <c r="CI8" s="102">
        <v>0</v>
      </c>
      <c r="CJ8" s="102">
        <v>0</v>
      </c>
      <c r="CK8" s="103">
        <v>0</v>
      </c>
      <c r="CL8" s="104">
        <v>0</v>
      </c>
      <c r="CM8" s="101">
        <v>1501</v>
      </c>
      <c r="CN8" s="102">
        <v>1778</v>
      </c>
      <c r="CO8" s="103">
        <v>3279</v>
      </c>
      <c r="CP8" s="413">
        <v>0</v>
      </c>
      <c r="CQ8" s="102">
        <v>1640</v>
      </c>
      <c r="CR8" s="102">
        <v>2048</v>
      </c>
      <c r="CS8" s="102">
        <v>1162</v>
      </c>
      <c r="CT8" s="102">
        <v>948</v>
      </c>
      <c r="CU8" s="102">
        <v>620</v>
      </c>
      <c r="CV8" s="103">
        <v>6418</v>
      </c>
      <c r="CW8" s="104">
        <v>9697</v>
      </c>
      <c r="CX8" s="105">
        <v>497</v>
      </c>
      <c r="CY8" s="97">
        <v>669</v>
      </c>
      <c r="CZ8" s="98">
        <v>1166</v>
      </c>
      <c r="DA8" s="413">
        <v>0</v>
      </c>
      <c r="DB8" s="97">
        <v>674</v>
      </c>
      <c r="DC8" s="97">
        <v>785</v>
      </c>
      <c r="DD8" s="97">
        <v>479</v>
      </c>
      <c r="DE8" s="97">
        <v>498</v>
      </c>
      <c r="DF8" s="97">
        <v>314</v>
      </c>
      <c r="DG8" s="99">
        <v>2750</v>
      </c>
      <c r="DH8" s="100">
        <v>3916</v>
      </c>
      <c r="DI8" s="101">
        <v>11</v>
      </c>
      <c r="DJ8" s="102">
        <v>17</v>
      </c>
      <c r="DK8" s="103">
        <v>28</v>
      </c>
      <c r="DL8" s="413">
        <v>0</v>
      </c>
      <c r="DM8" s="102">
        <v>9</v>
      </c>
      <c r="DN8" s="102">
        <v>17</v>
      </c>
      <c r="DO8" s="102">
        <v>7</v>
      </c>
      <c r="DP8" s="102">
        <v>11</v>
      </c>
      <c r="DQ8" s="102">
        <v>7</v>
      </c>
      <c r="DR8" s="103">
        <v>51</v>
      </c>
      <c r="DS8" s="104">
        <v>79</v>
      </c>
      <c r="DT8" s="101">
        <v>37</v>
      </c>
      <c r="DU8" s="102">
        <v>47</v>
      </c>
      <c r="DV8" s="103">
        <v>84</v>
      </c>
      <c r="DW8" s="413">
        <v>0</v>
      </c>
      <c r="DX8" s="102">
        <v>13</v>
      </c>
      <c r="DY8" s="102">
        <v>34</v>
      </c>
      <c r="DZ8" s="102">
        <v>14</v>
      </c>
      <c r="EA8" s="102">
        <v>17</v>
      </c>
      <c r="EB8" s="102">
        <v>19</v>
      </c>
      <c r="EC8" s="103">
        <v>97</v>
      </c>
      <c r="ED8" s="104">
        <v>181</v>
      </c>
      <c r="EE8" s="101">
        <v>67</v>
      </c>
      <c r="EF8" s="102">
        <v>99</v>
      </c>
      <c r="EG8" s="103">
        <v>166</v>
      </c>
      <c r="EH8" s="413">
        <v>0</v>
      </c>
      <c r="EI8" s="102">
        <v>70</v>
      </c>
      <c r="EJ8" s="102">
        <v>85</v>
      </c>
      <c r="EK8" s="102">
        <v>29</v>
      </c>
      <c r="EL8" s="102">
        <v>35</v>
      </c>
      <c r="EM8" s="102">
        <v>28</v>
      </c>
      <c r="EN8" s="103">
        <v>247</v>
      </c>
      <c r="EO8" s="104">
        <v>413</v>
      </c>
      <c r="EP8" s="101">
        <v>146</v>
      </c>
      <c r="EQ8" s="102">
        <v>173</v>
      </c>
      <c r="ER8" s="103">
        <v>319</v>
      </c>
      <c r="ES8" s="413">
        <v>0</v>
      </c>
      <c r="ET8" s="102">
        <v>146</v>
      </c>
      <c r="EU8" s="102">
        <v>133</v>
      </c>
      <c r="EV8" s="102">
        <v>87</v>
      </c>
      <c r="EW8" s="102">
        <v>70</v>
      </c>
      <c r="EX8" s="102">
        <v>32</v>
      </c>
      <c r="EY8" s="103">
        <v>468</v>
      </c>
      <c r="EZ8" s="104">
        <v>787</v>
      </c>
      <c r="FA8" s="101">
        <v>142</v>
      </c>
      <c r="FB8" s="102">
        <v>200</v>
      </c>
      <c r="FC8" s="103">
        <v>342</v>
      </c>
      <c r="FD8" s="413">
        <v>0</v>
      </c>
      <c r="FE8" s="102">
        <v>212</v>
      </c>
      <c r="FF8" s="102">
        <v>222</v>
      </c>
      <c r="FG8" s="102">
        <v>116</v>
      </c>
      <c r="FH8" s="102">
        <v>124</v>
      </c>
      <c r="FI8" s="102">
        <v>74</v>
      </c>
      <c r="FJ8" s="103">
        <v>748</v>
      </c>
      <c r="FK8" s="104">
        <v>1090</v>
      </c>
      <c r="FL8" s="101">
        <v>94</v>
      </c>
      <c r="FM8" s="102">
        <v>133</v>
      </c>
      <c r="FN8" s="103">
        <v>227</v>
      </c>
      <c r="FO8" s="413">
        <v>0</v>
      </c>
      <c r="FP8" s="102">
        <v>224</v>
      </c>
      <c r="FQ8" s="102">
        <v>294</v>
      </c>
      <c r="FR8" s="102">
        <v>226</v>
      </c>
      <c r="FS8" s="102">
        <v>241</v>
      </c>
      <c r="FT8" s="102">
        <v>154</v>
      </c>
      <c r="FU8" s="103">
        <v>1139</v>
      </c>
      <c r="FV8" s="104">
        <v>1366</v>
      </c>
      <c r="FW8" s="101">
        <v>0</v>
      </c>
      <c r="FX8" s="102">
        <v>0</v>
      </c>
      <c r="FY8" s="103">
        <v>0</v>
      </c>
      <c r="FZ8" s="413">
        <v>0</v>
      </c>
      <c r="GA8" s="102">
        <v>0</v>
      </c>
      <c r="GB8" s="102">
        <v>0</v>
      </c>
      <c r="GC8" s="102">
        <v>0</v>
      </c>
      <c r="GD8" s="102">
        <v>0</v>
      </c>
      <c r="GE8" s="102">
        <v>0</v>
      </c>
      <c r="GF8" s="103">
        <v>0</v>
      </c>
      <c r="GG8" s="104">
        <v>0</v>
      </c>
      <c r="GH8" s="101">
        <v>497</v>
      </c>
      <c r="GI8" s="102">
        <v>669</v>
      </c>
      <c r="GJ8" s="103">
        <v>1166</v>
      </c>
      <c r="GK8" s="413">
        <v>0</v>
      </c>
      <c r="GL8" s="102">
        <v>674</v>
      </c>
      <c r="GM8" s="102">
        <v>785</v>
      </c>
      <c r="GN8" s="102">
        <v>479</v>
      </c>
      <c r="GO8" s="102">
        <v>498</v>
      </c>
      <c r="GP8" s="102">
        <v>314</v>
      </c>
      <c r="GQ8" s="103">
        <v>2750</v>
      </c>
      <c r="GR8" s="104">
        <v>3916</v>
      </c>
      <c r="GS8" s="105">
        <v>1998</v>
      </c>
      <c r="GT8" s="97">
        <v>2447</v>
      </c>
      <c r="GU8" s="98">
        <v>4445</v>
      </c>
      <c r="GV8" s="413">
        <v>0</v>
      </c>
      <c r="GW8" s="97">
        <v>2314</v>
      </c>
      <c r="GX8" s="97">
        <v>2833</v>
      </c>
      <c r="GY8" s="97">
        <v>1641</v>
      </c>
      <c r="GZ8" s="97">
        <v>1446</v>
      </c>
      <c r="HA8" s="97">
        <v>934</v>
      </c>
      <c r="HB8" s="99">
        <v>9168</v>
      </c>
      <c r="HC8" s="100">
        <v>13613</v>
      </c>
      <c r="HD8" s="101">
        <v>55</v>
      </c>
      <c r="HE8" s="102">
        <v>85</v>
      </c>
      <c r="HF8" s="103">
        <v>140</v>
      </c>
      <c r="HG8" s="413">
        <v>0</v>
      </c>
      <c r="HH8" s="102">
        <v>50</v>
      </c>
      <c r="HI8" s="102">
        <v>87</v>
      </c>
      <c r="HJ8" s="102">
        <v>50</v>
      </c>
      <c r="HK8" s="102">
        <v>57</v>
      </c>
      <c r="HL8" s="102">
        <v>39</v>
      </c>
      <c r="HM8" s="103">
        <v>283</v>
      </c>
      <c r="HN8" s="104">
        <v>423</v>
      </c>
      <c r="HO8" s="101">
        <v>133</v>
      </c>
      <c r="HP8" s="102">
        <v>185</v>
      </c>
      <c r="HQ8" s="103">
        <v>318</v>
      </c>
      <c r="HR8" s="413">
        <v>0</v>
      </c>
      <c r="HS8" s="102">
        <v>107</v>
      </c>
      <c r="HT8" s="102">
        <v>168</v>
      </c>
      <c r="HU8" s="102">
        <v>91</v>
      </c>
      <c r="HV8" s="102">
        <v>90</v>
      </c>
      <c r="HW8" s="102">
        <v>66</v>
      </c>
      <c r="HX8" s="103">
        <v>522</v>
      </c>
      <c r="HY8" s="104">
        <v>840</v>
      </c>
      <c r="HZ8" s="101">
        <v>223</v>
      </c>
      <c r="IA8" s="102">
        <v>328</v>
      </c>
      <c r="IB8" s="103">
        <v>551</v>
      </c>
      <c r="IC8" s="413">
        <v>0</v>
      </c>
      <c r="ID8" s="102">
        <v>236</v>
      </c>
      <c r="IE8" s="102">
        <v>326</v>
      </c>
      <c r="IF8" s="102">
        <v>148</v>
      </c>
      <c r="IG8" s="102">
        <v>136</v>
      </c>
      <c r="IH8" s="102">
        <v>108</v>
      </c>
      <c r="II8" s="103">
        <v>954</v>
      </c>
      <c r="IJ8" s="104">
        <v>1505</v>
      </c>
      <c r="IK8" s="101">
        <v>511</v>
      </c>
      <c r="IL8" s="102">
        <v>570</v>
      </c>
      <c r="IM8" s="103">
        <v>1081</v>
      </c>
      <c r="IN8" s="413">
        <v>0</v>
      </c>
      <c r="IO8" s="102">
        <v>478</v>
      </c>
      <c r="IP8" s="102">
        <v>530</v>
      </c>
      <c r="IQ8" s="102">
        <v>310</v>
      </c>
      <c r="IR8" s="102">
        <v>261</v>
      </c>
      <c r="IS8" s="102">
        <v>149</v>
      </c>
      <c r="IT8" s="103">
        <v>1728</v>
      </c>
      <c r="IU8" s="104">
        <v>2809</v>
      </c>
      <c r="IV8" s="101">
        <v>627</v>
      </c>
      <c r="IW8" s="102">
        <v>699</v>
      </c>
      <c r="IX8" s="103">
        <v>1326</v>
      </c>
      <c r="IY8" s="413">
        <v>0</v>
      </c>
      <c r="IZ8" s="102">
        <v>747</v>
      </c>
      <c r="JA8" s="102">
        <v>813</v>
      </c>
      <c r="JB8" s="102">
        <v>425</v>
      </c>
      <c r="JC8" s="102">
        <v>392</v>
      </c>
      <c r="JD8" s="102">
        <v>228</v>
      </c>
      <c r="JE8" s="103">
        <v>2605</v>
      </c>
      <c r="JF8" s="104">
        <v>3931</v>
      </c>
      <c r="JG8" s="101">
        <v>449</v>
      </c>
      <c r="JH8" s="102">
        <v>580</v>
      </c>
      <c r="JI8" s="103">
        <v>1029</v>
      </c>
      <c r="JJ8" s="413">
        <v>0</v>
      </c>
      <c r="JK8" s="102">
        <v>696</v>
      </c>
      <c r="JL8" s="102">
        <v>909</v>
      </c>
      <c r="JM8" s="102">
        <v>617</v>
      </c>
      <c r="JN8" s="102">
        <v>510</v>
      </c>
      <c r="JO8" s="102">
        <v>344</v>
      </c>
      <c r="JP8" s="103">
        <v>3076</v>
      </c>
      <c r="JQ8" s="104">
        <v>4105</v>
      </c>
      <c r="JR8" s="101">
        <v>0</v>
      </c>
      <c r="JS8" s="102">
        <v>0</v>
      </c>
      <c r="JT8" s="103">
        <v>0</v>
      </c>
      <c r="JU8" s="413">
        <v>0</v>
      </c>
      <c r="JV8" s="102">
        <v>0</v>
      </c>
      <c r="JW8" s="102">
        <v>0</v>
      </c>
      <c r="JX8" s="102">
        <v>0</v>
      </c>
      <c r="JY8" s="102">
        <v>0</v>
      </c>
      <c r="JZ8" s="102">
        <v>0</v>
      </c>
      <c r="KA8" s="103">
        <v>0</v>
      </c>
      <c r="KB8" s="104">
        <v>0</v>
      </c>
      <c r="KC8" s="101">
        <v>1998</v>
      </c>
      <c r="KD8" s="102">
        <v>2447</v>
      </c>
      <c r="KE8" s="103">
        <v>4445</v>
      </c>
      <c r="KF8" s="413">
        <v>0</v>
      </c>
      <c r="KG8" s="102">
        <v>2314</v>
      </c>
      <c r="KH8" s="102">
        <v>2833</v>
      </c>
      <c r="KI8" s="102">
        <v>1641</v>
      </c>
      <c r="KJ8" s="102">
        <v>1446</v>
      </c>
      <c r="KK8" s="102">
        <v>934</v>
      </c>
      <c r="KL8" s="103">
        <v>9168</v>
      </c>
      <c r="KM8" s="104">
        <v>13613</v>
      </c>
    </row>
    <row r="9" spans="2:299" s="70" customFormat="1" ht="21" customHeight="1" x14ac:dyDescent="0.2">
      <c r="B9" s="106" t="s">
        <v>6</v>
      </c>
      <c r="C9" s="96">
        <v>450</v>
      </c>
      <c r="D9" s="97">
        <v>397</v>
      </c>
      <c r="E9" s="98">
        <v>847</v>
      </c>
      <c r="F9" s="413">
        <v>0</v>
      </c>
      <c r="G9" s="97">
        <v>804</v>
      </c>
      <c r="H9" s="97">
        <v>595</v>
      </c>
      <c r="I9" s="97">
        <v>351</v>
      </c>
      <c r="J9" s="97">
        <v>317</v>
      </c>
      <c r="K9" s="97">
        <v>233</v>
      </c>
      <c r="L9" s="99">
        <v>2300</v>
      </c>
      <c r="M9" s="100">
        <v>3147</v>
      </c>
      <c r="N9" s="101">
        <v>27</v>
      </c>
      <c r="O9" s="102">
        <v>19</v>
      </c>
      <c r="P9" s="103">
        <v>46</v>
      </c>
      <c r="Q9" s="413">
        <v>0</v>
      </c>
      <c r="R9" s="102">
        <v>28</v>
      </c>
      <c r="S9" s="102">
        <v>25</v>
      </c>
      <c r="T9" s="102">
        <v>10</v>
      </c>
      <c r="U9" s="102">
        <v>15</v>
      </c>
      <c r="V9" s="102">
        <v>15</v>
      </c>
      <c r="W9" s="103">
        <v>93</v>
      </c>
      <c r="X9" s="104">
        <v>139</v>
      </c>
      <c r="Y9" s="101">
        <v>39</v>
      </c>
      <c r="Z9" s="102">
        <v>34</v>
      </c>
      <c r="AA9" s="103">
        <v>73</v>
      </c>
      <c r="AB9" s="413">
        <v>0</v>
      </c>
      <c r="AC9" s="102">
        <v>49</v>
      </c>
      <c r="AD9" s="102">
        <v>49</v>
      </c>
      <c r="AE9" s="102">
        <v>21</v>
      </c>
      <c r="AF9" s="102">
        <v>25</v>
      </c>
      <c r="AG9" s="102">
        <v>19</v>
      </c>
      <c r="AH9" s="103">
        <v>163</v>
      </c>
      <c r="AI9" s="104">
        <v>236</v>
      </c>
      <c r="AJ9" s="101">
        <v>59</v>
      </c>
      <c r="AK9" s="102">
        <v>49</v>
      </c>
      <c r="AL9" s="103">
        <v>108</v>
      </c>
      <c r="AM9" s="413">
        <v>0</v>
      </c>
      <c r="AN9" s="102">
        <v>101</v>
      </c>
      <c r="AO9" s="102">
        <v>64</v>
      </c>
      <c r="AP9" s="102">
        <v>45</v>
      </c>
      <c r="AQ9" s="102">
        <v>40</v>
      </c>
      <c r="AR9" s="102">
        <v>37</v>
      </c>
      <c r="AS9" s="103">
        <v>287</v>
      </c>
      <c r="AT9" s="104">
        <v>395</v>
      </c>
      <c r="AU9" s="101">
        <v>104</v>
      </c>
      <c r="AV9" s="102">
        <v>76</v>
      </c>
      <c r="AW9" s="103">
        <v>180</v>
      </c>
      <c r="AX9" s="413">
        <v>0</v>
      </c>
      <c r="AY9" s="102">
        <v>190</v>
      </c>
      <c r="AZ9" s="102">
        <v>118</v>
      </c>
      <c r="BA9" s="102">
        <v>65</v>
      </c>
      <c r="BB9" s="102">
        <v>62</v>
      </c>
      <c r="BC9" s="102">
        <v>37</v>
      </c>
      <c r="BD9" s="103">
        <v>472</v>
      </c>
      <c r="BE9" s="104">
        <v>652</v>
      </c>
      <c r="BF9" s="101">
        <v>119</v>
      </c>
      <c r="BG9" s="102">
        <v>105</v>
      </c>
      <c r="BH9" s="103">
        <v>224</v>
      </c>
      <c r="BI9" s="413">
        <v>0</v>
      </c>
      <c r="BJ9" s="102">
        <v>231</v>
      </c>
      <c r="BK9" s="102">
        <v>150</v>
      </c>
      <c r="BL9" s="102">
        <v>86</v>
      </c>
      <c r="BM9" s="102">
        <v>77</v>
      </c>
      <c r="BN9" s="102">
        <v>58</v>
      </c>
      <c r="BO9" s="103">
        <v>602</v>
      </c>
      <c r="BP9" s="104">
        <v>826</v>
      </c>
      <c r="BQ9" s="101">
        <v>102</v>
      </c>
      <c r="BR9" s="102">
        <v>114</v>
      </c>
      <c r="BS9" s="103">
        <v>216</v>
      </c>
      <c r="BT9" s="413">
        <v>0</v>
      </c>
      <c r="BU9" s="102">
        <v>205</v>
      </c>
      <c r="BV9" s="102">
        <v>189</v>
      </c>
      <c r="BW9" s="102">
        <v>124</v>
      </c>
      <c r="BX9" s="102">
        <v>98</v>
      </c>
      <c r="BY9" s="102">
        <v>67</v>
      </c>
      <c r="BZ9" s="103">
        <v>683</v>
      </c>
      <c r="CA9" s="104">
        <v>899</v>
      </c>
      <c r="CB9" s="101">
        <v>0</v>
      </c>
      <c r="CC9" s="102">
        <v>0</v>
      </c>
      <c r="CD9" s="103">
        <v>0</v>
      </c>
      <c r="CE9" s="413">
        <v>0</v>
      </c>
      <c r="CF9" s="102">
        <v>0</v>
      </c>
      <c r="CG9" s="102">
        <v>0</v>
      </c>
      <c r="CH9" s="102">
        <v>0</v>
      </c>
      <c r="CI9" s="102">
        <v>0</v>
      </c>
      <c r="CJ9" s="102">
        <v>0</v>
      </c>
      <c r="CK9" s="103">
        <v>0</v>
      </c>
      <c r="CL9" s="104">
        <v>0</v>
      </c>
      <c r="CM9" s="101">
        <v>450</v>
      </c>
      <c r="CN9" s="102">
        <v>397</v>
      </c>
      <c r="CO9" s="103">
        <v>847</v>
      </c>
      <c r="CP9" s="413">
        <v>0</v>
      </c>
      <c r="CQ9" s="102">
        <v>804</v>
      </c>
      <c r="CR9" s="102">
        <v>595</v>
      </c>
      <c r="CS9" s="102">
        <v>351</v>
      </c>
      <c r="CT9" s="102">
        <v>317</v>
      </c>
      <c r="CU9" s="102">
        <v>233</v>
      </c>
      <c r="CV9" s="103">
        <v>2300</v>
      </c>
      <c r="CW9" s="104">
        <v>3147</v>
      </c>
      <c r="CX9" s="105">
        <v>233</v>
      </c>
      <c r="CY9" s="97">
        <v>262</v>
      </c>
      <c r="CZ9" s="98">
        <v>495</v>
      </c>
      <c r="DA9" s="413">
        <v>0</v>
      </c>
      <c r="DB9" s="97">
        <v>393</v>
      </c>
      <c r="DC9" s="97">
        <v>279</v>
      </c>
      <c r="DD9" s="97">
        <v>198</v>
      </c>
      <c r="DE9" s="97">
        <v>183</v>
      </c>
      <c r="DF9" s="97">
        <v>121</v>
      </c>
      <c r="DG9" s="99">
        <v>1174</v>
      </c>
      <c r="DH9" s="100">
        <v>1669</v>
      </c>
      <c r="DI9" s="101">
        <v>4</v>
      </c>
      <c r="DJ9" s="102">
        <v>7</v>
      </c>
      <c r="DK9" s="103">
        <v>11</v>
      </c>
      <c r="DL9" s="413">
        <v>0</v>
      </c>
      <c r="DM9" s="102">
        <v>2</v>
      </c>
      <c r="DN9" s="102">
        <v>8</v>
      </c>
      <c r="DO9" s="102">
        <v>3</v>
      </c>
      <c r="DP9" s="102">
        <v>1</v>
      </c>
      <c r="DQ9" s="102">
        <v>1</v>
      </c>
      <c r="DR9" s="103">
        <v>15</v>
      </c>
      <c r="DS9" s="104">
        <v>26</v>
      </c>
      <c r="DT9" s="101">
        <v>13</v>
      </c>
      <c r="DU9" s="102">
        <v>27</v>
      </c>
      <c r="DV9" s="103">
        <v>40</v>
      </c>
      <c r="DW9" s="413">
        <v>0</v>
      </c>
      <c r="DX9" s="102">
        <v>17</v>
      </c>
      <c r="DY9" s="102">
        <v>9</v>
      </c>
      <c r="DZ9" s="102">
        <v>11</v>
      </c>
      <c r="EA9" s="102">
        <v>5</v>
      </c>
      <c r="EB9" s="102">
        <v>3</v>
      </c>
      <c r="EC9" s="103">
        <v>45</v>
      </c>
      <c r="ED9" s="104">
        <v>85</v>
      </c>
      <c r="EE9" s="101">
        <v>35</v>
      </c>
      <c r="EF9" s="102">
        <v>33</v>
      </c>
      <c r="EG9" s="103">
        <v>68</v>
      </c>
      <c r="EH9" s="413">
        <v>0</v>
      </c>
      <c r="EI9" s="102">
        <v>45</v>
      </c>
      <c r="EJ9" s="102">
        <v>26</v>
      </c>
      <c r="EK9" s="102">
        <v>15</v>
      </c>
      <c r="EL9" s="102">
        <v>10</v>
      </c>
      <c r="EM9" s="102">
        <v>14</v>
      </c>
      <c r="EN9" s="103">
        <v>110</v>
      </c>
      <c r="EO9" s="104">
        <v>178</v>
      </c>
      <c r="EP9" s="101">
        <v>78</v>
      </c>
      <c r="EQ9" s="102">
        <v>51</v>
      </c>
      <c r="ER9" s="103">
        <v>129</v>
      </c>
      <c r="ES9" s="413">
        <v>0</v>
      </c>
      <c r="ET9" s="102">
        <v>87</v>
      </c>
      <c r="EU9" s="102">
        <v>50</v>
      </c>
      <c r="EV9" s="102">
        <v>25</v>
      </c>
      <c r="EW9" s="102">
        <v>26</v>
      </c>
      <c r="EX9" s="102">
        <v>19</v>
      </c>
      <c r="EY9" s="103">
        <v>207</v>
      </c>
      <c r="EZ9" s="104">
        <v>336</v>
      </c>
      <c r="FA9" s="101">
        <v>56</v>
      </c>
      <c r="FB9" s="102">
        <v>83</v>
      </c>
      <c r="FC9" s="103">
        <v>139</v>
      </c>
      <c r="FD9" s="413">
        <v>0</v>
      </c>
      <c r="FE9" s="102">
        <v>107</v>
      </c>
      <c r="FF9" s="102">
        <v>73</v>
      </c>
      <c r="FG9" s="102">
        <v>63</v>
      </c>
      <c r="FH9" s="102">
        <v>44</v>
      </c>
      <c r="FI9" s="102">
        <v>28</v>
      </c>
      <c r="FJ9" s="103">
        <v>315</v>
      </c>
      <c r="FK9" s="104">
        <v>454</v>
      </c>
      <c r="FL9" s="101">
        <v>47</v>
      </c>
      <c r="FM9" s="102">
        <v>61</v>
      </c>
      <c r="FN9" s="103">
        <v>108</v>
      </c>
      <c r="FO9" s="413">
        <v>0</v>
      </c>
      <c r="FP9" s="102">
        <v>135</v>
      </c>
      <c r="FQ9" s="102">
        <v>113</v>
      </c>
      <c r="FR9" s="102">
        <v>81</v>
      </c>
      <c r="FS9" s="102">
        <v>97</v>
      </c>
      <c r="FT9" s="102">
        <v>56</v>
      </c>
      <c r="FU9" s="103">
        <v>482</v>
      </c>
      <c r="FV9" s="104">
        <v>590</v>
      </c>
      <c r="FW9" s="101">
        <v>0</v>
      </c>
      <c r="FX9" s="102">
        <v>0</v>
      </c>
      <c r="FY9" s="103">
        <v>0</v>
      </c>
      <c r="FZ9" s="413">
        <v>0</v>
      </c>
      <c r="GA9" s="102">
        <v>0</v>
      </c>
      <c r="GB9" s="102">
        <v>0</v>
      </c>
      <c r="GC9" s="102">
        <v>0</v>
      </c>
      <c r="GD9" s="102">
        <v>0</v>
      </c>
      <c r="GE9" s="102">
        <v>0</v>
      </c>
      <c r="GF9" s="103">
        <v>0</v>
      </c>
      <c r="GG9" s="104">
        <v>0</v>
      </c>
      <c r="GH9" s="101">
        <v>233</v>
      </c>
      <c r="GI9" s="102">
        <v>262</v>
      </c>
      <c r="GJ9" s="103">
        <v>495</v>
      </c>
      <c r="GK9" s="413">
        <v>0</v>
      </c>
      <c r="GL9" s="102">
        <v>393</v>
      </c>
      <c r="GM9" s="102">
        <v>279</v>
      </c>
      <c r="GN9" s="102">
        <v>198</v>
      </c>
      <c r="GO9" s="102">
        <v>183</v>
      </c>
      <c r="GP9" s="102">
        <v>121</v>
      </c>
      <c r="GQ9" s="103">
        <v>1174</v>
      </c>
      <c r="GR9" s="104">
        <v>1669</v>
      </c>
      <c r="GS9" s="105">
        <v>683</v>
      </c>
      <c r="GT9" s="97">
        <v>659</v>
      </c>
      <c r="GU9" s="98">
        <v>1342</v>
      </c>
      <c r="GV9" s="413">
        <v>0</v>
      </c>
      <c r="GW9" s="97">
        <v>1197</v>
      </c>
      <c r="GX9" s="97">
        <v>874</v>
      </c>
      <c r="GY9" s="97">
        <v>549</v>
      </c>
      <c r="GZ9" s="97">
        <v>500</v>
      </c>
      <c r="HA9" s="97">
        <v>354</v>
      </c>
      <c r="HB9" s="99">
        <v>3474</v>
      </c>
      <c r="HC9" s="100">
        <v>4816</v>
      </c>
      <c r="HD9" s="101">
        <v>31</v>
      </c>
      <c r="HE9" s="102">
        <v>26</v>
      </c>
      <c r="HF9" s="103">
        <v>57</v>
      </c>
      <c r="HG9" s="413">
        <v>0</v>
      </c>
      <c r="HH9" s="102">
        <v>30</v>
      </c>
      <c r="HI9" s="102">
        <v>33</v>
      </c>
      <c r="HJ9" s="102">
        <v>13</v>
      </c>
      <c r="HK9" s="102">
        <v>16</v>
      </c>
      <c r="HL9" s="102">
        <v>16</v>
      </c>
      <c r="HM9" s="103">
        <v>108</v>
      </c>
      <c r="HN9" s="104">
        <v>165</v>
      </c>
      <c r="HO9" s="101">
        <v>52</v>
      </c>
      <c r="HP9" s="102">
        <v>61</v>
      </c>
      <c r="HQ9" s="103">
        <v>113</v>
      </c>
      <c r="HR9" s="413">
        <v>0</v>
      </c>
      <c r="HS9" s="102">
        <v>66</v>
      </c>
      <c r="HT9" s="102">
        <v>58</v>
      </c>
      <c r="HU9" s="102">
        <v>32</v>
      </c>
      <c r="HV9" s="102">
        <v>30</v>
      </c>
      <c r="HW9" s="102">
        <v>22</v>
      </c>
      <c r="HX9" s="103">
        <v>208</v>
      </c>
      <c r="HY9" s="104">
        <v>321</v>
      </c>
      <c r="HZ9" s="101">
        <v>94</v>
      </c>
      <c r="IA9" s="102">
        <v>82</v>
      </c>
      <c r="IB9" s="103">
        <v>176</v>
      </c>
      <c r="IC9" s="413">
        <v>0</v>
      </c>
      <c r="ID9" s="102">
        <v>146</v>
      </c>
      <c r="IE9" s="102">
        <v>90</v>
      </c>
      <c r="IF9" s="102">
        <v>60</v>
      </c>
      <c r="IG9" s="102">
        <v>50</v>
      </c>
      <c r="IH9" s="102">
        <v>51</v>
      </c>
      <c r="II9" s="103">
        <v>397</v>
      </c>
      <c r="IJ9" s="104">
        <v>573</v>
      </c>
      <c r="IK9" s="101">
        <v>182</v>
      </c>
      <c r="IL9" s="102">
        <v>127</v>
      </c>
      <c r="IM9" s="103">
        <v>309</v>
      </c>
      <c r="IN9" s="413">
        <v>0</v>
      </c>
      <c r="IO9" s="102">
        <v>277</v>
      </c>
      <c r="IP9" s="102">
        <v>168</v>
      </c>
      <c r="IQ9" s="102">
        <v>90</v>
      </c>
      <c r="IR9" s="102">
        <v>88</v>
      </c>
      <c r="IS9" s="102">
        <v>56</v>
      </c>
      <c r="IT9" s="103">
        <v>679</v>
      </c>
      <c r="IU9" s="104">
        <v>988</v>
      </c>
      <c r="IV9" s="101">
        <v>175</v>
      </c>
      <c r="IW9" s="102">
        <v>188</v>
      </c>
      <c r="IX9" s="103">
        <v>363</v>
      </c>
      <c r="IY9" s="413">
        <v>0</v>
      </c>
      <c r="IZ9" s="102">
        <v>338</v>
      </c>
      <c r="JA9" s="102">
        <v>223</v>
      </c>
      <c r="JB9" s="102">
        <v>149</v>
      </c>
      <c r="JC9" s="102">
        <v>121</v>
      </c>
      <c r="JD9" s="102">
        <v>86</v>
      </c>
      <c r="JE9" s="103">
        <v>917</v>
      </c>
      <c r="JF9" s="104">
        <v>1280</v>
      </c>
      <c r="JG9" s="101">
        <v>149</v>
      </c>
      <c r="JH9" s="102">
        <v>175</v>
      </c>
      <c r="JI9" s="103">
        <v>324</v>
      </c>
      <c r="JJ9" s="413">
        <v>0</v>
      </c>
      <c r="JK9" s="102">
        <v>340</v>
      </c>
      <c r="JL9" s="102">
        <v>302</v>
      </c>
      <c r="JM9" s="102">
        <v>205</v>
      </c>
      <c r="JN9" s="102">
        <v>195</v>
      </c>
      <c r="JO9" s="102">
        <v>123</v>
      </c>
      <c r="JP9" s="103">
        <v>1165</v>
      </c>
      <c r="JQ9" s="104">
        <v>1489</v>
      </c>
      <c r="JR9" s="101">
        <v>0</v>
      </c>
      <c r="JS9" s="102">
        <v>0</v>
      </c>
      <c r="JT9" s="103">
        <v>0</v>
      </c>
      <c r="JU9" s="413">
        <v>0</v>
      </c>
      <c r="JV9" s="102">
        <v>0</v>
      </c>
      <c r="JW9" s="102">
        <v>0</v>
      </c>
      <c r="JX9" s="102">
        <v>0</v>
      </c>
      <c r="JY9" s="102">
        <v>0</v>
      </c>
      <c r="JZ9" s="102">
        <v>0</v>
      </c>
      <c r="KA9" s="103">
        <v>0</v>
      </c>
      <c r="KB9" s="104">
        <v>0</v>
      </c>
      <c r="KC9" s="101">
        <v>683</v>
      </c>
      <c r="KD9" s="102">
        <v>659</v>
      </c>
      <c r="KE9" s="103">
        <v>1342</v>
      </c>
      <c r="KF9" s="413">
        <v>0</v>
      </c>
      <c r="KG9" s="102">
        <v>1197</v>
      </c>
      <c r="KH9" s="102">
        <v>874</v>
      </c>
      <c r="KI9" s="102">
        <v>549</v>
      </c>
      <c r="KJ9" s="102">
        <v>500</v>
      </c>
      <c r="KK9" s="102">
        <v>354</v>
      </c>
      <c r="KL9" s="103">
        <v>3474</v>
      </c>
      <c r="KM9" s="104">
        <v>4816</v>
      </c>
    </row>
    <row r="10" spans="2:299" s="70" customFormat="1" ht="21" customHeight="1" x14ac:dyDescent="0.2">
      <c r="B10" s="106" t="s">
        <v>14</v>
      </c>
      <c r="C10" s="96">
        <v>208</v>
      </c>
      <c r="D10" s="97">
        <v>220</v>
      </c>
      <c r="E10" s="98">
        <v>428</v>
      </c>
      <c r="F10" s="413">
        <v>0</v>
      </c>
      <c r="G10" s="97">
        <v>233</v>
      </c>
      <c r="H10" s="97">
        <v>294</v>
      </c>
      <c r="I10" s="97">
        <v>165</v>
      </c>
      <c r="J10" s="97">
        <v>131</v>
      </c>
      <c r="K10" s="97">
        <v>90</v>
      </c>
      <c r="L10" s="99">
        <v>913</v>
      </c>
      <c r="M10" s="100">
        <v>1341</v>
      </c>
      <c r="N10" s="101">
        <v>2</v>
      </c>
      <c r="O10" s="102">
        <v>11</v>
      </c>
      <c r="P10" s="103">
        <v>13</v>
      </c>
      <c r="Q10" s="413">
        <v>0</v>
      </c>
      <c r="R10" s="102">
        <v>5</v>
      </c>
      <c r="S10" s="102">
        <v>10</v>
      </c>
      <c r="T10" s="102">
        <v>11</v>
      </c>
      <c r="U10" s="102">
        <v>6</v>
      </c>
      <c r="V10" s="102">
        <v>4</v>
      </c>
      <c r="W10" s="103">
        <v>36</v>
      </c>
      <c r="X10" s="104">
        <v>49</v>
      </c>
      <c r="Y10" s="101">
        <v>19</v>
      </c>
      <c r="Z10" s="102">
        <v>24</v>
      </c>
      <c r="AA10" s="103">
        <v>43</v>
      </c>
      <c r="AB10" s="413">
        <v>0</v>
      </c>
      <c r="AC10" s="102">
        <v>18</v>
      </c>
      <c r="AD10" s="102">
        <v>19</v>
      </c>
      <c r="AE10" s="102">
        <v>14</v>
      </c>
      <c r="AF10" s="102">
        <v>12</v>
      </c>
      <c r="AG10" s="102">
        <v>9</v>
      </c>
      <c r="AH10" s="103">
        <v>72</v>
      </c>
      <c r="AI10" s="104">
        <v>115</v>
      </c>
      <c r="AJ10" s="101">
        <v>28</v>
      </c>
      <c r="AK10" s="102">
        <v>35</v>
      </c>
      <c r="AL10" s="103">
        <v>63</v>
      </c>
      <c r="AM10" s="413">
        <v>0</v>
      </c>
      <c r="AN10" s="102">
        <v>22</v>
      </c>
      <c r="AO10" s="102">
        <v>47</v>
      </c>
      <c r="AP10" s="102">
        <v>16</v>
      </c>
      <c r="AQ10" s="102">
        <v>12</v>
      </c>
      <c r="AR10" s="102">
        <v>13</v>
      </c>
      <c r="AS10" s="103">
        <v>110</v>
      </c>
      <c r="AT10" s="104">
        <v>173</v>
      </c>
      <c r="AU10" s="101">
        <v>50</v>
      </c>
      <c r="AV10" s="102">
        <v>43</v>
      </c>
      <c r="AW10" s="103">
        <v>93</v>
      </c>
      <c r="AX10" s="413">
        <v>0</v>
      </c>
      <c r="AY10" s="102">
        <v>65</v>
      </c>
      <c r="AZ10" s="102">
        <v>60</v>
      </c>
      <c r="BA10" s="102">
        <v>24</v>
      </c>
      <c r="BB10" s="102">
        <v>28</v>
      </c>
      <c r="BC10" s="102">
        <v>25</v>
      </c>
      <c r="BD10" s="103">
        <v>202</v>
      </c>
      <c r="BE10" s="104">
        <v>295</v>
      </c>
      <c r="BF10" s="101">
        <v>70</v>
      </c>
      <c r="BG10" s="102">
        <v>63</v>
      </c>
      <c r="BH10" s="103">
        <v>133</v>
      </c>
      <c r="BI10" s="413">
        <v>0</v>
      </c>
      <c r="BJ10" s="102">
        <v>68</v>
      </c>
      <c r="BK10" s="102">
        <v>89</v>
      </c>
      <c r="BL10" s="102">
        <v>54</v>
      </c>
      <c r="BM10" s="102">
        <v>37</v>
      </c>
      <c r="BN10" s="102">
        <v>20</v>
      </c>
      <c r="BO10" s="103">
        <v>268</v>
      </c>
      <c r="BP10" s="104">
        <v>401</v>
      </c>
      <c r="BQ10" s="101">
        <v>39</v>
      </c>
      <c r="BR10" s="102">
        <v>44</v>
      </c>
      <c r="BS10" s="103">
        <v>83</v>
      </c>
      <c r="BT10" s="413">
        <v>0</v>
      </c>
      <c r="BU10" s="102">
        <v>55</v>
      </c>
      <c r="BV10" s="102">
        <v>69</v>
      </c>
      <c r="BW10" s="102">
        <v>46</v>
      </c>
      <c r="BX10" s="102">
        <v>36</v>
      </c>
      <c r="BY10" s="102">
        <v>19</v>
      </c>
      <c r="BZ10" s="103">
        <v>225</v>
      </c>
      <c r="CA10" s="104">
        <v>308</v>
      </c>
      <c r="CB10" s="101">
        <v>0</v>
      </c>
      <c r="CC10" s="102">
        <v>0</v>
      </c>
      <c r="CD10" s="103">
        <v>0</v>
      </c>
      <c r="CE10" s="413">
        <v>0</v>
      </c>
      <c r="CF10" s="102">
        <v>0</v>
      </c>
      <c r="CG10" s="102">
        <v>0</v>
      </c>
      <c r="CH10" s="102">
        <v>0</v>
      </c>
      <c r="CI10" s="102">
        <v>0</v>
      </c>
      <c r="CJ10" s="102">
        <v>0</v>
      </c>
      <c r="CK10" s="103">
        <v>0</v>
      </c>
      <c r="CL10" s="104">
        <v>0</v>
      </c>
      <c r="CM10" s="101">
        <v>208</v>
      </c>
      <c r="CN10" s="102">
        <v>220</v>
      </c>
      <c r="CO10" s="103">
        <v>428</v>
      </c>
      <c r="CP10" s="413">
        <v>0</v>
      </c>
      <c r="CQ10" s="102">
        <v>233</v>
      </c>
      <c r="CR10" s="102">
        <v>294</v>
      </c>
      <c r="CS10" s="102">
        <v>165</v>
      </c>
      <c r="CT10" s="102">
        <v>131</v>
      </c>
      <c r="CU10" s="102">
        <v>90</v>
      </c>
      <c r="CV10" s="103">
        <v>913</v>
      </c>
      <c r="CW10" s="104">
        <v>1341</v>
      </c>
      <c r="CX10" s="105">
        <v>62</v>
      </c>
      <c r="CY10" s="97">
        <v>80</v>
      </c>
      <c r="CZ10" s="98">
        <v>142</v>
      </c>
      <c r="DA10" s="413">
        <v>0</v>
      </c>
      <c r="DB10" s="97">
        <v>100</v>
      </c>
      <c r="DC10" s="97">
        <v>130</v>
      </c>
      <c r="DD10" s="97">
        <v>77</v>
      </c>
      <c r="DE10" s="97">
        <v>79</v>
      </c>
      <c r="DF10" s="97">
        <v>43</v>
      </c>
      <c r="DG10" s="99">
        <v>429</v>
      </c>
      <c r="DH10" s="100">
        <v>571</v>
      </c>
      <c r="DI10" s="101">
        <v>1</v>
      </c>
      <c r="DJ10" s="102">
        <v>3</v>
      </c>
      <c r="DK10" s="103">
        <v>4</v>
      </c>
      <c r="DL10" s="413">
        <v>0</v>
      </c>
      <c r="DM10" s="102">
        <v>2</v>
      </c>
      <c r="DN10" s="102">
        <v>7</v>
      </c>
      <c r="DO10" s="102">
        <v>0</v>
      </c>
      <c r="DP10" s="102">
        <v>2</v>
      </c>
      <c r="DQ10" s="102">
        <v>2</v>
      </c>
      <c r="DR10" s="103">
        <v>13</v>
      </c>
      <c r="DS10" s="104">
        <v>17</v>
      </c>
      <c r="DT10" s="101">
        <v>8</v>
      </c>
      <c r="DU10" s="102">
        <v>2</v>
      </c>
      <c r="DV10" s="103">
        <v>10</v>
      </c>
      <c r="DW10" s="413">
        <v>0</v>
      </c>
      <c r="DX10" s="102">
        <v>4</v>
      </c>
      <c r="DY10" s="102">
        <v>6</v>
      </c>
      <c r="DZ10" s="102">
        <v>5</v>
      </c>
      <c r="EA10" s="102">
        <v>0</v>
      </c>
      <c r="EB10" s="102">
        <v>0</v>
      </c>
      <c r="EC10" s="103">
        <v>15</v>
      </c>
      <c r="ED10" s="104">
        <v>25</v>
      </c>
      <c r="EE10" s="101">
        <v>11</v>
      </c>
      <c r="EF10" s="102">
        <v>14</v>
      </c>
      <c r="EG10" s="103">
        <v>25</v>
      </c>
      <c r="EH10" s="413">
        <v>0</v>
      </c>
      <c r="EI10" s="102">
        <v>13</v>
      </c>
      <c r="EJ10" s="102">
        <v>14</v>
      </c>
      <c r="EK10" s="102">
        <v>4</v>
      </c>
      <c r="EL10" s="102">
        <v>2</v>
      </c>
      <c r="EM10" s="102">
        <v>6</v>
      </c>
      <c r="EN10" s="103">
        <v>39</v>
      </c>
      <c r="EO10" s="104">
        <v>64</v>
      </c>
      <c r="EP10" s="101">
        <v>19</v>
      </c>
      <c r="EQ10" s="102">
        <v>16</v>
      </c>
      <c r="ER10" s="103">
        <v>35</v>
      </c>
      <c r="ES10" s="413">
        <v>0</v>
      </c>
      <c r="ET10" s="102">
        <v>16</v>
      </c>
      <c r="EU10" s="102">
        <v>26</v>
      </c>
      <c r="EV10" s="102">
        <v>16</v>
      </c>
      <c r="EW10" s="102">
        <v>12</v>
      </c>
      <c r="EX10" s="102">
        <v>7</v>
      </c>
      <c r="EY10" s="103">
        <v>77</v>
      </c>
      <c r="EZ10" s="104">
        <v>112</v>
      </c>
      <c r="FA10" s="101">
        <v>13</v>
      </c>
      <c r="FB10" s="102">
        <v>25</v>
      </c>
      <c r="FC10" s="103">
        <v>38</v>
      </c>
      <c r="FD10" s="413">
        <v>0</v>
      </c>
      <c r="FE10" s="102">
        <v>36</v>
      </c>
      <c r="FF10" s="102">
        <v>34</v>
      </c>
      <c r="FG10" s="102">
        <v>16</v>
      </c>
      <c r="FH10" s="102">
        <v>20</v>
      </c>
      <c r="FI10" s="102">
        <v>12</v>
      </c>
      <c r="FJ10" s="103">
        <v>118</v>
      </c>
      <c r="FK10" s="104">
        <v>156</v>
      </c>
      <c r="FL10" s="101">
        <v>10</v>
      </c>
      <c r="FM10" s="102">
        <v>20</v>
      </c>
      <c r="FN10" s="103">
        <v>30</v>
      </c>
      <c r="FO10" s="413">
        <v>0</v>
      </c>
      <c r="FP10" s="102">
        <v>29</v>
      </c>
      <c r="FQ10" s="102">
        <v>43</v>
      </c>
      <c r="FR10" s="102">
        <v>36</v>
      </c>
      <c r="FS10" s="102">
        <v>43</v>
      </c>
      <c r="FT10" s="102">
        <v>16</v>
      </c>
      <c r="FU10" s="103">
        <v>167</v>
      </c>
      <c r="FV10" s="104">
        <v>197</v>
      </c>
      <c r="FW10" s="101">
        <v>0</v>
      </c>
      <c r="FX10" s="102">
        <v>0</v>
      </c>
      <c r="FY10" s="103">
        <v>0</v>
      </c>
      <c r="FZ10" s="413">
        <v>0</v>
      </c>
      <c r="GA10" s="102">
        <v>0</v>
      </c>
      <c r="GB10" s="102">
        <v>0</v>
      </c>
      <c r="GC10" s="102">
        <v>0</v>
      </c>
      <c r="GD10" s="102">
        <v>0</v>
      </c>
      <c r="GE10" s="102">
        <v>0</v>
      </c>
      <c r="GF10" s="103">
        <v>0</v>
      </c>
      <c r="GG10" s="104">
        <v>0</v>
      </c>
      <c r="GH10" s="101">
        <v>62</v>
      </c>
      <c r="GI10" s="102">
        <v>80</v>
      </c>
      <c r="GJ10" s="103">
        <v>142</v>
      </c>
      <c r="GK10" s="413">
        <v>0</v>
      </c>
      <c r="GL10" s="102">
        <v>100</v>
      </c>
      <c r="GM10" s="102">
        <v>130</v>
      </c>
      <c r="GN10" s="102">
        <v>77</v>
      </c>
      <c r="GO10" s="102">
        <v>79</v>
      </c>
      <c r="GP10" s="102">
        <v>43</v>
      </c>
      <c r="GQ10" s="103">
        <v>429</v>
      </c>
      <c r="GR10" s="104">
        <v>571</v>
      </c>
      <c r="GS10" s="105">
        <v>270</v>
      </c>
      <c r="GT10" s="97">
        <v>300</v>
      </c>
      <c r="GU10" s="98">
        <v>570</v>
      </c>
      <c r="GV10" s="413">
        <v>0</v>
      </c>
      <c r="GW10" s="97">
        <v>333</v>
      </c>
      <c r="GX10" s="97">
        <v>424</v>
      </c>
      <c r="GY10" s="97">
        <v>242</v>
      </c>
      <c r="GZ10" s="97">
        <v>210</v>
      </c>
      <c r="HA10" s="97">
        <v>133</v>
      </c>
      <c r="HB10" s="99">
        <v>1342</v>
      </c>
      <c r="HC10" s="100">
        <v>1912</v>
      </c>
      <c r="HD10" s="101">
        <v>3</v>
      </c>
      <c r="HE10" s="102">
        <v>14</v>
      </c>
      <c r="HF10" s="103">
        <v>17</v>
      </c>
      <c r="HG10" s="413">
        <v>0</v>
      </c>
      <c r="HH10" s="102">
        <v>7</v>
      </c>
      <c r="HI10" s="102">
        <v>17</v>
      </c>
      <c r="HJ10" s="102">
        <v>11</v>
      </c>
      <c r="HK10" s="102">
        <v>8</v>
      </c>
      <c r="HL10" s="102">
        <v>6</v>
      </c>
      <c r="HM10" s="103">
        <v>49</v>
      </c>
      <c r="HN10" s="104">
        <v>66</v>
      </c>
      <c r="HO10" s="101">
        <v>27</v>
      </c>
      <c r="HP10" s="102">
        <v>26</v>
      </c>
      <c r="HQ10" s="103">
        <v>53</v>
      </c>
      <c r="HR10" s="413">
        <v>0</v>
      </c>
      <c r="HS10" s="102">
        <v>22</v>
      </c>
      <c r="HT10" s="102">
        <v>25</v>
      </c>
      <c r="HU10" s="102">
        <v>19</v>
      </c>
      <c r="HV10" s="102">
        <v>12</v>
      </c>
      <c r="HW10" s="102">
        <v>9</v>
      </c>
      <c r="HX10" s="103">
        <v>87</v>
      </c>
      <c r="HY10" s="104">
        <v>140</v>
      </c>
      <c r="HZ10" s="101">
        <v>39</v>
      </c>
      <c r="IA10" s="102">
        <v>49</v>
      </c>
      <c r="IB10" s="103">
        <v>88</v>
      </c>
      <c r="IC10" s="413">
        <v>0</v>
      </c>
      <c r="ID10" s="102">
        <v>35</v>
      </c>
      <c r="IE10" s="102">
        <v>61</v>
      </c>
      <c r="IF10" s="102">
        <v>20</v>
      </c>
      <c r="IG10" s="102">
        <v>14</v>
      </c>
      <c r="IH10" s="102">
        <v>19</v>
      </c>
      <c r="II10" s="103">
        <v>149</v>
      </c>
      <c r="IJ10" s="104">
        <v>237</v>
      </c>
      <c r="IK10" s="101">
        <v>69</v>
      </c>
      <c r="IL10" s="102">
        <v>59</v>
      </c>
      <c r="IM10" s="103">
        <v>128</v>
      </c>
      <c r="IN10" s="413">
        <v>0</v>
      </c>
      <c r="IO10" s="102">
        <v>81</v>
      </c>
      <c r="IP10" s="102">
        <v>86</v>
      </c>
      <c r="IQ10" s="102">
        <v>40</v>
      </c>
      <c r="IR10" s="102">
        <v>40</v>
      </c>
      <c r="IS10" s="102">
        <v>32</v>
      </c>
      <c r="IT10" s="103">
        <v>279</v>
      </c>
      <c r="IU10" s="104">
        <v>407</v>
      </c>
      <c r="IV10" s="101">
        <v>83</v>
      </c>
      <c r="IW10" s="102">
        <v>88</v>
      </c>
      <c r="IX10" s="103">
        <v>171</v>
      </c>
      <c r="IY10" s="413">
        <v>0</v>
      </c>
      <c r="IZ10" s="102">
        <v>104</v>
      </c>
      <c r="JA10" s="102">
        <v>123</v>
      </c>
      <c r="JB10" s="102">
        <v>70</v>
      </c>
      <c r="JC10" s="102">
        <v>57</v>
      </c>
      <c r="JD10" s="102">
        <v>32</v>
      </c>
      <c r="JE10" s="103">
        <v>386</v>
      </c>
      <c r="JF10" s="104">
        <v>557</v>
      </c>
      <c r="JG10" s="101">
        <v>49</v>
      </c>
      <c r="JH10" s="102">
        <v>64</v>
      </c>
      <c r="JI10" s="103">
        <v>113</v>
      </c>
      <c r="JJ10" s="413">
        <v>0</v>
      </c>
      <c r="JK10" s="102">
        <v>84</v>
      </c>
      <c r="JL10" s="102">
        <v>112</v>
      </c>
      <c r="JM10" s="102">
        <v>82</v>
      </c>
      <c r="JN10" s="102">
        <v>79</v>
      </c>
      <c r="JO10" s="102">
        <v>35</v>
      </c>
      <c r="JP10" s="103">
        <v>392</v>
      </c>
      <c r="JQ10" s="104">
        <v>505</v>
      </c>
      <c r="JR10" s="101">
        <v>0</v>
      </c>
      <c r="JS10" s="102">
        <v>0</v>
      </c>
      <c r="JT10" s="103">
        <v>0</v>
      </c>
      <c r="JU10" s="413">
        <v>0</v>
      </c>
      <c r="JV10" s="102">
        <v>0</v>
      </c>
      <c r="JW10" s="102">
        <v>0</v>
      </c>
      <c r="JX10" s="102">
        <v>0</v>
      </c>
      <c r="JY10" s="102">
        <v>0</v>
      </c>
      <c r="JZ10" s="102">
        <v>0</v>
      </c>
      <c r="KA10" s="103">
        <v>0</v>
      </c>
      <c r="KB10" s="104">
        <v>0</v>
      </c>
      <c r="KC10" s="101">
        <v>270</v>
      </c>
      <c r="KD10" s="102">
        <v>300</v>
      </c>
      <c r="KE10" s="103">
        <v>570</v>
      </c>
      <c r="KF10" s="413">
        <v>0</v>
      </c>
      <c r="KG10" s="102">
        <v>333</v>
      </c>
      <c r="KH10" s="102">
        <v>424</v>
      </c>
      <c r="KI10" s="102">
        <v>242</v>
      </c>
      <c r="KJ10" s="102">
        <v>210</v>
      </c>
      <c r="KK10" s="102">
        <v>133</v>
      </c>
      <c r="KL10" s="103">
        <v>1342</v>
      </c>
      <c r="KM10" s="104">
        <v>1912</v>
      </c>
    </row>
    <row r="11" spans="2:299" s="70" customFormat="1" ht="21" customHeight="1" x14ac:dyDescent="0.2">
      <c r="B11" s="106" t="s">
        <v>7</v>
      </c>
      <c r="C11" s="96">
        <v>146</v>
      </c>
      <c r="D11" s="97">
        <v>85</v>
      </c>
      <c r="E11" s="98">
        <v>231</v>
      </c>
      <c r="F11" s="413">
        <v>0</v>
      </c>
      <c r="G11" s="97">
        <v>247</v>
      </c>
      <c r="H11" s="97">
        <v>132</v>
      </c>
      <c r="I11" s="97">
        <v>71</v>
      </c>
      <c r="J11" s="97">
        <v>81</v>
      </c>
      <c r="K11" s="97">
        <v>37</v>
      </c>
      <c r="L11" s="99">
        <v>568</v>
      </c>
      <c r="M11" s="100">
        <v>799</v>
      </c>
      <c r="N11" s="101">
        <v>9</v>
      </c>
      <c r="O11" s="102">
        <v>4</v>
      </c>
      <c r="P11" s="103">
        <v>13</v>
      </c>
      <c r="Q11" s="413">
        <v>0</v>
      </c>
      <c r="R11" s="102">
        <v>2</v>
      </c>
      <c r="S11" s="102">
        <v>4</v>
      </c>
      <c r="T11" s="102">
        <v>3</v>
      </c>
      <c r="U11" s="102">
        <v>5</v>
      </c>
      <c r="V11" s="102">
        <v>2</v>
      </c>
      <c r="W11" s="103">
        <v>16</v>
      </c>
      <c r="X11" s="104">
        <v>29</v>
      </c>
      <c r="Y11" s="101">
        <v>7</v>
      </c>
      <c r="Z11" s="102">
        <v>11</v>
      </c>
      <c r="AA11" s="103">
        <v>18</v>
      </c>
      <c r="AB11" s="413">
        <v>0</v>
      </c>
      <c r="AC11" s="102">
        <v>14</v>
      </c>
      <c r="AD11" s="102">
        <v>9</v>
      </c>
      <c r="AE11" s="102">
        <v>5</v>
      </c>
      <c r="AF11" s="102">
        <v>10</v>
      </c>
      <c r="AG11" s="102">
        <v>4</v>
      </c>
      <c r="AH11" s="103">
        <v>42</v>
      </c>
      <c r="AI11" s="104">
        <v>60</v>
      </c>
      <c r="AJ11" s="101">
        <v>17</v>
      </c>
      <c r="AK11" s="102">
        <v>10</v>
      </c>
      <c r="AL11" s="103">
        <v>27</v>
      </c>
      <c r="AM11" s="413">
        <v>0</v>
      </c>
      <c r="AN11" s="102">
        <v>31</v>
      </c>
      <c r="AO11" s="102">
        <v>11</v>
      </c>
      <c r="AP11" s="102">
        <v>7</v>
      </c>
      <c r="AQ11" s="102">
        <v>13</v>
      </c>
      <c r="AR11" s="102">
        <v>6</v>
      </c>
      <c r="AS11" s="103">
        <v>68</v>
      </c>
      <c r="AT11" s="104">
        <v>95</v>
      </c>
      <c r="AU11" s="101">
        <v>32</v>
      </c>
      <c r="AV11" s="102">
        <v>19</v>
      </c>
      <c r="AW11" s="103">
        <v>51</v>
      </c>
      <c r="AX11" s="413">
        <v>0</v>
      </c>
      <c r="AY11" s="102">
        <v>60</v>
      </c>
      <c r="AZ11" s="102">
        <v>27</v>
      </c>
      <c r="BA11" s="102">
        <v>18</v>
      </c>
      <c r="BB11" s="102">
        <v>11</v>
      </c>
      <c r="BC11" s="102">
        <v>7</v>
      </c>
      <c r="BD11" s="103">
        <v>123</v>
      </c>
      <c r="BE11" s="104">
        <v>174</v>
      </c>
      <c r="BF11" s="101">
        <v>48</v>
      </c>
      <c r="BG11" s="102">
        <v>21</v>
      </c>
      <c r="BH11" s="103">
        <v>69</v>
      </c>
      <c r="BI11" s="413">
        <v>0</v>
      </c>
      <c r="BJ11" s="102">
        <v>68</v>
      </c>
      <c r="BK11" s="102">
        <v>43</v>
      </c>
      <c r="BL11" s="102">
        <v>18</v>
      </c>
      <c r="BM11" s="102">
        <v>23</v>
      </c>
      <c r="BN11" s="102">
        <v>11</v>
      </c>
      <c r="BO11" s="103">
        <v>163</v>
      </c>
      <c r="BP11" s="104">
        <v>232</v>
      </c>
      <c r="BQ11" s="101">
        <v>33</v>
      </c>
      <c r="BR11" s="102">
        <v>20</v>
      </c>
      <c r="BS11" s="103">
        <v>53</v>
      </c>
      <c r="BT11" s="413">
        <v>0</v>
      </c>
      <c r="BU11" s="102">
        <v>72</v>
      </c>
      <c r="BV11" s="102">
        <v>38</v>
      </c>
      <c r="BW11" s="102">
        <v>20</v>
      </c>
      <c r="BX11" s="102">
        <v>19</v>
      </c>
      <c r="BY11" s="102">
        <v>7</v>
      </c>
      <c r="BZ11" s="103">
        <v>156</v>
      </c>
      <c r="CA11" s="104">
        <v>209</v>
      </c>
      <c r="CB11" s="101">
        <v>0</v>
      </c>
      <c r="CC11" s="102">
        <v>0</v>
      </c>
      <c r="CD11" s="103">
        <v>0</v>
      </c>
      <c r="CE11" s="413">
        <v>0</v>
      </c>
      <c r="CF11" s="102">
        <v>0</v>
      </c>
      <c r="CG11" s="102">
        <v>0</v>
      </c>
      <c r="CH11" s="102">
        <v>0</v>
      </c>
      <c r="CI11" s="102">
        <v>0</v>
      </c>
      <c r="CJ11" s="102">
        <v>0</v>
      </c>
      <c r="CK11" s="103">
        <v>0</v>
      </c>
      <c r="CL11" s="104">
        <v>0</v>
      </c>
      <c r="CM11" s="101">
        <v>146</v>
      </c>
      <c r="CN11" s="102">
        <v>85</v>
      </c>
      <c r="CO11" s="103">
        <v>231</v>
      </c>
      <c r="CP11" s="413">
        <v>0</v>
      </c>
      <c r="CQ11" s="102">
        <v>247</v>
      </c>
      <c r="CR11" s="102">
        <v>132</v>
      </c>
      <c r="CS11" s="102">
        <v>71</v>
      </c>
      <c r="CT11" s="102">
        <v>81</v>
      </c>
      <c r="CU11" s="102">
        <v>37</v>
      </c>
      <c r="CV11" s="103">
        <v>568</v>
      </c>
      <c r="CW11" s="104">
        <v>799</v>
      </c>
      <c r="CX11" s="105">
        <v>44</v>
      </c>
      <c r="CY11" s="97">
        <v>43</v>
      </c>
      <c r="CZ11" s="98">
        <v>87</v>
      </c>
      <c r="DA11" s="413">
        <v>0</v>
      </c>
      <c r="DB11" s="97">
        <v>75</v>
      </c>
      <c r="DC11" s="97">
        <v>38</v>
      </c>
      <c r="DD11" s="97">
        <v>26</v>
      </c>
      <c r="DE11" s="97">
        <v>30</v>
      </c>
      <c r="DF11" s="97">
        <v>18</v>
      </c>
      <c r="DG11" s="99">
        <v>187</v>
      </c>
      <c r="DH11" s="100">
        <v>274</v>
      </c>
      <c r="DI11" s="101">
        <v>1</v>
      </c>
      <c r="DJ11" s="102">
        <v>0</v>
      </c>
      <c r="DK11" s="103">
        <v>1</v>
      </c>
      <c r="DL11" s="413">
        <v>0</v>
      </c>
      <c r="DM11" s="102">
        <v>2</v>
      </c>
      <c r="DN11" s="102">
        <v>1</v>
      </c>
      <c r="DO11" s="102">
        <v>2</v>
      </c>
      <c r="DP11" s="102">
        <v>0</v>
      </c>
      <c r="DQ11" s="102">
        <v>0</v>
      </c>
      <c r="DR11" s="103">
        <v>5</v>
      </c>
      <c r="DS11" s="104">
        <v>6</v>
      </c>
      <c r="DT11" s="101">
        <v>0</v>
      </c>
      <c r="DU11" s="102">
        <v>1</v>
      </c>
      <c r="DV11" s="103">
        <v>1</v>
      </c>
      <c r="DW11" s="413">
        <v>0</v>
      </c>
      <c r="DX11" s="102">
        <v>2</v>
      </c>
      <c r="DY11" s="102">
        <v>3</v>
      </c>
      <c r="DZ11" s="102">
        <v>3</v>
      </c>
      <c r="EA11" s="102">
        <v>0</v>
      </c>
      <c r="EB11" s="102">
        <v>1</v>
      </c>
      <c r="EC11" s="103">
        <v>9</v>
      </c>
      <c r="ED11" s="104">
        <v>10</v>
      </c>
      <c r="EE11" s="101">
        <v>8</v>
      </c>
      <c r="EF11" s="102">
        <v>8</v>
      </c>
      <c r="EG11" s="103">
        <v>16</v>
      </c>
      <c r="EH11" s="413">
        <v>0</v>
      </c>
      <c r="EI11" s="102">
        <v>16</v>
      </c>
      <c r="EJ11" s="102">
        <v>1</v>
      </c>
      <c r="EK11" s="102">
        <v>1</v>
      </c>
      <c r="EL11" s="102">
        <v>5</v>
      </c>
      <c r="EM11" s="102">
        <v>3</v>
      </c>
      <c r="EN11" s="103">
        <v>26</v>
      </c>
      <c r="EO11" s="104">
        <v>42</v>
      </c>
      <c r="EP11" s="101">
        <v>12</v>
      </c>
      <c r="EQ11" s="102">
        <v>9</v>
      </c>
      <c r="ER11" s="103">
        <v>21</v>
      </c>
      <c r="ES11" s="413">
        <v>0</v>
      </c>
      <c r="ET11" s="102">
        <v>14</v>
      </c>
      <c r="EU11" s="102">
        <v>12</v>
      </c>
      <c r="EV11" s="102">
        <v>3</v>
      </c>
      <c r="EW11" s="102">
        <v>2</v>
      </c>
      <c r="EX11" s="102">
        <v>3</v>
      </c>
      <c r="EY11" s="103">
        <v>34</v>
      </c>
      <c r="EZ11" s="104">
        <v>55</v>
      </c>
      <c r="FA11" s="101">
        <v>11</v>
      </c>
      <c r="FB11" s="102">
        <v>17</v>
      </c>
      <c r="FC11" s="103">
        <v>28</v>
      </c>
      <c r="FD11" s="413">
        <v>0</v>
      </c>
      <c r="FE11" s="102">
        <v>21</v>
      </c>
      <c r="FF11" s="102">
        <v>6</v>
      </c>
      <c r="FG11" s="102">
        <v>7</v>
      </c>
      <c r="FH11" s="102">
        <v>10</v>
      </c>
      <c r="FI11" s="102">
        <v>4</v>
      </c>
      <c r="FJ11" s="103">
        <v>48</v>
      </c>
      <c r="FK11" s="104">
        <v>76</v>
      </c>
      <c r="FL11" s="101">
        <v>12</v>
      </c>
      <c r="FM11" s="102">
        <v>8</v>
      </c>
      <c r="FN11" s="103">
        <v>20</v>
      </c>
      <c r="FO11" s="413">
        <v>0</v>
      </c>
      <c r="FP11" s="102">
        <v>20</v>
      </c>
      <c r="FQ11" s="102">
        <v>15</v>
      </c>
      <c r="FR11" s="102">
        <v>10</v>
      </c>
      <c r="FS11" s="102">
        <v>13</v>
      </c>
      <c r="FT11" s="102">
        <v>7</v>
      </c>
      <c r="FU11" s="103">
        <v>65</v>
      </c>
      <c r="FV11" s="104">
        <v>85</v>
      </c>
      <c r="FW11" s="101">
        <v>0</v>
      </c>
      <c r="FX11" s="102">
        <v>0</v>
      </c>
      <c r="FY11" s="103">
        <v>0</v>
      </c>
      <c r="FZ11" s="413">
        <v>0</v>
      </c>
      <c r="GA11" s="102">
        <v>0</v>
      </c>
      <c r="GB11" s="102">
        <v>0</v>
      </c>
      <c r="GC11" s="102">
        <v>0</v>
      </c>
      <c r="GD11" s="102">
        <v>0</v>
      </c>
      <c r="GE11" s="102">
        <v>0</v>
      </c>
      <c r="GF11" s="103">
        <v>0</v>
      </c>
      <c r="GG11" s="104">
        <v>0</v>
      </c>
      <c r="GH11" s="101">
        <v>44</v>
      </c>
      <c r="GI11" s="102">
        <v>43</v>
      </c>
      <c r="GJ11" s="103">
        <v>87</v>
      </c>
      <c r="GK11" s="413">
        <v>0</v>
      </c>
      <c r="GL11" s="102">
        <v>75</v>
      </c>
      <c r="GM11" s="102">
        <v>38</v>
      </c>
      <c r="GN11" s="102">
        <v>26</v>
      </c>
      <c r="GO11" s="102">
        <v>30</v>
      </c>
      <c r="GP11" s="102">
        <v>18</v>
      </c>
      <c r="GQ11" s="103">
        <v>187</v>
      </c>
      <c r="GR11" s="104">
        <v>274</v>
      </c>
      <c r="GS11" s="105">
        <v>190</v>
      </c>
      <c r="GT11" s="97">
        <v>128</v>
      </c>
      <c r="GU11" s="98">
        <v>318</v>
      </c>
      <c r="GV11" s="413">
        <v>0</v>
      </c>
      <c r="GW11" s="97">
        <v>322</v>
      </c>
      <c r="GX11" s="97">
        <v>170</v>
      </c>
      <c r="GY11" s="97">
        <v>97</v>
      </c>
      <c r="GZ11" s="97">
        <v>111</v>
      </c>
      <c r="HA11" s="97">
        <v>55</v>
      </c>
      <c r="HB11" s="99">
        <v>755</v>
      </c>
      <c r="HC11" s="100">
        <v>1073</v>
      </c>
      <c r="HD11" s="101">
        <v>10</v>
      </c>
      <c r="HE11" s="102">
        <v>4</v>
      </c>
      <c r="HF11" s="103">
        <v>14</v>
      </c>
      <c r="HG11" s="413">
        <v>0</v>
      </c>
      <c r="HH11" s="102">
        <v>4</v>
      </c>
      <c r="HI11" s="102">
        <v>5</v>
      </c>
      <c r="HJ11" s="102">
        <v>5</v>
      </c>
      <c r="HK11" s="102">
        <v>5</v>
      </c>
      <c r="HL11" s="102">
        <v>2</v>
      </c>
      <c r="HM11" s="103">
        <v>21</v>
      </c>
      <c r="HN11" s="104">
        <v>35</v>
      </c>
      <c r="HO11" s="101">
        <v>7</v>
      </c>
      <c r="HP11" s="102">
        <v>12</v>
      </c>
      <c r="HQ11" s="103">
        <v>19</v>
      </c>
      <c r="HR11" s="413">
        <v>0</v>
      </c>
      <c r="HS11" s="102">
        <v>16</v>
      </c>
      <c r="HT11" s="102">
        <v>12</v>
      </c>
      <c r="HU11" s="102">
        <v>8</v>
      </c>
      <c r="HV11" s="102">
        <v>10</v>
      </c>
      <c r="HW11" s="102">
        <v>5</v>
      </c>
      <c r="HX11" s="103">
        <v>51</v>
      </c>
      <c r="HY11" s="104">
        <v>70</v>
      </c>
      <c r="HZ11" s="101">
        <v>25</v>
      </c>
      <c r="IA11" s="102">
        <v>18</v>
      </c>
      <c r="IB11" s="103">
        <v>43</v>
      </c>
      <c r="IC11" s="413">
        <v>0</v>
      </c>
      <c r="ID11" s="102">
        <v>47</v>
      </c>
      <c r="IE11" s="102">
        <v>12</v>
      </c>
      <c r="IF11" s="102">
        <v>8</v>
      </c>
      <c r="IG11" s="102">
        <v>18</v>
      </c>
      <c r="IH11" s="102">
        <v>9</v>
      </c>
      <c r="II11" s="103">
        <v>94</v>
      </c>
      <c r="IJ11" s="104">
        <v>137</v>
      </c>
      <c r="IK11" s="101">
        <v>44</v>
      </c>
      <c r="IL11" s="102">
        <v>28</v>
      </c>
      <c r="IM11" s="103">
        <v>72</v>
      </c>
      <c r="IN11" s="413">
        <v>0</v>
      </c>
      <c r="IO11" s="102">
        <v>74</v>
      </c>
      <c r="IP11" s="102">
        <v>39</v>
      </c>
      <c r="IQ11" s="102">
        <v>21</v>
      </c>
      <c r="IR11" s="102">
        <v>13</v>
      </c>
      <c r="IS11" s="102">
        <v>10</v>
      </c>
      <c r="IT11" s="103">
        <v>157</v>
      </c>
      <c r="IU11" s="104">
        <v>229</v>
      </c>
      <c r="IV11" s="101">
        <v>59</v>
      </c>
      <c r="IW11" s="102">
        <v>38</v>
      </c>
      <c r="IX11" s="103">
        <v>97</v>
      </c>
      <c r="IY11" s="413">
        <v>0</v>
      </c>
      <c r="IZ11" s="102">
        <v>89</v>
      </c>
      <c r="JA11" s="102">
        <v>49</v>
      </c>
      <c r="JB11" s="102">
        <v>25</v>
      </c>
      <c r="JC11" s="102">
        <v>33</v>
      </c>
      <c r="JD11" s="102">
        <v>15</v>
      </c>
      <c r="JE11" s="103">
        <v>211</v>
      </c>
      <c r="JF11" s="104">
        <v>308</v>
      </c>
      <c r="JG11" s="101">
        <v>45</v>
      </c>
      <c r="JH11" s="102">
        <v>28</v>
      </c>
      <c r="JI11" s="103">
        <v>73</v>
      </c>
      <c r="JJ11" s="413">
        <v>0</v>
      </c>
      <c r="JK11" s="102">
        <v>92</v>
      </c>
      <c r="JL11" s="102">
        <v>53</v>
      </c>
      <c r="JM11" s="102">
        <v>30</v>
      </c>
      <c r="JN11" s="102">
        <v>32</v>
      </c>
      <c r="JO11" s="102">
        <v>14</v>
      </c>
      <c r="JP11" s="103">
        <v>221</v>
      </c>
      <c r="JQ11" s="104">
        <v>294</v>
      </c>
      <c r="JR11" s="101">
        <v>0</v>
      </c>
      <c r="JS11" s="102">
        <v>0</v>
      </c>
      <c r="JT11" s="103">
        <v>0</v>
      </c>
      <c r="JU11" s="413">
        <v>0</v>
      </c>
      <c r="JV11" s="102">
        <v>0</v>
      </c>
      <c r="JW11" s="102">
        <v>0</v>
      </c>
      <c r="JX11" s="102">
        <v>0</v>
      </c>
      <c r="JY11" s="102">
        <v>0</v>
      </c>
      <c r="JZ11" s="102">
        <v>0</v>
      </c>
      <c r="KA11" s="103">
        <v>0</v>
      </c>
      <c r="KB11" s="104">
        <v>0</v>
      </c>
      <c r="KC11" s="101">
        <v>190</v>
      </c>
      <c r="KD11" s="102">
        <v>128</v>
      </c>
      <c r="KE11" s="103">
        <v>318</v>
      </c>
      <c r="KF11" s="413">
        <v>0</v>
      </c>
      <c r="KG11" s="102">
        <v>322</v>
      </c>
      <c r="KH11" s="102">
        <v>170</v>
      </c>
      <c r="KI11" s="102">
        <v>97</v>
      </c>
      <c r="KJ11" s="102">
        <v>111</v>
      </c>
      <c r="KK11" s="102">
        <v>55</v>
      </c>
      <c r="KL11" s="103">
        <v>755</v>
      </c>
      <c r="KM11" s="104">
        <v>1073</v>
      </c>
    </row>
    <row r="12" spans="2:299" s="70" customFormat="1" ht="21" customHeight="1" x14ac:dyDescent="0.2">
      <c r="B12" s="106" t="s">
        <v>8</v>
      </c>
      <c r="C12" s="96">
        <v>65</v>
      </c>
      <c r="D12" s="97">
        <v>34</v>
      </c>
      <c r="E12" s="98">
        <v>99</v>
      </c>
      <c r="F12" s="413">
        <v>0</v>
      </c>
      <c r="G12" s="97">
        <v>117</v>
      </c>
      <c r="H12" s="97">
        <v>85</v>
      </c>
      <c r="I12" s="97">
        <v>56</v>
      </c>
      <c r="J12" s="97">
        <v>49</v>
      </c>
      <c r="K12" s="97">
        <v>25</v>
      </c>
      <c r="L12" s="99">
        <v>332</v>
      </c>
      <c r="M12" s="100">
        <v>431</v>
      </c>
      <c r="N12" s="101">
        <v>1</v>
      </c>
      <c r="O12" s="102">
        <v>3</v>
      </c>
      <c r="P12" s="103">
        <v>4</v>
      </c>
      <c r="Q12" s="413">
        <v>0</v>
      </c>
      <c r="R12" s="102">
        <v>7</v>
      </c>
      <c r="S12" s="102">
        <v>2</v>
      </c>
      <c r="T12" s="102">
        <v>2</v>
      </c>
      <c r="U12" s="102">
        <v>1</v>
      </c>
      <c r="V12" s="102">
        <v>2</v>
      </c>
      <c r="W12" s="103">
        <v>14</v>
      </c>
      <c r="X12" s="104">
        <v>18</v>
      </c>
      <c r="Y12" s="101">
        <v>4</v>
      </c>
      <c r="Z12" s="102">
        <v>5</v>
      </c>
      <c r="AA12" s="103">
        <v>9</v>
      </c>
      <c r="AB12" s="413">
        <v>0</v>
      </c>
      <c r="AC12" s="102">
        <v>8</v>
      </c>
      <c r="AD12" s="102">
        <v>7</v>
      </c>
      <c r="AE12" s="102">
        <v>2</v>
      </c>
      <c r="AF12" s="102">
        <v>7</v>
      </c>
      <c r="AG12" s="102">
        <v>2</v>
      </c>
      <c r="AH12" s="103">
        <v>26</v>
      </c>
      <c r="AI12" s="104">
        <v>35</v>
      </c>
      <c r="AJ12" s="101">
        <v>12</v>
      </c>
      <c r="AK12" s="102">
        <v>6</v>
      </c>
      <c r="AL12" s="103">
        <v>18</v>
      </c>
      <c r="AM12" s="413">
        <v>0</v>
      </c>
      <c r="AN12" s="102">
        <v>18</v>
      </c>
      <c r="AO12" s="102">
        <v>13</v>
      </c>
      <c r="AP12" s="102">
        <v>8</v>
      </c>
      <c r="AQ12" s="102">
        <v>3</v>
      </c>
      <c r="AR12" s="102">
        <v>4</v>
      </c>
      <c r="AS12" s="103">
        <v>46</v>
      </c>
      <c r="AT12" s="104">
        <v>64</v>
      </c>
      <c r="AU12" s="101">
        <v>15</v>
      </c>
      <c r="AV12" s="102">
        <v>6</v>
      </c>
      <c r="AW12" s="103">
        <v>21</v>
      </c>
      <c r="AX12" s="413">
        <v>0</v>
      </c>
      <c r="AY12" s="102">
        <v>25</v>
      </c>
      <c r="AZ12" s="102">
        <v>14</v>
      </c>
      <c r="BA12" s="102">
        <v>7</v>
      </c>
      <c r="BB12" s="102">
        <v>10</v>
      </c>
      <c r="BC12" s="102">
        <v>5</v>
      </c>
      <c r="BD12" s="103">
        <v>61</v>
      </c>
      <c r="BE12" s="104">
        <v>82</v>
      </c>
      <c r="BF12" s="101">
        <v>16</v>
      </c>
      <c r="BG12" s="102">
        <v>9</v>
      </c>
      <c r="BH12" s="103">
        <v>25</v>
      </c>
      <c r="BI12" s="413">
        <v>0</v>
      </c>
      <c r="BJ12" s="102">
        <v>33</v>
      </c>
      <c r="BK12" s="102">
        <v>27</v>
      </c>
      <c r="BL12" s="102">
        <v>17</v>
      </c>
      <c r="BM12" s="102">
        <v>9</v>
      </c>
      <c r="BN12" s="102">
        <v>6</v>
      </c>
      <c r="BO12" s="103">
        <v>92</v>
      </c>
      <c r="BP12" s="104">
        <v>117</v>
      </c>
      <c r="BQ12" s="101">
        <v>17</v>
      </c>
      <c r="BR12" s="102">
        <v>5</v>
      </c>
      <c r="BS12" s="103">
        <v>22</v>
      </c>
      <c r="BT12" s="413">
        <v>0</v>
      </c>
      <c r="BU12" s="102">
        <v>26</v>
      </c>
      <c r="BV12" s="102">
        <v>22</v>
      </c>
      <c r="BW12" s="102">
        <v>20</v>
      </c>
      <c r="BX12" s="102">
        <v>19</v>
      </c>
      <c r="BY12" s="102">
        <v>6</v>
      </c>
      <c r="BZ12" s="103">
        <v>93</v>
      </c>
      <c r="CA12" s="104">
        <v>115</v>
      </c>
      <c r="CB12" s="101">
        <v>0</v>
      </c>
      <c r="CC12" s="102">
        <v>0</v>
      </c>
      <c r="CD12" s="103">
        <v>0</v>
      </c>
      <c r="CE12" s="413">
        <v>0</v>
      </c>
      <c r="CF12" s="102">
        <v>0</v>
      </c>
      <c r="CG12" s="102">
        <v>0</v>
      </c>
      <c r="CH12" s="102">
        <v>0</v>
      </c>
      <c r="CI12" s="102">
        <v>0</v>
      </c>
      <c r="CJ12" s="102">
        <v>0</v>
      </c>
      <c r="CK12" s="103">
        <v>0</v>
      </c>
      <c r="CL12" s="104">
        <v>0</v>
      </c>
      <c r="CM12" s="101">
        <v>65</v>
      </c>
      <c r="CN12" s="102">
        <v>34</v>
      </c>
      <c r="CO12" s="103">
        <v>99</v>
      </c>
      <c r="CP12" s="413">
        <v>0</v>
      </c>
      <c r="CQ12" s="102">
        <v>117</v>
      </c>
      <c r="CR12" s="102">
        <v>85</v>
      </c>
      <c r="CS12" s="102">
        <v>56</v>
      </c>
      <c r="CT12" s="102">
        <v>49</v>
      </c>
      <c r="CU12" s="102">
        <v>25</v>
      </c>
      <c r="CV12" s="103">
        <v>332</v>
      </c>
      <c r="CW12" s="104">
        <v>431</v>
      </c>
      <c r="CX12" s="105">
        <v>29</v>
      </c>
      <c r="CY12" s="97">
        <v>29</v>
      </c>
      <c r="CZ12" s="98">
        <v>58</v>
      </c>
      <c r="DA12" s="413">
        <v>0</v>
      </c>
      <c r="DB12" s="97">
        <v>51</v>
      </c>
      <c r="DC12" s="97">
        <v>42</v>
      </c>
      <c r="DD12" s="97">
        <v>23</v>
      </c>
      <c r="DE12" s="97">
        <v>19</v>
      </c>
      <c r="DF12" s="97">
        <v>13</v>
      </c>
      <c r="DG12" s="99">
        <v>148</v>
      </c>
      <c r="DH12" s="100">
        <v>206</v>
      </c>
      <c r="DI12" s="101">
        <v>2</v>
      </c>
      <c r="DJ12" s="102">
        <v>0</v>
      </c>
      <c r="DK12" s="103">
        <v>2</v>
      </c>
      <c r="DL12" s="413">
        <v>0</v>
      </c>
      <c r="DM12" s="102">
        <v>1</v>
      </c>
      <c r="DN12" s="102">
        <v>0</v>
      </c>
      <c r="DO12" s="102">
        <v>0</v>
      </c>
      <c r="DP12" s="102">
        <v>1</v>
      </c>
      <c r="DQ12" s="102">
        <v>0</v>
      </c>
      <c r="DR12" s="103">
        <v>2</v>
      </c>
      <c r="DS12" s="104">
        <v>4</v>
      </c>
      <c r="DT12" s="101">
        <v>2</v>
      </c>
      <c r="DU12" s="102">
        <v>1</v>
      </c>
      <c r="DV12" s="103">
        <v>3</v>
      </c>
      <c r="DW12" s="413">
        <v>0</v>
      </c>
      <c r="DX12" s="102">
        <v>1</v>
      </c>
      <c r="DY12" s="102">
        <v>4</v>
      </c>
      <c r="DZ12" s="102">
        <v>1</v>
      </c>
      <c r="EA12" s="102">
        <v>2</v>
      </c>
      <c r="EB12" s="102">
        <v>0</v>
      </c>
      <c r="EC12" s="103">
        <v>8</v>
      </c>
      <c r="ED12" s="104">
        <v>11</v>
      </c>
      <c r="EE12" s="101">
        <v>5</v>
      </c>
      <c r="EF12" s="102">
        <v>5</v>
      </c>
      <c r="EG12" s="103">
        <v>10</v>
      </c>
      <c r="EH12" s="413">
        <v>0</v>
      </c>
      <c r="EI12" s="102">
        <v>5</v>
      </c>
      <c r="EJ12" s="102">
        <v>5</v>
      </c>
      <c r="EK12" s="102">
        <v>2</v>
      </c>
      <c r="EL12" s="102">
        <v>1</v>
      </c>
      <c r="EM12" s="102">
        <v>0</v>
      </c>
      <c r="EN12" s="103">
        <v>13</v>
      </c>
      <c r="EO12" s="104">
        <v>23</v>
      </c>
      <c r="EP12" s="101">
        <v>4</v>
      </c>
      <c r="EQ12" s="102">
        <v>8</v>
      </c>
      <c r="ER12" s="103">
        <v>12</v>
      </c>
      <c r="ES12" s="413">
        <v>0</v>
      </c>
      <c r="ET12" s="102">
        <v>12</v>
      </c>
      <c r="EU12" s="102">
        <v>7</v>
      </c>
      <c r="EV12" s="102">
        <v>4</v>
      </c>
      <c r="EW12" s="102">
        <v>3</v>
      </c>
      <c r="EX12" s="102">
        <v>3</v>
      </c>
      <c r="EY12" s="103">
        <v>29</v>
      </c>
      <c r="EZ12" s="104">
        <v>41</v>
      </c>
      <c r="FA12" s="101">
        <v>10</v>
      </c>
      <c r="FB12" s="102">
        <v>5</v>
      </c>
      <c r="FC12" s="103">
        <v>15</v>
      </c>
      <c r="FD12" s="413">
        <v>0</v>
      </c>
      <c r="FE12" s="102">
        <v>12</v>
      </c>
      <c r="FF12" s="102">
        <v>11</v>
      </c>
      <c r="FG12" s="102">
        <v>4</v>
      </c>
      <c r="FH12" s="102">
        <v>3</v>
      </c>
      <c r="FI12" s="102">
        <v>4</v>
      </c>
      <c r="FJ12" s="103">
        <v>34</v>
      </c>
      <c r="FK12" s="104">
        <v>49</v>
      </c>
      <c r="FL12" s="101">
        <v>6</v>
      </c>
      <c r="FM12" s="102">
        <v>10</v>
      </c>
      <c r="FN12" s="103">
        <v>16</v>
      </c>
      <c r="FO12" s="413">
        <v>0</v>
      </c>
      <c r="FP12" s="102">
        <v>20</v>
      </c>
      <c r="FQ12" s="102">
        <v>15</v>
      </c>
      <c r="FR12" s="102">
        <v>12</v>
      </c>
      <c r="FS12" s="102">
        <v>9</v>
      </c>
      <c r="FT12" s="102">
        <v>6</v>
      </c>
      <c r="FU12" s="103">
        <v>62</v>
      </c>
      <c r="FV12" s="104">
        <v>78</v>
      </c>
      <c r="FW12" s="101">
        <v>0</v>
      </c>
      <c r="FX12" s="102">
        <v>0</v>
      </c>
      <c r="FY12" s="103">
        <v>0</v>
      </c>
      <c r="FZ12" s="413">
        <v>0</v>
      </c>
      <c r="GA12" s="102">
        <v>0</v>
      </c>
      <c r="GB12" s="102">
        <v>0</v>
      </c>
      <c r="GC12" s="102">
        <v>0</v>
      </c>
      <c r="GD12" s="102">
        <v>0</v>
      </c>
      <c r="GE12" s="102">
        <v>0</v>
      </c>
      <c r="GF12" s="103">
        <v>0</v>
      </c>
      <c r="GG12" s="104">
        <v>0</v>
      </c>
      <c r="GH12" s="101">
        <v>29</v>
      </c>
      <c r="GI12" s="102">
        <v>29</v>
      </c>
      <c r="GJ12" s="103">
        <v>58</v>
      </c>
      <c r="GK12" s="413">
        <v>0</v>
      </c>
      <c r="GL12" s="102">
        <v>51</v>
      </c>
      <c r="GM12" s="102">
        <v>42</v>
      </c>
      <c r="GN12" s="102">
        <v>23</v>
      </c>
      <c r="GO12" s="102">
        <v>19</v>
      </c>
      <c r="GP12" s="102">
        <v>13</v>
      </c>
      <c r="GQ12" s="103">
        <v>148</v>
      </c>
      <c r="GR12" s="104">
        <v>206</v>
      </c>
      <c r="GS12" s="105">
        <v>94</v>
      </c>
      <c r="GT12" s="97">
        <v>63</v>
      </c>
      <c r="GU12" s="98">
        <v>157</v>
      </c>
      <c r="GV12" s="413">
        <v>0</v>
      </c>
      <c r="GW12" s="97">
        <v>168</v>
      </c>
      <c r="GX12" s="97">
        <v>127</v>
      </c>
      <c r="GY12" s="97">
        <v>79</v>
      </c>
      <c r="GZ12" s="97">
        <v>68</v>
      </c>
      <c r="HA12" s="97">
        <v>38</v>
      </c>
      <c r="HB12" s="99">
        <v>480</v>
      </c>
      <c r="HC12" s="100">
        <v>637</v>
      </c>
      <c r="HD12" s="101">
        <v>3</v>
      </c>
      <c r="HE12" s="102">
        <v>3</v>
      </c>
      <c r="HF12" s="103">
        <v>6</v>
      </c>
      <c r="HG12" s="413">
        <v>0</v>
      </c>
      <c r="HH12" s="102">
        <v>8</v>
      </c>
      <c r="HI12" s="102">
        <v>2</v>
      </c>
      <c r="HJ12" s="102">
        <v>2</v>
      </c>
      <c r="HK12" s="102">
        <v>2</v>
      </c>
      <c r="HL12" s="102">
        <v>2</v>
      </c>
      <c r="HM12" s="103">
        <v>16</v>
      </c>
      <c r="HN12" s="104">
        <v>22</v>
      </c>
      <c r="HO12" s="101">
        <v>6</v>
      </c>
      <c r="HP12" s="102">
        <v>6</v>
      </c>
      <c r="HQ12" s="103">
        <v>12</v>
      </c>
      <c r="HR12" s="413">
        <v>0</v>
      </c>
      <c r="HS12" s="102">
        <v>9</v>
      </c>
      <c r="HT12" s="102">
        <v>11</v>
      </c>
      <c r="HU12" s="102">
        <v>3</v>
      </c>
      <c r="HV12" s="102">
        <v>9</v>
      </c>
      <c r="HW12" s="102">
        <v>2</v>
      </c>
      <c r="HX12" s="103">
        <v>34</v>
      </c>
      <c r="HY12" s="104">
        <v>46</v>
      </c>
      <c r="HZ12" s="101">
        <v>17</v>
      </c>
      <c r="IA12" s="102">
        <v>11</v>
      </c>
      <c r="IB12" s="103">
        <v>28</v>
      </c>
      <c r="IC12" s="413">
        <v>0</v>
      </c>
      <c r="ID12" s="102">
        <v>23</v>
      </c>
      <c r="IE12" s="102">
        <v>18</v>
      </c>
      <c r="IF12" s="102">
        <v>10</v>
      </c>
      <c r="IG12" s="102">
        <v>4</v>
      </c>
      <c r="IH12" s="102">
        <v>4</v>
      </c>
      <c r="II12" s="103">
        <v>59</v>
      </c>
      <c r="IJ12" s="104">
        <v>87</v>
      </c>
      <c r="IK12" s="101">
        <v>19</v>
      </c>
      <c r="IL12" s="102">
        <v>14</v>
      </c>
      <c r="IM12" s="103">
        <v>33</v>
      </c>
      <c r="IN12" s="413">
        <v>0</v>
      </c>
      <c r="IO12" s="102">
        <v>37</v>
      </c>
      <c r="IP12" s="102">
        <v>21</v>
      </c>
      <c r="IQ12" s="102">
        <v>11</v>
      </c>
      <c r="IR12" s="102">
        <v>13</v>
      </c>
      <c r="IS12" s="102">
        <v>8</v>
      </c>
      <c r="IT12" s="103">
        <v>90</v>
      </c>
      <c r="IU12" s="104">
        <v>123</v>
      </c>
      <c r="IV12" s="101">
        <v>26</v>
      </c>
      <c r="IW12" s="102">
        <v>14</v>
      </c>
      <c r="IX12" s="103">
        <v>40</v>
      </c>
      <c r="IY12" s="413">
        <v>0</v>
      </c>
      <c r="IZ12" s="102">
        <v>45</v>
      </c>
      <c r="JA12" s="102">
        <v>38</v>
      </c>
      <c r="JB12" s="102">
        <v>21</v>
      </c>
      <c r="JC12" s="102">
        <v>12</v>
      </c>
      <c r="JD12" s="102">
        <v>10</v>
      </c>
      <c r="JE12" s="103">
        <v>126</v>
      </c>
      <c r="JF12" s="104">
        <v>166</v>
      </c>
      <c r="JG12" s="101">
        <v>23</v>
      </c>
      <c r="JH12" s="102">
        <v>15</v>
      </c>
      <c r="JI12" s="103">
        <v>38</v>
      </c>
      <c r="JJ12" s="413">
        <v>0</v>
      </c>
      <c r="JK12" s="102">
        <v>46</v>
      </c>
      <c r="JL12" s="102">
        <v>37</v>
      </c>
      <c r="JM12" s="102">
        <v>32</v>
      </c>
      <c r="JN12" s="102">
        <v>28</v>
      </c>
      <c r="JO12" s="102">
        <v>12</v>
      </c>
      <c r="JP12" s="103">
        <v>155</v>
      </c>
      <c r="JQ12" s="104">
        <v>193</v>
      </c>
      <c r="JR12" s="101">
        <v>0</v>
      </c>
      <c r="JS12" s="102">
        <v>0</v>
      </c>
      <c r="JT12" s="103">
        <v>0</v>
      </c>
      <c r="JU12" s="413">
        <v>0</v>
      </c>
      <c r="JV12" s="102">
        <v>0</v>
      </c>
      <c r="JW12" s="102">
        <v>0</v>
      </c>
      <c r="JX12" s="102">
        <v>0</v>
      </c>
      <c r="JY12" s="102">
        <v>0</v>
      </c>
      <c r="JZ12" s="102">
        <v>0</v>
      </c>
      <c r="KA12" s="103">
        <v>0</v>
      </c>
      <c r="KB12" s="104">
        <v>0</v>
      </c>
      <c r="KC12" s="101">
        <v>94</v>
      </c>
      <c r="KD12" s="102">
        <v>63</v>
      </c>
      <c r="KE12" s="103">
        <v>157</v>
      </c>
      <c r="KF12" s="413">
        <v>0</v>
      </c>
      <c r="KG12" s="102">
        <v>168</v>
      </c>
      <c r="KH12" s="102">
        <v>127</v>
      </c>
      <c r="KI12" s="102">
        <v>79</v>
      </c>
      <c r="KJ12" s="102">
        <v>68</v>
      </c>
      <c r="KK12" s="102">
        <v>38</v>
      </c>
      <c r="KL12" s="103">
        <v>480</v>
      </c>
      <c r="KM12" s="104">
        <v>637</v>
      </c>
    </row>
    <row r="13" spans="2:299" s="70" customFormat="1" ht="21" customHeight="1" x14ac:dyDescent="0.2">
      <c r="B13" s="106" t="s">
        <v>9</v>
      </c>
      <c r="C13" s="96">
        <v>202</v>
      </c>
      <c r="D13" s="97">
        <v>108</v>
      </c>
      <c r="E13" s="98">
        <v>310</v>
      </c>
      <c r="F13" s="413">
        <v>0</v>
      </c>
      <c r="G13" s="97">
        <v>228</v>
      </c>
      <c r="H13" s="97">
        <v>145</v>
      </c>
      <c r="I13" s="97">
        <v>108</v>
      </c>
      <c r="J13" s="97">
        <v>81</v>
      </c>
      <c r="K13" s="97">
        <v>60</v>
      </c>
      <c r="L13" s="99">
        <v>622</v>
      </c>
      <c r="M13" s="100">
        <v>932</v>
      </c>
      <c r="N13" s="101">
        <v>3</v>
      </c>
      <c r="O13" s="102">
        <v>5</v>
      </c>
      <c r="P13" s="103">
        <v>8</v>
      </c>
      <c r="Q13" s="413">
        <v>0</v>
      </c>
      <c r="R13" s="102">
        <v>3</v>
      </c>
      <c r="S13" s="102">
        <v>3</v>
      </c>
      <c r="T13" s="102">
        <v>2</v>
      </c>
      <c r="U13" s="102">
        <v>1</v>
      </c>
      <c r="V13" s="102">
        <v>5</v>
      </c>
      <c r="W13" s="103">
        <v>14</v>
      </c>
      <c r="X13" s="104">
        <v>22</v>
      </c>
      <c r="Y13" s="101">
        <v>5</v>
      </c>
      <c r="Z13" s="102">
        <v>9</v>
      </c>
      <c r="AA13" s="103">
        <v>14</v>
      </c>
      <c r="AB13" s="413">
        <v>0</v>
      </c>
      <c r="AC13" s="102">
        <v>9</v>
      </c>
      <c r="AD13" s="102">
        <v>6</v>
      </c>
      <c r="AE13" s="102">
        <v>2</v>
      </c>
      <c r="AF13" s="102">
        <v>3</v>
      </c>
      <c r="AG13" s="102">
        <v>2</v>
      </c>
      <c r="AH13" s="103">
        <v>22</v>
      </c>
      <c r="AI13" s="104">
        <v>36</v>
      </c>
      <c r="AJ13" s="101">
        <v>27</v>
      </c>
      <c r="AK13" s="102">
        <v>10</v>
      </c>
      <c r="AL13" s="103">
        <v>37</v>
      </c>
      <c r="AM13" s="413">
        <v>0</v>
      </c>
      <c r="AN13" s="102">
        <v>18</v>
      </c>
      <c r="AO13" s="102">
        <v>10</v>
      </c>
      <c r="AP13" s="102">
        <v>14</v>
      </c>
      <c r="AQ13" s="102">
        <v>4</v>
      </c>
      <c r="AR13" s="102">
        <v>7</v>
      </c>
      <c r="AS13" s="103">
        <v>53</v>
      </c>
      <c r="AT13" s="104">
        <v>90</v>
      </c>
      <c r="AU13" s="101">
        <v>40</v>
      </c>
      <c r="AV13" s="102">
        <v>22</v>
      </c>
      <c r="AW13" s="103">
        <v>62</v>
      </c>
      <c r="AX13" s="413">
        <v>0</v>
      </c>
      <c r="AY13" s="102">
        <v>50</v>
      </c>
      <c r="AZ13" s="102">
        <v>21</v>
      </c>
      <c r="BA13" s="102">
        <v>20</v>
      </c>
      <c r="BB13" s="102">
        <v>13</v>
      </c>
      <c r="BC13" s="102">
        <v>6</v>
      </c>
      <c r="BD13" s="103">
        <v>110</v>
      </c>
      <c r="BE13" s="104">
        <v>172</v>
      </c>
      <c r="BF13" s="101">
        <v>73</v>
      </c>
      <c r="BG13" s="102">
        <v>37</v>
      </c>
      <c r="BH13" s="103">
        <v>110</v>
      </c>
      <c r="BI13" s="413">
        <v>0</v>
      </c>
      <c r="BJ13" s="102">
        <v>82</v>
      </c>
      <c r="BK13" s="102">
        <v>36</v>
      </c>
      <c r="BL13" s="102">
        <v>29</v>
      </c>
      <c r="BM13" s="102">
        <v>20</v>
      </c>
      <c r="BN13" s="102">
        <v>22</v>
      </c>
      <c r="BO13" s="103">
        <v>189</v>
      </c>
      <c r="BP13" s="104">
        <v>299</v>
      </c>
      <c r="BQ13" s="101">
        <v>54</v>
      </c>
      <c r="BR13" s="102">
        <v>25</v>
      </c>
      <c r="BS13" s="103">
        <v>79</v>
      </c>
      <c r="BT13" s="413">
        <v>0</v>
      </c>
      <c r="BU13" s="102">
        <v>66</v>
      </c>
      <c r="BV13" s="102">
        <v>69</v>
      </c>
      <c r="BW13" s="102">
        <v>41</v>
      </c>
      <c r="BX13" s="102">
        <v>40</v>
      </c>
      <c r="BY13" s="102">
        <v>18</v>
      </c>
      <c r="BZ13" s="103">
        <v>234</v>
      </c>
      <c r="CA13" s="104">
        <v>313</v>
      </c>
      <c r="CB13" s="101">
        <v>0</v>
      </c>
      <c r="CC13" s="102">
        <v>0</v>
      </c>
      <c r="CD13" s="103">
        <v>0</v>
      </c>
      <c r="CE13" s="413">
        <v>0</v>
      </c>
      <c r="CF13" s="102">
        <v>0</v>
      </c>
      <c r="CG13" s="102">
        <v>0</v>
      </c>
      <c r="CH13" s="102">
        <v>0</v>
      </c>
      <c r="CI13" s="102">
        <v>0</v>
      </c>
      <c r="CJ13" s="102">
        <v>0</v>
      </c>
      <c r="CK13" s="103">
        <v>0</v>
      </c>
      <c r="CL13" s="104">
        <v>0</v>
      </c>
      <c r="CM13" s="101">
        <v>202</v>
      </c>
      <c r="CN13" s="102">
        <v>108</v>
      </c>
      <c r="CO13" s="103">
        <v>310</v>
      </c>
      <c r="CP13" s="413">
        <v>0</v>
      </c>
      <c r="CQ13" s="102">
        <v>228</v>
      </c>
      <c r="CR13" s="102">
        <v>145</v>
      </c>
      <c r="CS13" s="102">
        <v>108</v>
      </c>
      <c r="CT13" s="102">
        <v>81</v>
      </c>
      <c r="CU13" s="102">
        <v>60</v>
      </c>
      <c r="CV13" s="103">
        <v>622</v>
      </c>
      <c r="CW13" s="104">
        <v>932</v>
      </c>
      <c r="CX13" s="105">
        <v>84</v>
      </c>
      <c r="CY13" s="97">
        <v>52</v>
      </c>
      <c r="CZ13" s="98">
        <v>136</v>
      </c>
      <c r="DA13" s="413">
        <v>0</v>
      </c>
      <c r="DB13" s="97">
        <v>71</v>
      </c>
      <c r="DC13" s="97">
        <v>63</v>
      </c>
      <c r="DD13" s="97">
        <v>42</v>
      </c>
      <c r="DE13" s="97">
        <v>45</v>
      </c>
      <c r="DF13" s="97">
        <v>24</v>
      </c>
      <c r="DG13" s="99">
        <v>245</v>
      </c>
      <c r="DH13" s="100">
        <v>381</v>
      </c>
      <c r="DI13" s="101">
        <v>1</v>
      </c>
      <c r="DJ13" s="102">
        <v>2</v>
      </c>
      <c r="DK13" s="103">
        <v>3</v>
      </c>
      <c r="DL13" s="413">
        <v>0</v>
      </c>
      <c r="DM13" s="102">
        <v>1</v>
      </c>
      <c r="DN13" s="102">
        <v>0</v>
      </c>
      <c r="DO13" s="102">
        <v>0</v>
      </c>
      <c r="DP13" s="102">
        <v>2</v>
      </c>
      <c r="DQ13" s="102">
        <v>1</v>
      </c>
      <c r="DR13" s="103">
        <v>4</v>
      </c>
      <c r="DS13" s="104">
        <v>7</v>
      </c>
      <c r="DT13" s="101">
        <v>4</v>
      </c>
      <c r="DU13" s="102">
        <v>9</v>
      </c>
      <c r="DV13" s="103">
        <v>13</v>
      </c>
      <c r="DW13" s="413">
        <v>0</v>
      </c>
      <c r="DX13" s="102">
        <v>4</v>
      </c>
      <c r="DY13" s="102">
        <v>0</v>
      </c>
      <c r="DZ13" s="102">
        <v>0</v>
      </c>
      <c r="EA13" s="102">
        <v>2</v>
      </c>
      <c r="EB13" s="102">
        <v>1</v>
      </c>
      <c r="EC13" s="103">
        <v>7</v>
      </c>
      <c r="ED13" s="104">
        <v>20</v>
      </c>
      <c r="EE13" s="101">
        <v>8</v>
      </c>
      <c r="EF13" s="102">
        <v>7</v>
      </c>
      <c r="EG13" s="103">
        <v>15</v>
      </c>
      <c r="EH13" s="413">
        <v>0</v>
      </c>
      <c r="EI13" s="102">
        <v>7</v>
      </c>
      <c r="EJ13" s="102">
        <v>6</v>
      </c>
      <c r="EK13" s="102">
        <v>3</v>
      </c>
      <c r="EL13" s="102">
        <v>3</v>
      </c>
      <c r="EM13" s="102">
        <v>0</v>
      </c>
      <c r="EN13" s="103">
        <v>19</v>
      </c>
      <c r="EO13" s="104">
        <v>34</v>
      </c>
      <c r="EP13" s="101">
        <v>27</v>
      </c>
      <c r="EQ13" s="102">
        <v>11</v>
      </c>
      <c r="ER13" s="103">
        <v>38</v>
      </c>
      <c r="ES13" s="413">
        <v>0</v>
      </c>
      <c r="ET13" s="102">
        <v>15</v>
      </c>
      <c r="EU13" s="102">
        <v>9</v>
      </c>
      <c r="EV13" s="102">
        <v>8</v>
      </c>
      <c r="EW13" s="102">
        <v>5</v>
      </c>
      <c r="EX13" s="102">
        <v>2</v>
      </c>
      <c r="EY13" s="103">
        <v>39</v>
      </c>
      <c r="EZ13" s="104">
        <v>77</v>
      </c>
      <c r="FA13" s="101">
        <v>29</v>
      </c>
      <c r="FB13" s="102">
        <v>10</v>
      </c>
      <c r="FC13" s="103">
        <v>39</v>
      </c>
      <c r="FD13" s="413">
        <v>0</v>
      </c>
      <c r="FE13" s="102">
        <v>23</v>
      </c>
      <c r="FF13" s="102">
        <v>20</v>
      </c>
      <c r="FG13" s="102">
        <v>11</v>
      </c>
      <c r="FH13" s="102">
        <v>7</v>
      </c>
      <c r="FI13" s="102">
        <v>5</v>
      </c>
      <c r="FJ13" s="103">
        <v>66</v>
      </c>
      <c r="FK13" s="104">
        <v>105</v>
      </c>
      <c r="FL13" s="101">
        <v>15</v>
      </c>
      <c r="FM13" s="102">
        <v>13</v>
      </c>
      <c r="FN13" s="103">
        <v>28</v>
      </c>
      <c r="FO13" s="413">
        <v>0</v>
      </c>
      <c r="FP13" s="102">
        <v>21</v>
      </c>
      <c r="FQ13" s="102">
        <v>28</v>
      </c>
      <c r="FR13" s="102">
        <v>20</v>
      </c>
      <c r="FS13" s="102">
        <v>26</v>
      </c>
      <c r="FT13" s="102">
        <v>15</v>
      </c>
      <c r="FU13" s="103">
        <v>110</v>
      </c>
      <c r="FV13" s="104">
        <v>138</v>
      </c>
      <c r="FW13" s="101">
        <v>0</v>
      </c>
      <c r="FX13" s="102">
        <v>0</v>
      </c>
      <c r="FY13" s="103">
        <v>0</v>
      </c>
      <c r="FZ13" s="413">
        <v>0</v>
      </c>
      <c r="GA13" s="102">
        <v>0</v>
      </c>
      <c r="GB13" s="102">
        <v>0</v>
      </c>
      <c r="GC13" s="102">
        <v>0</v>
      </c>
      <c r="GD13" s="102">
        <v>0</v>
      </c>
      <c r="GE13" s="102">
        <v>0</v>
      </c>
      <c r="GF13" s="103">
        <v>0</v>
      </c>
      <c r="GG13" s="104">
        <v>0</v>
      </c>
      <c r="GH13" s="101">
        <v>84</v>
      </c>
      <c r="GI13" s="102">
        <v>52</v>
      </c>
      <c r="GJ13" s="103">
        <v>136</v>
      </c>
      <c r="GK13" s="413">
        <v>0</v>
      </c>
      <c r="GL13" s="102">
        <v>71</v>
      </c>
      <c r="GM13" s="102">
        <v>63</v>
      </c>
      <c r="GN13" s="102">
        <v>42</v>
      </c>
      <c r="GO13" s="102">
        <v>45</v>
      </c>
      <c r="GP13" s="102">
        <v>24</v>
      </c>
      <c r="GQ13" s="103">
        <v>245</v>
      </c>
      <c r="GR13" s="104">
        <v>381</v>
      </c>
      <c r="GS13" s="105">
        <v>286</v>
      </c>
      <c r="GT13" s="97">
        <v>160</v>
      </c>
      <c r="GU13" s="98">
        <v>446</v>
      </c>
      <c r="GV13" s="413">
        <v>0</v>
      </c>
      <c r="GW13" s="97">
        <v>299</v>
      </c>
      <c r="GX13" s="97">
        <v>208</v>
      </c>
      <c r="GY13" s="97">
        <v>150</v>
      </c>
      <c r="GZ13" s="97">
        <v>126</v>
      </c>
      <c r="HA13" s="97">
        <v>84</v>
      </c>
      <c r="HB13" s="99">
        <v>867</v>
      </c>
      <c r="HC13" s="100">
        <v>1313</v>
      </c>
      <c r="HD13" s="101">
        <v>4</v>
      </c>
      <c r="HE13" s="102">
        <v>7</v>
      </c>
      <c r="HF13" s="103">
        <v>11</v>
      </c>
      <c r="HG13" s="413">
        <v>0</v>
      </c>
      <c r="HH13" s="102">
        <v>4</v>
      </c>
      <c r="HI13" s="102">
        <v>3</v>
      </c>
      <c r="HJ13" s="102">
        <v>2</v>
      </c>
      <c r="HK13" s="102">
        <v>3</v>
      </c>
      <c r="HL13" s="102">
        <v>6</v>
      </c>
      <c r="HM13" s="103">
        <v>18</v>
      </c>
      <c r="HN13" s="104">
        <v>29</v>
      </c>
      <c r="HO13" s="101">
        <v>9</v>
      </c>
      <c r="HP13" s="102">
        <v>18</v>
      </c>
      <c r="HQ13" s="103">
        <v>27</v>
      </c>
      <c r="HR13" s="413">
        <v>0</v>
      </c>
      <c r="HS13" s="102">
        <v>13</v>
      </c>
      <c r="HT13" s="102">
        <v>6</v>
      </c>
      <c r="HU13" s="102">
        <v>2</v>
      </c>
      <c r="HV13" s="102">
        <v>5</v>
      </c>
      <c r="HW13" s="102">
        <v>3</v>
      </c>
      <c r="HX13" s="103">
        <v>29</v>
      </c>
      <c r="HY13" s="104">
        <v>56</v>
      </c>
      <c r="HZ13" s="101">
        <v>35</v>
      </c>
      <c r="IA13" s="102">
        <v>17</v>
      </c>
      <c r="IB13" s="103">
        <v>52</v>
      </c>
      <c r="IC13" s="413">
        <v>0</v>
      </c>
      <c r="ID13" s="102">
        <v>25</v>
      </c>
      <c r="IE13" s="102">
        <v>16</v>
      </c>
      <c r="IF13" s="102">
        <v>17</v>
      </c>
      <c r="IG13" s="102">
        <v>7</v>
      </c>
      <c r="IH13" s="102">
        <v>7</v>
      </c>
      <c r="II13" s="103">
        <v>72</v>
      </c>
      <c r="IJ13" s="104">
        <v>124</v>
      </c>
      <c r="IK13" s="101">
        <v>67</v>
      </c>
      <c r="IL13" s="102">
        <v>33</v>
      </c>
      <c r="IM13" s="103">
        <v>100</v>
      </c>
      <c r="IN13" s="413">
        <v>0</v>
      </c>
      <c r="IO13" s="102">
        <v>65</v>
      </c>
      <c r="IP13" s="102">
        <v>30</v>
      </c>
      <c r="IQ13" s="102">
        <v>28</v>
      </c>
      <c r="IR13" s="102">
        <v>18</v>
      </c>
      <c r="IS13" s="102">
        <v>8</v>
      </c>
      <c r="IT13" s="103">
        <v>149</v>
      </c>
      <c r="IU13" s="104">
        <v>249</v>
      </c>
      <c r="IV13" s="101">
        <v>102</v>
      </c>
      <c r="IW13" s="102">
        <v>47</v>
      </c>
      <c r="IX13" s="103">
        <v>149</v>
      </c>
      <c r="IY13" s="413">
        <v>0</v>
      </c>
      <c r="IZ13" s="102">
        <v>105</v>
      </c>
      <c r="JA13" s="102">
        <v>56</v>
      </c>
      <c r="JB13" s="102">
        <v>40</v>
      </c>
      <c r="JC13" s="102">
        <v>27</v>
      </c>
      <c r="JD13" s="102">
        <v>27</v>
      </c>
      <c r="JE13" s="103">
        <v>255</v>
      </c>
      <c r="JF13" s="104">
        <v>404</v>
      </c>
      <c r="JG13" s="101">
        <v>69</v>
      </c>
      <c r="JH13" s="102">
        <v>38</v>
      </c>
      <c r="JI13" s="103">
        <v>107</v>
      </c>
      <c r="JJ13" s="413">
        <v>0</v>
      </c>
      <c r="JK13" s="102">
        <v>87</v>
      </c>
      <c r="JL13" s="102">
        <v>97</v>
      </c>
      <c r="JM13" s="102">
        <v>61</v>
      </c>
      <c r="JN13" s="102">
        <v>66</v>
      </c>
      <c r="JO13" s="102">
        <v>33</v>
      </c>
      <c r="JP13" s="103">
        <v>344</v>
      </c>
      <c r="JQ13" s="104">
        <v>451</v>
      </c>
      <c r="JR13" s="101">
        <v>0</v>
      </c>
      <c r="JS13" s="102">
        <v>0</v>
      </c>
      <c r="JT13" s="103">
        <v>0</v>
      </c>
      <c r="JU13" s="413">
        <v>0</v>
      </c>
      <c r="JV13" s="102">
        <v>0</v>
      </c>
      <c r="JW13" s="102">
        <v>0</v>
      </c>
      <c r="JX13" s="102">
        <v>0</v>
      </c>
      <c r="JY13" s="102">
        <v>0</v>
      </c>
      <c r="JZ13" s="102">
        <v>0</v>
      </c>
      <c r="KA13" s="103">
        <v>0</v>
      </c>
      <c r="KB13" s="104">
        <v>0</v>
      </c>
      <c r="KC13" s="101">
        <v>286</v>
      </c>
      <c r="KD13" s="102">
        <v>160</v>
      </c>
      <c r="KE13" s="103">
        <v>446</v>
      </c>
      <c r="KF13" s="413">
        <v>0</v>
      </c>
      <c r="KG13" s="102">
        <v>299</v>
      </c>
      <c r="KH13" s="102">
        <v>208</v>
      </c>
      <c r="KI13" s="102">
        <v>150</v>
      </c>
      <c r="KJ13" s="102">
        <v>126</v>
      </c>
      <c r="KK13" s="102">
        <v>84</v>
      </c>
      <c r="KL13" s="103">
        <v>867</v>
      </c>
      <c r="KM13" s="104">
        <v>1313</v>
      </c>
    </row>
    <row r="14" spans="2:299" s="70" customFormat="1" ht="21" customHeight="1" x14ac:dyDescent="0.2">
      <c r="B14" s="106" t="s">
        <v>10</v>
      </c>
      <c r="C14" s="96">
        <v>281</v>
      </c>
      <c r="D14" s="97">
        <v>199</v>
      </c>
      <c r="E14" s="98">
        <v>480</v>
      </c>
      <c r="F14" s="413">
        <v>0</v>
      </c>
      <c r="G14" s="97">
        <v>277</v>
      </c>
      <c r="H14" s="97">
        <v>163</v>
      </c>
      <c r="I14" s="97">
        <v>120</v>
      </c>
      <c r="J14" s="97">
        <v>88</v>
      </c>
      <c r="K14" s="97">
        <v>74</v>
      </c>
      <c r="L14" s="99">
        <v>722</v>
      </c>
      <c r="M14" s="100">
        <v>1202</v>
      </c>
      <c r="N14" s="101">
        <v>8</v>
      </c>
      <c r="O14" s="102">
        <v>8</v>
      </c>
      <c r="P14" s="103">
        <v>16</v>
      </c>
      <c r="Q14" s="413">
        <v>0</v>
      </c>
      <c r="R14" s="102">
        <v>7</v>
      </c>
      <c r="S14" s="102">
        <v>11</v>
      </c>
      <c r="T14" s="102">
        <v>5</v>
      </c>
      <c r="U14" s="102">
        <v>4</v>
      </c>
      <c r="V14" s="102">
        <v>3</v>
      </c>
      <c r="W14" s="103">
        <v>30</v>
      </c>
      <c r="X14" s="104">
        <v>46</v>
      </c>
      <c r="Y14" s="101">
        <v>19</v>
      </c>
      <c r="Z14" s="102">
        <v>11</v>
      </c>
      <c r="AA14" s="103">
        <v>30</v>
      </c>
      <c r="AB14" s="413">
        <v>0</v>
      </c>
      <c r="AC14" s="102">
        <v>21</v>
      </c>
      <c r="AD14" s="102">
        <v>15</v>
      </c>
      <c r="AE14" s="102">
        <v>11</v>
      </c>
      <c r="AF14" s="102">
        <v>9</v>
      </c>
      <c r="AG14" s="102">
        <v>11</v>
      </c>
      <c r="AH14" s="103">
        <v>67</v>
      </c>
      <c r="AI14" s="104">
        <v>97</v>
      </c>
      <c r="AJ14" s="101">
        <v>25</v>
      </c>
      <c r="AK14" s="102">
        <v>37</v>
      </c>
      <c r="AL14" s="103">
        <v>62</v>
      </c>
      <c r="AM14" s="413">
        <v>0</v>
      </c>
      <c r="AN14" s="102">
        <v>44</v>
      </c>
      <c r="AO14" s="102">
        <v>16</v>
      </c>
      <c r="AP14" s="102">
        <v>13</v>
      </c>
      <c r="AQ14" s="102">
        <v>11</v>
      </c>
      <c r="AR14" s="102">
        <v>13</v>
      </c>
      <c r="AS14" s="103">
        <v>97</v>
      </c>
      <c r="AT14" s="104">
        <v>159</v>
      </c>
      <c r="AU14" s="101">
        <v>67</v>
      </c>
      <c r="AV14" s="102">
        <v>44</v>
      </c>
      <c r="AW14" s="103">
        <v>111</v>
      </c>
      <c r="AX14" s="413">
        <v>0</v>
      </c>
      <c r="AY14" s="102">
        <v>63</v>
      </c>
      <c r="AZ14" s="102">
        <v>25</v>
      </c>
      <c r="BA14" s="102">
        <v>18</v>
      </c>
      <c r="BB14" s="102">
        <v>17</v>
      </c>
      <c r="BC14" s="102">
        <v>17</v>
      </c>
      <c r="BD14" s="103">
        <v>140</v>
      </c>
      <c r="BE14" s="104">
        <v>251</v>
      </c>
      <c r="BF14" s="101">
        <v>87</v>
      </c>
      <c r="BG14" s="102">
        <v>44</v>
      </c>
      <c r="BH14" s="103">
        <v>131</v>
      </c>
      <c r="BI14" s="413">
        <v>0</v>
      </c>
      <c r="BJ14" s="102">
        <v>71</v>
      </c>
      <c r="BK14" s="102">
        <v>47</v>
      </c>
      <c r="BL14" s="102">
        <v>33</v>
      </c>
      <c r="BM14" s="102">
        <v>17</v>
      </c>
      <c r="BN14" s="102">
        <v>17</v>
      </c>
      <c r="BO14" s="103">
        <v>185</v>
      </c>
      <c r="BP14" s="104">
        <v>316</v>
      </c>
      <c r="BQ14" s="101">
        <v>75</v>
      </c>
      <c r="BR14" s="102">
        <v>55</v>
      </c>
      <c r="BS14" s="103">
        <v>130</v>
      </c>
      <c r="BT14" s="413">
        <v>0</v>
      </c>
      <c r="BU14" s="102">
        <v>71</v>
      </c>
      <c r="BV14" s="102">
        <v>49</v>
      </c>
      <c r="BW14" s="102">
        <v>40</v>
      </c>
      <c r="BX14" s="102">
        <v>30</v>
      </c>
      <c r="BY14" s="102">
        <v>13</v>
      </c>
      <c r="BZ14" s="103">
        <v>203</v>
      </c>
      <c r="CA14" s="104">
        <v>333</v>
      </c>
      <c r="CB14" s="101">
        <v>0</v>
      </c>
      <c r="CC14" s="102">
        <v>0</v>
      </c>
      <c r="CD14" s="103">
        <v>0</v>
      </c>
      <c r="CE14" s="413">
        <v>0</v>
      </c>
      <c r="CF14" s="102">
        <v>0</v>
      </c>
      <c r="CG14" s="102">
        <v>0</v>
      </c>
      <c r="CH14" s="102">
        <v>0</v>
      </c>
      <c r="CI14" s="102">
        <v>0</v>
      </c>
      <c r="CJ14" s="102">
        <v>0</v>
      </c>
      <c r="CK14" s="103">
        <v>0</v>
      </c>
      <c r="CL14" s="104">
        <v>0</v>
      </c>
      <c r="CM14" s="101">
        <v>281</v>
      </c>
      <c r="CN14" s="102">
        <v>199</v>
      </c>
      <c r="CO14" s="103">
        <v>480</v>
      </c>
      <c r="CP14" s="413">
        <v>0</v>
      </c>
      <c r="CQ14" s="102">
        <v>277</v>
      </c>
      <c r="CR14" s="102">
        <v>163</v>
      </c>
      <c r="CS14" s="102">
        <v>120</v>
      </c>
      <c r="CT14" s="102">
        <v>88</v>
      </c>
      <c r="CU14" s="102">
        <v>74</v>
      </c>
      <c r="CV14" s="103">
        <v>722</v>
      </c>
      <c r="CW14" s="104">
        <v>1202</v>
      </c>
      <c r="CX14" s="105">
        <v>112</v>
      </c>
      <c r="CY14" s="97">
        <v>76</v>
      </c>
      <c r="CZ14" s="98">
        <v>188</v>
      </c>
      <c r="DA14" s="413">
        <v>0</v>
      </c>
      <c r="DB14" s="97">
        <v>122</v>
      </c>
      <c r="DC14" s="97">
        <v>60</v>
      </c>
      <c r="DD14" s="97">
        <v>48</v>
      </c>
      <c r="DE14" s="97">
        <v>50</v>
      </c>
      <c r="DF14" s="97">
        <v>38</v>
      </c>
      <c r="DG14" s="99">
        <v>318</v>
      </c>
      <c r="DH14" s="100">
        <v>506</v>
      </c>
      <c r="DI14" s="101">
        <v>4</v>
      </c>
      <c r="DJ14" s="102">
        <v>4</v>
      </c>
      <c r="DK14" s="103">
        <v>8</v>
      </c>
      <c r="DL14" s="413">
        <v>0</v>
      </c>
      <c r="DM14" s="102">
        <v>1</v>
      </c>
      <c r="DN14" s="102">
        <v>1</v>
      </c>
      <c r="DO14" s="102">
        <v>1</v>
      </c>
      <c r="DP14" s="102">
        <v>0</v>
      </c>
      <c r="DQ14" s="102">
        <v>0</v>
      </c>
      <c r="DR14" s="103">
        <v>3</v>
      </c>
      <c r="DS14" s="104">
        <v>11</v>
      </c>
      <c r="DT14" s="101">
        <v>8</v>
      </c>
      <c r="DU14" s="102">
        <v>5</v>
      </c>
      <c r="DV14" s="103">
        <v>13</v>
      </c>
      <c r="DW14" s="413">
        <v>0</v>
      </c>
      <c r="DX14" s="102">
        <v>8</v>
      </c>
      <c r="DY14" s="102">
        <v>1</v>
      </c>
      <c r="DZ14" s="102">
        <v>1</v>
      </c>
      <c r="EA14" s="102">
        <v>1</v>
      </c>
      <c r="EB14" s="102">
        <v>2</v>
      </c>
      <c r="EC14" s="103">
        <v>13</v>
      </c>
      <c r="ED14" s="104">
        <v>26</v>
      </c>
      <c r="EE14" s="101">
        <v>20</v>
      </c>
      <c r="EF14" s="102">
        <v>11</v>
      </c>
      <c r="EG14" s="103">
        <v>31</v>
      </c>
      <c r="EH14" s="413">
        <v>0</v>
      </c>
      <c r="EI14" s="102">
        <v>12</v>
      </c>
      <c r="EJ14" s="102">
        <v>5</v>
      </c>
      <c r="EK14" s="102">
        <v>3</v>
      </c>
      <c r="EL14" s="102">
        <v>2</v>
      </c>
      <c r="EM14" s="102">
        <v>2</v>
      </c>
      <c r="EN14" s="103">
        <v>24</v>
      </c>
      <c r="EO14" s="104">
        <v>55</v>
      </c>
      <c r="EP14" s="101">
        <v>25</v>
      </c>
      <c r="EQ14" s="102">
        <v>17</v>
      </c>
      <c r="ER14" s="103">
        <v>42</v>
      </c>
      <c r="ES14" s="413">
        <v>0</v>
      </c>
      <c r="ET14" s="102">
        <v>27</v>
      </c>
      <c r="EU14" s="102">
        <v>12</v>
      </c>
      <c r="EV14" s="102">
        <v>5</v>
      </c>
      <c r="EW14" s="102">
        <v>4</v>
      </c>
      <c r="EX14" s="102">
        <v>6</v>
      </c>
      <c r="EY14" s="103">
        <v>54</v>
      </c>
      <c r="EZ14" s="104">
        <v>96</v>
      </c>
      <c r="FA14" s="101">
        <v>31</v>
      </c>
      <c r="FB14" s="102">
        <v>24</v>
      </c>
      <c r="FC14" s="103">
        <v>55</v>
      </c>
      <c r="FD14" s="413">
        <v>0</v>
      </c>
      <c r="FE14" s="102">
        <v>33</v>
      </c>
      <c r="FF14" s="102">
        <v>17</v>
      </c>
      <c r="FG14" s="102">
        <v>12</v>
      </c>
      <c r="FH14" s="102">
        <v>11</v>
      </c>
      <c r="FI14" s="102">
        <v>7</v>
      </c>
      <c r="FJ14" s="103">
        <v>80</v>
      </c>
      <c r="FK14" s="104">
        <v>135</v>
      </c>
      <c r="FL14" s="101">
        <v>24</v>
      </c>
      <c r="FM14" s="102">
        <v>15</v>
      </c>
      <c r="FN14" s="103">
        <v>39</v>
      </c>
      <c r="FO14" s="413">
        <v>0</v>
      </c>
      <c r="FP14" s="102">
        <v>41</v>
      </c>
      <c r="FQ14" s="102">
        <v>24</v>
      </c>
      <c r="FR14" s="102">
        <v>26</v>
      </c>
      <c r="FS14" s="102">
        <v>32</v>
      </c>
      <c r="FT14" s="102">
        <v>21</v>
      </c>
      <c r="FU14" s="103">
        <v>144</v>
      </c>
      <c r="FV14" s="104">
        <v>183</v>
      </c>
      <c r="FW14" s="101">
        <v>0</v>
      </c>
      <c r="FX14" s="102">
        <v>0</v>
      </c>
      <c r="FY14" s="103">
        <v>0</v>
      </c>
      <c r="FZ14" s="413">
        <v>0</v>
      </c>
      <c r="GA14" s="102">
        <v>0</v>
      </c>
      <c r="GB14" s="102">
        <v>0</v>
      </c>
      <c r="GC14" s="102">
        <v>0</v>
      </c>
      <c r="GD14" s="102">
        <v>0</v>
      </c>
      <c r="GE14" s="102">
        <v>0</v>
      </c>
      <c r="GF14" s="103">
        <v>0</v>
      </c>
      <c r="GG14" s="104">
        <v>0</v>
      </c>
      <c r="GH14" s="101">
        <v>112</v>
      </c>
      <c r="GI14" s="102">
        <v>76</v>
      </c>
      <c r="GJ14" s="103">
        <v>188</v>
      </c>
      <c r="GK14" s="413">
        <v>0</v>
      </c>
      <c r="GL14" s="102">
        <v>122</v>
      </c>
      <c r="GM14" s="102">
        <v>60</v>
      </c>
      <c r="GN14" s="102">
        <v>48</v>
      </c>
      <c r="GO14" s="102">
        <v>50</v>
      </c>
      <c r="GP14" s="102">
        <v>38</v>
      </c>
      <c r="GQ14" s="103">
        <v>318</v>
      </c>
      <c r="GR14" s="104">
        <v>506</v>
      </c>
      <c r="GS14" s="105">
        <v>393</v>
      </c>
      <c r="GT14" s="97">
        <v>275</v>
      </c>
      <c r="GU14" s="98">
        <v>668</v>
      </c>
      <c r="GV14" s="413">
        <v>0</v>
      </c>
      <c r="GW14" s="97">
        <v>399</v>
      </c>
      <c r="GX14" s="97">
        <v>223</v>
      </c>
      <c r="GY14" s="97">
        <v>168</v>
      </c>
      <c r="GZ14" s="97">
        <v>138</v>
      </c>
      <c r="HA14" s="97">
        <v>112</v>
      </c>
      <c r="HB14" s="99">
        <v>1040</v>
      </c>
      <c r="HC14" s="100">
        <v>1708</v>
      </c>
      <c r="HD14" s="101">
        <v>12</v>
      </c>
      <c r="HE14" s="102">
        <v>12</v>
      </c>
      <c r="HF14" s="103">
        <v>24</v>
      </c>
      <c r="HG14" s="413">
        <v>0</v>
      </c>
      <c r="HH14" s="102">
        <v>8</v>
      </c>
      <c r="HI14" s="102">
        <v>12</v>
      </c>
      <c r="HJ14" s="102">
        <v>6</v>
      </c>
      <c r="HK14" s="102">
        <v>4</v>
      </c>
      <c r="HL14" s="102">
        <v>3</v>
      </c>
      <c r="HM14" s="103">
        <v>33</v>
      </c>
      <c r="HN14" s="104">
        <v>57</v>
      </c>
      <c r="HO14" s="101">
        <v>27</v>
      </c>
      <c r="HP14" s="102">
        <v>16</v>
      </c>
      <c r="HQ14" s="103">
        <v>43</v>
      </c>
      <c r="HR14" s="413">
        <v>0</v>
      </c>
      <c r="HS14" s="102">
        <v>29</v>
      </c>
      <c r="HT14" s="102">
        <v>16</v>
      </c>
      <c r="HU14" s="102">
        <v>12</v>
      </c>
      <c r="HV14" s="102">
        <v>10</v>
      </c>
      <c r="HW14" s="102">
        <v>13</v>
      </c>
      <c r="HX14" s="103">
        <v>80</v>
      </c>
      <c r="HY14" s="104">
        <v>123</v>
      </c>
      <c r="HZ14" s="101">
        <v>45</v>
      </c>
      <c r="IA14" s="102">
        <v>48</v>
      </c>
      <c r="IB14" s="103">
        <v>93</v>
      </c>
      <c r="IC14" s="413">
        <v>0</v>
      </c>
      <c r="ID14" s="102">
        <v>56</v>
      </c>
      <c r="IE14" s="102">
        <v>21</v>
      </c>
      <c r="IF14" s="102">
        <v>16</v>
      </c>
      <c r="IG14" s="102">
        <v>13</v>
      </c>
      <c r="IH14" s="102">
        <v>15</v>
      </c>
      <c r="II14" s="103">
        <v>121</v>
      </c>
      <c r="IJ14" s="104">
        <v>214</v>
      </c>
      <c r="IK14" s="101">
        <v>92</v>
      </c>
      <c r="IL14" s="102">
        <v>61</v>
      </c>
      <c r="IM14" s="103">
        <v>153</v>
      </c>
      <c r="IN14" s="413">
        <v>0</v>
      </c>
      <c r="IO14" s="102">
        <v>90</v>
      </c>
      <c r="IP14" s="102">
        <v>37</v>
      </c>
      <c r="IQ14" s="102">
        <v>23</v>
      </c>
      <c r="IR14" s="102">
        <v>21</v>
      </c>
      <c r="IS14" s="102">
        <v>23</v>
      </c>
      <c r="IT14" s="103">
        <v>194</v>
      </c>
      <c r="IU14" s="104">
        <v>347</v>
      </c>
      <c r="IV14" s="101">
        <v>118</v>
      </c>
      <c r="IW14" s="102">
        <v>68</v>
      </c>
      <c r="IX14" s="103">
        <v>186</v>
      </c>
      <c r="IY14" s="413">
        <v>0</v>
      </c>
      <c r="IZ14" s="102">
        <v>104</v>
      </c>
      <c r="JA14" s="102">
        <v>64</v>
      </c>
      <c r="JB14" s="102">
        <v>45</v>
      </c>
      <c r="JC14" s="102">
        <v>28</v>
      </c>
      <c r="JD14" s="102">
        <v>24</v>
      </c>
      <c r="JE14" s="103">
        <v>265</v>
      </c>
      <c r="JF14" s="104">
        <v>451</v>
      </c>
      <c r="JG14" s="101">
        <v>99</v>
      </c>
      <c r="JH14" s="102">
        <v>70</v>
      </c>
      <c r="JI14" s="103">
        <v>169</v>
      </c>
      <c r="JJ14" s="413">
        <v>0</v>
      </c>
      <c r="JK14" s="102">
        <v>112</v>
      </c>
      <c r="JL14" s="102">
        <v>73</v>
      </c>
      <c r="JM14" s="102">
        <v>66</v>
      </c>
      <c r="JN14" s="102">
        <v>62</v>
      </c>
      <c r="JO14" s="102">
        <v>34</v>
      </c>
      <c r="JP14" s="103">
        <v>347</v>
      </c>
      <c r="JQ14" s="104">
        <v>516</v>
      </c>
      <c r="JR14" s="101">
        <v>0</v>
      </c>
      <c r="JS14" s="102">
        <v>0</v>
      </c>
      <c r="JT14" s="103">
        <v>0</v>
      </c>
      <c r="JU14" s="413">
        <v>0</v>
      </c>
      <c r="JV14" s="102">
        <v>0</v>
      </c>
      <c r="JW14" s="102">
        <v>0</v>
      </c>
      <c r="JX14" s="102">
        <v>0</v>
      </c>
      <c r="JY14" s="102">
        <v>0</v>
      </c>
      <c r="JZ14" s="102">
        <v>0</v>
      </c>
      <c r="KA14" s="103">
        <v>0</v>
      </c>
      <c r="KB14" s="104">
        <v>0</v>
      </c>
      <c r="KC14" s="101">
        <v>393</v>
      </c>
      <c r="KD14" s="102">
        <v>275</v>
      </c>
      <c r="KE14" s="103">
        <v>668</v>
      </c>
      <c r="KF14" s="413">
        <v>0</v>
      </c>
      <c r="KG14" s="102">
        <v>399</v>
      </c>
      <c r="KH14" s="102">
        <v>223</v>
      </c>
      <c r="KI14" s="102">
        <v>168</v>
      </c>
      <c r="KJ14" s="102">
        <v>138</v>
      </c>
      <c r="KK14" s="102">
        <v>112</v>
      </c>
      <c r="KL14" s="103">
        <v>1040</v>
      </c>
      <c r="KM14" s="104">
        <v>1708</v>
      </c>
    </row>
    <row r="15" spans="2:299" s="70" customFormat="1" ht="21" customHeight="1" x14ac:dyDescent="0.2">
      <c r="B15" s="106" t="s">
        <v>11</v>
      </c>
      <c r="C15" s="96">
        <v>54</v>
      </c>
      <c r="D15" s="97">
        <v>39</v>
      </c>
      <c r="E15" s="98">
        <v>93</v>
      </c>
      <c r="F15" s="413">
        <v>0</v>
      </c>
      <c r="G15" s="97">
        <v>100</v>
      </c>
      <c r="H15" s="97">
        <v>64</v>
      </c>
      <c r="I15" s="97">
        <v>41</v>
      </c>
      <c r="J15" s="97">
        <v>25</v>
      </c>
      <c r="K15" s="97">
        <v>17</v>
      </c>
      <c r="L15" s="99">
        <v>247</v>
      </c>
      <c r="M15" s="100">
        <v>340</v>
      </c>
      <c r="N15" s="101">
        <v>0</v>
      </c>
      <c r="O15" s="102">
        <v>1</v>
      </c>
      <c r="P15" s="103">
        <v>1</v>
      </c>
      <c r="Q15" s="413">
        <v>0</v>
      </c>
      <c r="R15" s="102">
        <v>2</v>
      </c>
      <c r="S15" s="102">
        <v>4</v>
      </c>
      <c r="T15" s="102">
        <v>0</v>
      </c>
      <c r="U15" s="102">
        <v>2</v>
      </c>
      <c r="V15" s="102">
        <v>1</v>
      </c>
      <c r="W15" s="103">
        <v>9</v>
      </c>
      <c r="X15" s="104">
        <v>10</v>
      </c>
      <c r="Y15" s="101">
        <v>6</v>
      </c>
      <c r="Z15" s="102">
        <v>1</v>
      </c>
      <c r="AA15" s="103">
        <v>7</v>
      </c>
      <c r="AB15" s="413">
        <v>0</v>
      </c>
      <c r="AC15" s="102">
        <v>8</v>
      </c>
      <c r="AD15" s="102">
        <v>0</v>
      </c>
      <c r="AE15" s="102">
        <v>4</v>
      </c>
      <c r="AF15" s="102">
        <v>1</v>
      </c>
      <c r="AG15" s="102">
        <v>1</v>
      </c>
      <c r="AH15" s="103">
        <v>14</v>
      </c>
      <c r="AI15" s="104">
        <v>21</v>
      </c>
      <c r="AJ15" s="101">
        <v>7</v>
      </c>
      <c r="AK15" s="102">
        <v>8</v>
      </c>
      <c r="AL15" s="103">
        <v>15</v>
      </c>
      <c r="AM15" s="413">
        <v>0</v>
      </c>
      <c r="AN15" s="102">
        <v>17</v>
      </c>
      <c r="AO15" s="102">
        <v>7</v>
      </c>
      <c r="AP15" s="102">
        <v>7</v>
      </c>
      <c r="AQ15" s="102">
        <v>3</v>
      </c>
      <c r="AR15" s="102">
        <v>1</v>
      </c>
      <c r="AS15" s="103">
        <v>35</v>
      </c>
      <c r="AT15" s="104">
        <v>50</v>
      </c>
      <c r="AU15" s="101">
        <v>14</v>
      </c>
      <c r="AV15" s="102">
        <v>8</v>
      </c>
      <c r="AW15" s="103">
        <v>22</v>
      </c>
      <c r="AX15" s="413">
        <v>0</v>
      </c>
      <c r="AY15" s="102">
        <v>23</v>
      </c>
      <c r="AZ15" s="102">
        <v>12</v>
      </c>
      <c r="BA15" s="102">
        <v>6</v>
      </c>
      <c r="BB15" s="102">
        <v>10</v>
      </c>
      <c r="BC15" s="102">
        <v>5</v>
      </c>
      <c r="BD15" s="103">
        <v>56</v>
      </c>
      <c r="BE15" s="104">
        <v>78</v>
      </c>
      <c r="BF15" s="101">
        <v>16</v>
      </c>
      <c r="BG15" s="102">
        <v>13</v>
      </c>
      <c r="BH15" s="103">
        <v>29</v>
      </c>
      <c r="BI15" s="413">
        <v>0</v>
      </c>
      <c r="BJ15" s="102">
        <v>26</v>
      </c>
      <c r="BK15" s="102">
        <v>23</v>
      </c>
      <c r="BL15" s="102">
        <v>11</v>
      </c>
      <c r="BM15" s="102">
        <v>5</v>
      </c>
      <c r="BN15" s="102">
        <v>3</v>
      </c>
      <c r="BO15" s="103">
        <v>68</v>
      </c>
      <c r="BP15" s="104">
        <v>97</v>
      </c>
      <c r="BQ15" s="101">
        <v>11</v>
      </c>
      <c r="BR15" s="102">
        <v>8</v>
      </c>
      <c r="BS15" s="103">
        <v>19</v>
      </c>
      <c r="BT15" s="413">
        <v>0</v>
      </c>
      <c r="BU15" s="102">
        <v>24</v>
      </c>
      <c r="BV15" s="102">
        <v>18</v>
      </c>
      <c r="BW15" s="102">
        <v>13</v>
      </c>
      <c r="BX15" s="102">
        <v>4</v>
      </c>
      <c r="BY15" s="102">
        <v>6</v>
      </c>
      <c r="BZ15" s="103">
        <v>65</v>
      </c>
      <c r="CA15" s="104">
        <v>84</v>
      </c>
      <c r="CB15" s="101">
        <v>0</v>
      </c>
      <c r="CC15" s="102">
        <v>0</v>
      </c>
      <c r="CD15" s="103">
        <v>0</v>
      </c>
      <c r="CE15" s="413">
        <v>0</v>
      </c>
      <c r="CF15" s="102">
        <v>0</v>
      </c>
      <c r="CG15" s="102">
        <v>0</v>
      </c>
      <c r="CH15" s="102">
        <v>0</v>
      </c>
      <c r="CI15" s="102">
        <v>0</v>
      </c>
      <c r="CJ15" s="102">
        <v>0</v>
      </c>
      <c r="CK15" s="103">
        <v>0</v>
      </c>
      <c r="CL15" s="104">
        <v>0</v>
      </c>
      <c r="CM15" s="101">
        <v>54</v>
      </c>
      <c r="CN15" s="102">
        <v>39</v>
      </c>
      <c r="CO15" s="103">
        <v>93</v>
      </c>
      <c r="CP15" s="413">
        <v>0</v>
      </c>
      <c r="CQ15" s="102">
        <v>100</v>
      </c>
      <c r="CR15" s="102">
        <v>64</v>
      </c>
      <c r="CS15" s="102">
        <v>41</v>
      </c>
      <c r="CT15" s="102">
        <v>25</v>
      </c>
      <c r="CU15" s="102">
        <v>17</v>
      </c>
      <c r="CV15" s="103">
        <v>247</v>
      </c>
      <c r="CW15" s="104">
        <v>340</v>
      </c>
      <c r="CX15" s="105">
        <v>25</v>
      </c>
      <c r="CY15" s="97">
        <v>21</v>
      </c>
      <c r="CZ15" s="98">
        <v>46</v>
      </c>
      <c r="DA15" s="413">
        <v>0</v>
      </c>
      <c r="DB15" s="97">
        <v>44</v>
      </c>
      <c r="DC15" s="97">
        <v>23</v>
      </c>
      <c r="DD15" s="97">
        <v>23</v>
      </c>
      <c r="DE15" s="97">
        <v>29</v>
      </c>
      <c r="DF15" s="97">
        <v>11</v>
      </c>
      <c r="DG15" s="99">
        <v>130</v>
      </c>
      <c r="DH15" s="100">
        <v>176</v>
      </c>
      <c r="DI15" s="101">
        <v>0</v>
      </c>
      <c r="DJ15" s="102">
        <v>2</v>
      </c>
      <c r="DK15" s="103">
        <v>2</v>
      </c>
      <c r="DL15" s="413">
        <v>0</v>
      </c>
      <c r="DM15" s="102">
        <v>1</v>
      </c>
      <c r="DN15" s="102">
        <v>1</v>
      </c>
      <c r="DO15" s="102">
        <v>1</v>
      </c>
      <c r="DP15" s="102">
        <v>0</v>
      </c>
      <c r="DQ15" s="102">
        <v>0</v>
      </c>
      <c r="DR15" s="103">
        <v>3</v>
      </c>
      <c r="DS15" s="104">
        <v>5</v>
      </c>
      <c r="DT15" s="101">
        <v>1</v>
      </c>
      <c r="DU15" s="102">
        <v>1</v>
      </c>
      <c r="DV15" s="103">
        <v>2</v>
      </c>
      <c r="DW15" s="413">
        <v>0</v>
      </c>
      <c r="DX15" s="102">
        <v>3</v>
      </c>
      <c r="DY15" s="102">
        <v>3</v>
      </c>
      <c r="DZ15" s="102">
        <v>0</v>
      </c>
      <c r="EA15" s="102">
        <v>1</v>
      </c>
      <c r="EB15" s="102">
        <v>1</v>
      </c>
      <c r="EC15" s="103">
        <v>8</v>
      </c>
      <c r="ED15" s="104">
        <v>10</v>
      </c>
      <c r="EE15" s="101">
        <v>3</v>
      </c>
      <c r="EF15" s="102">
        <v>5</v>
      </c>
      <c r="EG15" s="103">
        <v>8</v>
      </c>
      <c r="EH15" s="413">
        <v>0</v>
      </c>
      <c r="EI15" s="102">
        <v>4</v>
      </c>
      <c r="EJ15" s="102">
        <v>2</v>
      </c>
      <c r="EK15" s="102">
        <v>2</v>
      </c>
      <c r="EL15" s="102">
        <v>2</v>
      </c>
      <c r="EM15" s="102">
        <v>1</v>
      </c>
      <c r="EN15" s="103">
        <v>11</v>
      </c>
      <c r="EO15" s="104">
        <v>19</v>
      </c>
      <c r="EP15" s="101">
        <v>5</v>
      </c>
      <c r="EQ15" s="102">
        <v>3</v>
      </c>
      <c r="ER15" s="103">
        <v>8</v>
      </c>
      <c r="ES15" s="413">
        <v>0</v>
      </c>
      <c r="ET15" s="102">
        <v>7</v>
      </c>
      <c r="EU15" s="102">
        <v>4</v>
      </c>
      <c r="EV15" s="102">
        <v>3</v>
      </c>
      <c r="EW15" s="102">
        <v>2</v>
      </c>
      <c r="EX15" s="102">
        <v>1</v>
      </c>
      <c r="EY15" s="103">
        <v>17</v>
      </c>
      <c r="EZ15" s="104">
        <v>25</v>
      </c>
      <c r="FA15" s="101">
        <v>13</v>
      </c>
      <c r="FB15" s="102">
        <v>5</v>
      </c>
      <c r="FC15" s="103">
        <v>18</v>
      </c>
      <c r="FD15" s="413">
        <v>0</v>
      </c>
      <c r="FE15" s="102">
        <v>12</v>
      </c>
      <c r="FF15" s="102">
        <v>5</v>
      </c>
      <c r="FG15" s="102">
        <v>6</v>
      </c>
      <c r="FH15" s="102">
        <v>7</v>
      </c>
      <c r="FI15" s="102">
        <v>2</v>
      </c>
      <c r="FJ15" s="103">
        <v>32</v>
      </c>
      <c r="FK15" s="104">
        <v>50</v>
      </c>
      <c r="FL15" s="101">
        <v>3</v>
      </c>
      <c r="FM15" s="102">
        <v>5</v>
      </c>
      <c r="FN15" s="103">
        <v>8</v>
      </c>
      <c r="FO15" s="413">
        <v>0</v>
      </c>
      <c r="FP15" s="102">
        <v>17</v>
      </c>
      <c r="FQ15" s="102">
        <v>8</v>
      </c>
      <c r="FR15" s="102">
        <v>11</v>
      </c>
      <c r="FS15" s="102">
        <v>17</v>
      </c>
      <c r="FT15" s="102">
        <v>6</v>
      </c>
      <c r="FU15" s="103">
        <v>59</v>
      </c>
      <c r="FV15" s="104">
        <v>67</v>
      </c>
      <c r="FW15" s="101">
        <v>0</v>
      </c>
      <c r="FX15" s="102">
        <v>0</v>
      </c>
      <c r="FY15" s="103">
        <v>0</v>
      </c>
      <c r="FZ15" s="413">
        <v>0</v>
      </c>
      <c r="GA15" s="102">
        <v>0</v>
      </c>
      <c r="GB15" s="102">
        <v>0</v>
      </c>
      <c r="GC15" s="102">
        <v>0</v>
      </c>
      <c r="GD15" s="102">
        <v>0</v>
      </c>
      <c r="GE15" s="102">
        <v>0</v>
      </c>
      <c r="GF15" s="103">
        <v>0</v>
      </c>
      <c r="GG15" s="104">
        <v>0</v>
      </c>
      <c r="GH15" s="101">
        <v>25</v>
      </c>
      <c r="GI15" s="102">
        <v>21</v>
      </c>
      <c r="GJ15" s="103">
        <v>46</v>
      </c>
      <c r="GK15" s="413">
        <v>0</v>
      </c>
      <c r="GL15" s="102">
        <v>44</v>
      </c>
      <c r="GM15" s="102">
        <v>23</v>
      </c>
      <c r="GN15" s="102">
        <v>23</v>
      </c>
      <c r="GO15" s="102">
        <v>29</v>
      </c>
      <c r="GP15" s="102">
        <v>11</v>
      </c>
      <c r="GQ15" s="103">
        <v>130</v>
      </c>
      <c r="GR15" s="104">
        <v>176</v>
      </c>
      <c r="GS15" s="105">
        <v>79</v>
      </c>
      <c r="GT15" s="97">
        <v>60</v>
      </c>
      <c r="GU15" s="98">
        <v>139</v>
      </c>
      <c r="GV15" s="413">
        <v>0</v>
      </c>
      <c r="GW15" s="97">
        <v>144</v>
      </c>
      <c r="GX15" s="97">
        <v>87</v>
      </c>
      <c r="GY15" s="97">
        <v>64</v>
      </c>
      <c r="GZ15" s="97">
        <v>54</v>
      </c>
      <c r="HA15" s="97">
        <v>28</v>
      </c>
      <c r="HB15" s="99">
        <v>377</v>
      </c>
      <c r="HC15" s="100">
        <v>516</v>
      </c>
      <c r="HD15" s="101">
        <v>0</v>
      </c>
      <c r="HE15" s="102">
        <v>3</v>
      </c>
      <c r="HF15" s="103">
        <v>3</v>
      </c>
      <c r="HG15" s="413">
        <v>0</v>
      </c>
      <c r="HH15" s="102">
        <v>3</v>
      </c>
      <c r="HI15" s="102">
        <v>5</v>
      </c>
      <c r="HJ15" s="102">
        <v>1</v>
      </c>
      <c r="HK15" s="102">
        <v>2</v>
      </c>
      <c r="HL15" s="102">
        <v>1</v>
      </c>
      <c r="HM15" s="103">
        <v>12</v>
      </c>
      <c r="HN15" s="104">
        <v>15</v>
      </c>
      <c r="HO15" s="101">
        <v>7</v>
      </c>
      <c r="HP15" s="102">
        <v>2</v>
      </c>
      <c r="HQ15" s="103">
        <v>9</v>
      </c>
      <c r="HR15" s="413">
        <v>0</v>
      </c>
      <c r="HS15" s="102">
        <v>11</v>
      </c>
      <c r="HT15" s="102">
        <v>3</v>
      </c>
      <c r="HU15" s="102">
        <v>4</v>
      </c>
      <c r="HV15" s="102">
        <v>2</v>
      </c>
      <c r="HW15" s="102">
        <v>2</v>
      </c>
      <c r="HX15" s="103">
        <v>22</v>
      </c>
      <c r="HY15" s="104">
        <v>31</v>
      </c>
      <c r="HZ15" s="101">
        <v>10</v>
      </c>
      <c r="IA15" s="102">
        <v>13</v>
      </c>
      <c r="IB15" s="103">
        <v>23</v>
      </c>
      <c r="IC15" s="413">
        <v>0</v>
      </c>
      <c r="ID15" s="102">
        <v>21</v>
      </c>
      <c r="IE15" s="102">
        <v>9</v>
      </c>
      <c r="IF15" s="102">
        <v>9</v>
      </c>
      <c r="IG15" s="102">
        <v>5</v>
      </c>
      <c r="IH15" s="102">
        <v>2</v>
      </c>
      <c r="II15" s="103">
        <v>46</v>
      </c>
      <c r="IJ15" s="104">
        <v>69</v>
      </c>
      <c r="IK15" s="101">
        <v>19</v>
      </c>
      <c r="IL15" s="102">
        <v>11</v>
      </c>
      <c r="IM15" s="103">
        <v>30</v>
      </c>
      <c r="IN15" s="413">
        <v>0</v>
      </c>
      <c r="IO15" s="102">
        <v>30</v>
      </c>
      <c r="IP15" s="102">
        <v>16</v>
      </c>
      <c r="IQ15" s="102">
        <v>9</v>
      </c>
      <c r="IR15" s="102">
        <v>12</v>
      </c>
      <c r="IS15" s="102">
        <v>6</v>
      </c>
      <c r="IT15" s="103">
        <v>73</v>
      </c>
      <c r="IU15" s="104">
        <v>103</v>
      </c>
      <c r="IV15" s="101">
        <v>29</v>
      </c>
      <c r="IW15" s="102">
        <v>18</v>
      </c>
      <c r="IX15" s="103">
        <v>47</v>
      </c>
      <c r="IY15" s="413">
        <v>0</v>
      </c>
      <c r="IZ15" s="102">
        <v>38</v>
      </c>
      <c r="JA15" s="102">
        <v>28</v>
      </c>
      <c r="JB15" s="102">
        <v>17</v>
      </c>
      <c r="JC15" s="102">
        <v>12</v>
      </c>
      <c r="JD15" s="102">
        <v>5</v>
      </c>
      <c r="JE15" s="103">
        <v>100</v>
      </c>
      <c r="JF15" s="104">
        <v>147</v>
      </c>
      <c r="JG15" s="101">
        <v>14</v>
      </c>
      <c r="JH15" s="102">
        <v>13</v>
      </c>
      <c r="JI15" s="103">
        <v>27</v>
      </c>
      <c r="JJ15" s="413">
        <v>0</v>
      </c>
      <c r="JK15" s="102">
        <v>41</v>
      </c>
      <c r="JL15" s="102">
        <v>26</v>
      </c>
      <c r="JM15" s="102">
        <v>24</v>
      </c>
      <c r="JN15" s="102">
        <v>21</v>
      </c>
      <c r="JO15" s="102">
        <v>12</v>
      </c>
      <c r="JP15" s="103">
        <v>124</v>
      </c>
      <c r="JQ15" s="104">
        <v>151</v>
      </c>
      <c r="JR15" s="101">
        <v>0</v>
      </c>
      <c r="JS15" s="102">
        <v>0</v>
      </c>
      <c r="JT15" s="103">
        <v>0</v>
      </c>
      <c r="JU15" s="413">
        <v>0</v>
      </c>
      <c r="JV15" s="102">
        <v>0</v>
      </c>
      <c r="JW15" s="102">
        <v>0</v>
      </c>
      <c r="JX15" s="102">
        <v>0</v>
      </c>
      <c r="JY15" s="102">
        <v>0</v>
      </c>
      <c r="JZ15" s="102">
        <v>0</v>
      </c>
      <c r="KA15" s="103">
        <v>0</v>
      </c>
      <c r="KB15" s="104">
        <v>0</v>
      </c>
      <c r="KC15" s="101">
        <v>79</v>
      </c>
      <c r="KD15" s="102">
        <v>60</v>
      </c>
      <c r="KE15" s="103">
        <v>139</v>
      </c>
      <c r="KF15" s="413">
        <v>0</v>
      </c>
      <c r="KG15" s="102">
        <v>144</v>
      </c>
      <c r="KH15" s="102">
        <v>87</v>
      </c>
      <c r="KI15" s="102">
        <v>64</v>
      </c>
      <c r="KJ15" s="102">
        <v>54</v>
      </c>
      <c r="KK15" s="102">
        <v>28</v>
      </c>
      <c r="KL15" s="103">
        <v>377</v>
      </c>
      <c r="KM15" s="104">
        <v>516</v>
      </c>
    </row>
    <row r="16" spans="2:299" s="70" customFormat="1" ht="21" customHeight="1" x14ac:dyDescent="0.2">
      <c r="B16" s="106" t="s">
        <v>12</v>
      </c>
      <c r="C16" s="96">
        <v>125</v>
      </c>
      <c r="D16" s="97">
        <v>117</v>
      </c>
      <c r="E16" s="98">
        <v>242</v>
      </c>
      <c r="F16" s="413">
        <v>0</v>
      </c>
      <c r="G16" s="97">
        <v>116</v>
      </c>
      <c r="H16" s="97">
        <v>105</v>
      </c>
      <c r="I16" s="97">
        <v>51</v>
      </c>
      <c r="J16" s="97">
        <v>60</v>
      </c>
      <c r="K16" s="97">
        <v>31</v>
      </c>
      <c r="L16" s="99">
        <v>363</v>
      </c>
      <c r="M16" s="100">
        <v>605</v>
      </c>
      <c r="N16" s="107">
        <v>6</v>
      </c>
      <c r="O16" s="102">
        <v>3</v>
      </c>
      <c r="P16" s="103">
        <v>9</v>
      </c>
      <c r="Q16" s="413">
        <v>0</v>
      </c>
      <c r="R16" s="102">
        <v>0</v>
      </c>
      <c r="S16" s="102">
        <v>1</v>
      </c>
      <c r="T16" s="102">
        <v>3</v>
      </c>
      <c r="U16" s="102">
        <v>0</v>
      </c>
      <c r="V16" s="102">
        <v>2</v>
      </c>
      <c r="W16" s="103">
        <v>6</v>
      </c>
      <c r="X16" s="104">
        <v>15</v>
      </c>
      <c r="Y16" s="101">
        <v>11</v>
      </c>
      <c r="Z16" s="102">
        <v>12</v>
      </c>
      <c r="AA16" s="103">
        <v>23</v>
      </c>
      <c r="AB16" s="413">
        <v>0</v>
      </c>
      <c r="AC16" s="102">
        <v>7</v>
      </c>
      <c r="AD16" s="102">
        <v>5</v>
      </c>
      <c r="AE16" s="102">
        <v>3</v>
      </c>
      <c r="AF16" s="102">
        <v>2</v>
      </c>
      <c r="AG16" s="102">
        <v>1</v>
      </c>
      <c r="AH16" s="103">
        <v>18</v>
      </c>
      <c r="AI16" s="104">
        <v>41</v>
      </c>
      <c r="AJ16" s="107">
        <v>13</v>
      </c>
      <c r="AK16" s="102">
        <v>11</v>
      </c>
      <c r="AL16" s="103">
        <v>24</v>
      </c>
      <c r="AM16" s="413">
        <v>0</v>
      </c>
      <c r="AN16" s="102">
        <v>12</v>
      </c>
      <c r="AO16" s="102">
        <v>14</v>
      </c>
      <c r="AP16" s="102">
        <v>3</v>
      </c>
      <c r="AQ16" s="102">
        <v>6</v>
      </c>
      <c r="AR16" s="102">
        <v>2</v>
      </c>
      <c r="AS16" s="103">
        <v>37</v>
      </c>
      <c r="AT16" s="104">
        <v>61</v>
      </c>
      <c r="AU16" s="101">
        <v>24</v>
      </c>
      <c r="AV16" s="102">
        <v>33</v>
      </c>
      <c r="AW16" s="103">
        <v>57</v>
      </c>
      <c r="AX16" s="413">
        <v>0</v>
      </c>
      <c r="AY16" s="102">
        <v>22</v>
      </c>
      <c r="AZ16" s="102">
        <v>24</v>
      </c>
      <c r="BA16" s="102">
        <v>15</v>
      </c>
      <c r="BB16" s="102">
        <v>12</v>
      </c>
      <c r="BC16" s="102">
        <v>13</v>
      </c>
      <c r="BD16" s="103">
        <v>86</v>
      </c>
      <c r="BE16" s="104">
        <v>143</v>
      </c>
      <c r="BF16" s="107">
        <v>41</v>
      </c>
      <c r="BG16" s="102">
        <v>26</v>
      </c>
      <c r="BH16" s="103">
        <v>67</v>
      </c>
      <c r="BI16" s="413">
        <v>0</v>
      </c>
      <c r="BJ16" s="102">
        <v>39</v>
      </c>
      <c r="BK16" s="102">
        <v>28</v>
      </c>
      <c r="BL16" s="102">
        <v>15</v>
      </c>
      <c r="BM16" s="102">
        <v>22</v>
      </c>
      <c r="BN16" s="102">
        <v>6</v>
      </c>
      <c r="BO16" s="103">
        <v>110</v>
      </c>
      <c r="BP16" s="104">
        <v>177</v>
      </c>
      <c r="BQ16" s="101">
        <v>30</v>
      </c>
      <c r="BR16" s="102">
        <v>32</v>
      </c>
      <c r="BS16" s="103">
        <v>62</v>
      </c>
      <c r="BT16" s="413">
        <v>0</v>
      </c>
      <c r="BU16" s="102">
        <v>36</v>
      </c>
      <c r="BV16" s="102">
        <v>33</v>
      </c>
      <c r="BW16" s="102">
        <v>12</v>
      </c>
      <c r="BX16" s="102">
        <v>18</v>
      </c>
      <c r="BY16" s="102">
        <v>7</v>
      </c>
      <c r="BZ16" s="103">
        <v>106</v>
      </c>
      <c r="CA16" s="104">
        <v>168</v>
      </c>
      <c r="CB16" s="101">
        <v>0</v>
      </c>
      <c r="CC16" s="102">
        <v>0</v>
      </c>
      <c r="CD16" s="103">
        <v>0</v>
      </c>
      <c r="CE16" s="413">
        <v>0</v>
      </c>
      <c r="CF16" s="102">
        <v>0</v>
      </c>
      <c r="CG16" s="102">
        <v>0</v>
      </c>
      <c r="CH16" s="102">
        <v>0</v>
      </c>
      <c r="CI16" s="102">
        <v>0</v>
      </c>
      <c r="CJ16" s="102">
        <v>0</v>
      </c>
      <c r="CK16" s="103">
        <v>0</v>
      </c>
      <c r="CL16" s="104">
        <v>0</v>
      </c>
      <c r="CM16" s="101">
        <v>125</v>
      </c>
      <c r="CN16" s="102">
        <v>117</v>
      </c>
      <c r="CO16" s="103">
        <v>242</v>
      </c>
      <c r="CP16" s="413">
        <v>0</v>
      </c>
      <c r="CQ16" s="102">
        <v>116</v>
      </c>
      <c r="CR16" s="102">
        <v>105</v>
      </c>
      <c r="CS16" s="102">
        <v>51</v>
      </c>
      <c r="CT16" s="102">
        <v>60</v>
      </c>
      <c r="CU16" s="102">
        <v>31</v>
      </c>
      <c r="CV16" s="103">
        <v>363</v>
      </c>
      <c r="CW16" s="104">
        <v>605</v>
      </c>
      <c r="CX16" s="105">
        <v>30</v>
      </c>
      <c r="CY16" s="97">
        <v>43</v>
      </c>
      <c r="CZ16" s="98">
        <v>73</v>
      </c>
      <c r="DA16" s="413">
        <v>0</v>
      </c>
      <c r="DB16" s="97">
        <v>42</v>
      </c>
      <c r="DC16" s="97">
        <v>30</v>
      </c>
      <c r="DD16" s="97">
        <v>15</v>
      </c>
      <c r="DE16" s="97">
        <v>37</v>
      </c>
      <c r="DF16" s="97">
        <v>15</v>
      </c>
      <c r="DG16" s="99">
        <v>139</v>
      </c>
      <c r="DH16" s="100">
        <v>212</v>
      </c>
      <c r="DI16" s="107">
        <v>0</v>
      </c>
      <c r="DJ16" s="102">
        <v>0</v>
      </c>
      <c r="DK16" s="103">
        <v>0</v>
      </c>
      <c r="DL16" s="413">
        <v>0</v>
      </c>
      <c r="DM16" s="102">
        <v>0</v>
      </c>
      <c r="DN16" s="102">
        <v>0</v>
      </c>
      <c r="DO16" s="102">
        <v>2</v>
      </c>
      <c r="DP16" s="102">
        <v>0</v>
      </c>
      <c r="DQ16" s="102">
        <v>0</v>
      </c>
      <c r="DR16" s="103">
        <v>2</v>
      </c>
      <c r="DS16" s="104">
        <v>2</v>
      </c>
      <c r="DT16" s="101">
        <v>3</v>
      </c>
      <c r="DU16" s="102">
        <v>3</v>
      </c>
      <c r="DV16" s="103">
        <v>6</v>
      </c>
      <c r="DW16" s="413">
        <v>0</v>
      </c>
      <c r="DX16" s="102">
        <v>1</v>
      </c>
      <c r="DY16" s="102">
        <v>0</v>
      </c>
      <c r="DZ16" s="102">
        <v>0</v>
      </c>
      <c r="EA16" s="102">
        <v>2</v>
      </c>
      <c r="EB16" s="102">
        <v>0</v>
      </c>
      <c r="EC16" s="103">
        <v>3</v>
      </c>
      <c r="ED16" s="104">
        <v>9</v>
      </c>
      <c r="EE16" s="107">
        <v>7</v>
      </c>
      <c r="EF16" s="102">
        <v>4</v>
      </c>
      <c r="EG16" s="103">
        <v>11</v>
      </c>
      <c r="EH16" s="413">
        <v>0</v>
      </c>
      <c r="EI16" s="102">
        <v>3</v>
      </c>
      <c r="EJ16" s="102">
        <v>3</v>
      </c>
      <c r="EK16" s="102">
        <v>0</v>
      </c>
      <c r="EL16" s="102">
        <v>1</v>
      </c>
      <c r="EM16" s="102">
        <v>1</v>
      </c>
      <c r="EN16" s="103">
        <v>8</v>
      </c>
      <c r="EO16" s="104">
        <v>19</v>
      </c>
      <c r="EP16" s="101">
        <v>10</v>
      </c>
      <c r="EQ16" s="102">
        <v>10</v>
      </c>
      <c r="ER16" s="103">
        <v>20</v>
      </c>
      <c r="ES16" s="413">
        <v>0</v>
      </c>
      <c r="ET16" s="102">
        <v>6</v>
      </c>
      <c r="EU16" s="102">
        <v>7</v>
      </c>
      <c r="EV16" s="102">
        <v>2</v>
      </c>
      <c r="EW16" s="102">
        <v>7</v>
      </c>
      <c r="EX16" s="102">
        <v>5</v>
      </c>
      <c r="EY16" s="103">
        <v>27</v>
      </c>
      <c r="EZ16" s="104">
        <v>47</v>
      </c>
      <c r="FA16" s="107">
        <v>7</v>
      </c>
      <c r="FB16" s="102">
        <v>12</v>
      </c>
      <c r="FC16" s="103">
        <v>19</v>
      </c>
      <c r="FD16" s="413">
        <v>0</v>
      </c>
      <c r="FE16" s="102">
        <v>16</v>
      </c>
      <c r="FF16" s="102">
        <v>12</v>
      </c>
      <c r="FG16" s="102">
        <v>5</v>
      </c>
      <c r="FH16" s="102">
        <v>9</v>
      </c>
      <c r="FI16" s="102">
        <v>5</v>
      </c>
      <c r="FJ16" s="103">
        <v>47</v>
      </c>
      <c r="FK16" s="104">
        <v>66</v>
      </c>
      <c r="FL16" s="101">
        <v>3</v>
      </c>
      <c r="FM16" s="102">
        <v>14</v>
      </c>
      <c r="FN16" s="103">
        <v>17</v>
      </c>
      <c r="FO16" s="413">
        <v>0</v>
      </c>
      <c r="FP16" s="102">
        <v>16</v>
      </c>
      <c r="FQ16" s="102">
        <v>8</v>
      </c>
      <c r="FR16" s="102">
        <v>6</v>
      </c>
      <c r="FS16" s="102">
        <v>18</v>
      </c>
      <c r="FT16" s="102">
        <v>4</v>
      </c>
      <c r="FU16" s="103">
        <v>52</v>
      </c>
      <c r="FV16" s="104">
        <v>69</v>
      </c>
      <c r="FW16" s="101">
        <v>0</v>
      </c>
      <c r="FX16" s="102">
        <v>0</v>
      </c>
      <c r="FY16" s="103">
        <v>0</v>
      </c>
      <c r="FZ16" s="413">
        <v>0</v>
      </c>
      <c r="GA16" s="102">
        <v>0</v>
      </c>
      <c r="GB16" s="102">
        <v>0</v>
      </c>
      <c r="GC16" s="102">
        <v>0</v>
      </c>
      <c r="GD16" s="102">
        <v>0</v>
      </c>
      <c r="GE16" s="102">
        <v>0</v>
      </c>
      <c r="GF16" s="103">
        <v>0</v>
      </c>
      <c r="GG16" s="104">
        <v>0</v>
      </c>
      <c r="GH16" s="101">
        <v>30</v>
      </c>
      <c r="GI16" s="102">
        <v>43</v>
      </c>
      <c r="GJ16" s="103">
        <v>73</v>
      </c>
      <c r="GK16" s="413">
        <v>0</v>
      </c>
      <c r="GL16" s="102">
        <v>42</v>
      </c>
      <c r="GM16" s="102">
        <v>30</v>
      </c>
      <c r="GN16" s="102">
        <v>15</v>
      </c>
      <c r="GO16" s="102">
        <v>37</v>
      </c>
      <c r="GP16" s="102">
        <v>15</v>
      </c>
      <c r="GQ16" s="103">
        <v>139</v>
      </c>
      <c r="GR16" s="104">
        <v>212</v>
      </c>
      <c r="GS16" s="105">
        <v>155</v>
      </c>
      <c r="GT16" s="97">
        <v>160</v>
      </c>
      <c r="GU16" s="98">
        <v>315</v>
      </c>
      <c r="GV16" s="413">
        <v>0</v>
      </c>
      <c r="GW16" s="97">
        <v>158</v>
      </c>
      <c r="GX16" s="97">
        <v>135</v>
      </c>
      <c r="GY16" s="97">
        <v>66</v>
      </c>
      <c r="GZ16" s="97">
        <v>97</v>
      </c>
      <c r="HA16" s="97">
        <v>46</v>
      </c>
      <c r="HB16" s="99">
        <v>502</v>
      </c>
      <c r="HC16" s="100">
        <v>817</v>
      </c>
      <c r="HD16" s="107">
        <v>6</v>
      </c>
      <c r="HE16" s="102">
        <v>3</v>
      </c>
      <c r="HF16" s="103">
        <v>9</v>
      </c>
      <c r="HG16" s="413">
        <v>0</v>
      </c>
      <c r="HH16" s="102">
        <v>0</v>
      </c>
      <c r="HI16" s="102">
        <v>1</v>
      </c>
      <c r="HJ16" s="102">
        <v>5</v>
      </c>
      <c r="HK16" s="102">
        <v>0</v>
      </c>
      <c r="HL16" s="102">
        <v>2</v>
      </c>
      <c r="HM16" s="103">
        <v>8</v>
      </c>
      <c r="HN16" s="104">
        <v>17</v>
      </c>
      <c r="HO16" s="101">
        <v>14</v>
      </c>
      <c r="HP16" s="102">
        <v>15</v>
      </c>
      <c r="HQ16" s="103">
        <v>29</v>
      </c>
      <c r="HR16" s="413">
        <v>0</v>
      </c>
      <c r="HS16" s="102">
        <v>8</v>
      </c>
      <c r="HT16" s="102">
        <v>5</v>
      </c>
      <c r="HU16" s="102">
        <v>3</v>
      </c>
      <c r="HV16" s="102">
        <v>4</v>
      </c>
      <c r="HW16" s="102">
        <v>1</v>
      </c>
      <c r="HX16" s="103">
        <v>21</v>
      </c>
      <c r="HY16" s="104">
        <v>50</v>
      </c>
      <c r="HZ16" s="107">
        <v>20</v>
      </c>
      <c r="IA16" s="102">
        <v>15</v>
      </c>
      <c r="IB16" s="103">
        <v>35</v>
      </c>
      <c r="IC16" s="413">
        <v>0</v>
      </c>
      <c r="ID16" s="102">
        <v>15</v>
      </c>
      <c r="IE16" s="102">
        <v>17</v>
      </c>
      <c r="IF16" s="102">
        <v>3</v>
      </c>
      <c r="IG16" s="102">
        <v>7</v>
      </c>
      <c r="IH16" s="102">
        <v>3</v>
      </c>
      <c r="II16" s="103">
        <v>45</v>
      </c>
      <c r="IJ16" s="104">
        <v>80</v>
      </c>
      <c r="IK16" s="101">
        <v>34</v>
      </c>
      <c r="IL16" s="102">
        <v>43</v>
      </c>
      <c r="IM16" s="103">
        <v>77</v>
      </c>
      <c r="IN16" s="413">
        <v>0</v>
      </c>
      <c r="IO16" s="102">
        <v>28</v>
      </c>
      <c r="IP16" s="102">
        <v>31</v>
      </c>
      <c r="IQ16" s="102">
        <v>17</v>
      </c>
      <c r="IR16" s="102">
        <v>19</v>
      </c>
      <c r="IS16" s="102">
        <v>18</v>
      </c>
      <c r="IT16" s="103">
        <v>113</v>
      </c>
      <c r="IU16" s="104">
        <v>190</v>
      </c>
      <c r="IV16" s="107">
        <v>48</v>
      </c>
      <c r="IW16" s="102">
        <v>38</v>
      </c>
      <c r="IX16" s="103">
        <v>86</v>
      </c>
      <c r="IY16" s="413">
        <v>0</v>
      </c>
      <c r="IZ16" s="102">
        <v>55</v>
      </c>
      <c r="JA16" s="102">
        <v>40</v>
      </c>
      <c r="JB16" s="102">
        <v>20</v>
      </c>
      <c r="JC16" s="102">
        <v>31</v>
      </c>
      <c r="JD16" s="102">
        <v>11</v>
      </c>
      <c r="JE16" s="103">
        <v>157</v>
      </c>
      <c r="JF16" s="104">
        <v>243</v>
      </c>
      <c r="JG16" s="101">
        <v>33</v>
      </c>
      <c r="JH16" s="102">
        <v>46</v>
      </c>
      <c r="JI16" s="103">
        <v>79</v>
      </c>
      <c r="JJ16" s="413">
        <v>0</v>
      </c>
      <c r="JK16" s="102">
        <v>52</v>
      </c>
      <c r="JL16" s="102">
        <v>41</v>
      </c>
      <c r="JM16" s="102">
        <v>18</v>
      </c>
      <c r="JN16" s="102">
        <v>36</v>
      </c>
      <c r="JO16" s="102">
        <v>11</v>
      </c>
      <c r="JP16" s="103">
        <v>158</v>
      </c>
      <c r="JQ16" s="104">
        <v>237</v>
      </c>
      <c r="JR16" s="101">
        <v>0</v>
      </c>
      <c r="JS16" s="102">
        <v>0</v>
      </c>
      <c r="JT16" s="103">
        <v>0</v>
      </c>
      <c r="JU16" s="413">
        <v>0</v>
      </c>
      <c r="JV16" s="102">
        <v>0</v>
      </c>
      <c r="JW16" s="102">
        <v>0</v>
      </c>
      <c r="JX16" s="102">
        <v>0</v>
      </c>
      <c r="JY16" s="102">
        <v>0</v>
      </c>
      <c r="JZ16" s="102">
        <v>0</v>
      </c>
      <c r="KA16" s="103">
        <v>0</v>
      </c>
      <c r="KB16" s="104">
        <v>0</v>
      </c>
      <c r="KC16" s="101">
        <v>155</v>
      </c>
      <c r="KD16" s="102">
        <v>160</v>
      </c>
      <c r="KE16" s="103">
        <v>315</v>
      </c>
      <c r="KF16" s="413">
        <v>0</v>
      </c>
      <c r="KG16" s="102">
        <v>158</v>
      </c>
      <c r="KH16" s="102">
        <v>135</v>
      </c>
      <c r="KI16" s="102">
        <v>66</v>
      </c>
      <c r="KJ16" s="102">
        <v>97</v>
      </c>
      <c r="KK16" s="102">
        <v>46</v>
      </c>
      <c r="KL16" s="103">
        <v>502</v>
      </c>
      <c r="KM16" s="104">
        <v>817</v>
      </c>
    </row>
    <row r="17" spans="2:299" s="70" customFormat="1" ht="21" customHeight="1" x14ac:dyDescent="0.2">
      <c r="B17" s="106" t="s">
        <v>13</v>
      </c>
      <c r="C17" s="96">
        <v>48</v>
      </c>
      <c r="D17" s="97">
        <v>46</v>
      </c>
      <c r="E17" s="98">
        <v>94</v>
      </c>
      <c r="F17" s="413">
        <v>0</v>
      </c>
      <c r="G17" s="97">
        <v>83</v>
      </c>
      <c r="H17" s="97">
        <v>55</v>
      </c>
      <c r="I17" s="97">
        <v>28</v>
      </c>
      <c r="J17" s="97">
        <v>24</v>
      </c>
      <c r="K17" s="97">
        <v>21</v>
      </c>
      <c r="L17" s="99">
        <v>211</v>
      </c>
      <c r="M17" s="100">
        <v>305</v>
      </c>
      <c r="N17" s="101">
        <v>1</v>
      </c>
      <c r="O17" s="102">
        <v>1</v>
      </c>
      <c r="P17" s="103">
        <v>2</v>
      </c>
      <c r="Q17" s="413">
        <v>0</v>
      </c>
      <c r="R17" s="102">
        <v>2</v>
      </c>
      <c r="S17" s="102">
        <v>1</v>
      </c>
      <c r="T17" s="102">
        <v>0</v>
      </c>
      <c r="U17" s="102">
        <v>1</v>
      </c>
      <c r="V17" s="102">
        <v>2</v>
      </c>
      <c r="W17" s="103">
        <v>6</v>
      </c>
      <c r="X17" s="104">
        <v>8</v>
      </c>
      <c r="Y17" s="101">
        <v>3</v>
      </c>
      <c r="Z17" s="102">
        <v>2</v>
      </c>
      <c r="AA17" s="103">
        <v>5</v>
      </c>
      <c r="AB17" s="413">
        <v>0</v>
      </c>
      <c r="AC17" s="102">
        <v>3</v>
      </c>
      <c r="AD17" s="102">
        <v>1</v>
      </c>
      <c r="AE17" s="102">
        <v>3</v>
      </c>
      <c r="AF17" s="102">
        <v>1</v>
      </c>
      <c r="AG17" s="102">
        <v>0</v>
      </c>
      <c r="AH17" s="103">
        <v>8</v>
      </c>
      <c r="AI17" s="104">
        <v>13</v>
      </c>
      <c r="AJ17" s="101">
        <v>5</v>
      </c>
      <c r="AK17" s="102">
        <v>4</v>
      </c>
      <c r="AL17" s="103">
        <v>9</v>
      </c>
      <c r="AM17" s="413">
        <v>0</v>
      </c>
      <c r="AN17" s="102">
        <v>10</v>
      </c>
      <c r="AO17" s="102">
        <v>9</v>
      </c>
      <c r="AP17" s="102">
        <v>0</v>
      </c>
      <c r="AQ17" s="102">
        <v>3</v>
      </c>
      <c r="AR17" s="102">
        <v>3</v>
      </c>
      <c r="AS17" s="103">
        <v>25</v>
      </c>
      <c r="AT17" s="104">
        <v>34</v>
      </c>
      <c r="AU17" s="101">
        <v>10</v>
      </c>
      <c r="AV17" s="102">
        <v>7</v>
      </c>
      <c r="AW17" s="103">
        <v>17</v>
      </c>
      <c r="AX17" s="413">
        <v>0</v>
      </c>
      <c r="AY17" s="102">
        <v>21</v>
      </c>
      <c r="AZ17" s="102">
        <v>10</v>
      </c>
      <c r="BA17" s="102">
        <v>5</v>
      </c>
      <c r="BB17" s="102">
        <v>5</v>
      </c>
      <c r="BC17" s="102">
        <v>3</v>
      </c>
      <c r="BD17" s="103">
        <v>44</v>
      </c>
      <c r="BE17" s="104">
        <v>61</v>
      </c>
      <c r="BF17" s="101">
        <v>11</v>
      </c>
      <c r="BG17" s="102">
        <v>20</v>
      </c>
      <c r="BH17" s="103">
        <v>31</v>
      </c>
      <c r="BI17" s="413">
        <v>0</v>
      </c>
      <c r="BJ17" s="102">
        <v>27</v>
      </c>
      <c r="BK17" s="102">
        <v>19</v>
      </c>
      <c r="BL17" s="102">
        <v>9</v>
      </c>
      <c r="BM17" s="102">
        <v>4</v>
      </c>
      <c r="BN17" s="102">
        <v>7</v>
      </c>
      <c r="BO17" s="103">
        <v>66</v>
      </c>
      <c r="BP17" s="104">
        <v>97</v>
      </c>
      <c r="BQ17" s="101">
        <v>18</v>
      </c>
      <c r="BR17" s="102">
        <v>12</v>
      </c>
      <c r="BS17" s="103">
        <v>30</v>
      </c>
      <c r="BT17" s="413">
        <v>0</v>
      </c>
      <c r="BU17" s="102">
        <v>20</v>
      </c>
      <c r="BV17" s="102">
        <v>15</v>
      </c>
      <c r="BW17" s="102">
        <v>11</v>
      </c>
      <c r="BX17" s="102">
        <v>10</v>
      </c>
      <c r="BY17" s="102">
        <v>6</v>
      </c>
      <c r="BZ17" s="103">
        <v>62</v>
      </c>
      <c r="CA17" s="104">
        <v>92</v>
      </c>
      <c r="CB17" s="101">
        <v>0</v>
      </c>
      <c r="CC17" s="102">
        <v>0</v>
      </c>
      <c r="CD17" s="103">
        <v>0</v>
      </c>
      <c r="CE17" s="413">
        <v>0</v>
      </c>
      <c r="CF17" s="102">
        <v>0</v>
      </c>
      <c r="CG17" s="102">
        <v>0</v>
      </c>
      <c r="CH17" s="102">
        <v>0</v>
      </c>
      <c r="CI17" s="102">
        <v>0</v>
      </c>
      <c r="CJ17" s="102">
        <v>0</v>
      </c>
      <c r="CK17" s="103">
        <v>0</v>
      </c>
      <c r="CL17" s="104">
        <v>0</v>
      </c>
      <c r="CM17" s="101">
        <v>48</v>
      </c>
      <c r="CN17" s="102">
        <v>46</v>
      </c>
      <c r="CO17" s="103">
        <v>94</v>
      </c>
      <c r="CP17" s="413">
        <v>0</v>
      </c>
      <c r="CQ17" s="102">
        <v>83</v>
      </c>
      <c r="CR17" s="102">
        <v>55</v>
      </c>
      <c r="CS17" s="102">
        <v>28</v>
      </c>
      <c r="CT17" s="102">
        <v>24</v>
      </c>
      <c r="CU17" s="102">
        <v>21</v>
      </c>
      <c r="CV17" s="103">
        <v>211</v>
      </c>
      <c r="CW17" s="104">
        <v>305</v>
      </c>
      <c r="CX17" s="105">
        <v>18</v>
      </c>
      <c r="CY17" s="97">
        <v>19</v>
      </c>
      <c r="CZ17" s="98">
        <v>37</v>
      </c>
      <c r="DA17" s="413">
        <v>0</v>
      </c>
      <c r="DB17" s="97">
        <v>28</v>
      </c>
      <c r="DC17" s="97">
        <v>16</v>
      </c>
      <c r="DD17" s="97">
        <v>14</v>
      </c>
      <c r="DE17" s="97">
        <v>14</v>
      </c>
      <c r="DF17" s="97">
        <v>11</v>
      </c>
      <c r="DG17" s="99">
        <v>83</v>
      </c>
      <c r="DH17" s="100">
        <v>120</v>
      </c>
      <c r="DI17" s="101">
        <v>1</v>
      </c>
      <c r="DJ17" s="102">
        <v>2</v>
      </c>
      <c r="DK17" s="103">
        <v>3</v>
      </c>
      <c r="DL17" s="413">
        <v>0</v>
      </c>
      <c r="DM17" s="102">
        <v>0</v>
      </c>
      <c r="DN17" s="102">
        <v>0</v>
      </c>
      <c r="DO17" s="102">
        <v>0</v>
      </c>
      <c r="DP17" s="102">
        <v>0</v>
      </c>
      <c r="DQ17" s="102">
        <v>0</v>
      </c>
      <c r="DR17" s="103">
        <v>0</v>
      </c>
      <c r="DS17" s="104">
        <v>3</v>
      </c>
      <c r="DT17" s="101">
        <v>2</v>
      </c>
      <c r="DU17" s="102">
        <v>0</v>
      </c>
      <c r="DV17" s="103">
        <v>2</v>
      </c>
      <c r="DW17" s="413">
        <v>0</v>
      </c>
      <c r="DX17" s="102">
        <v>1</v>
      </c>
      <c r="DY17" s="102">
        <v>0</v>
      </c>
      <c r="DZ17" s="102">
        <v>1</v>
      </c>
      <c r="EA17" s="102">
        <v>1</v>
      </c>
      <c r="EB17" s="102">
        <v>1</v>
      </c>
      <c r="EC17" s="103">
        <v>4</v>
      </c>
      <c r="ED17" s="104">
        <v>6</v>
      </c>
      <c r="EE17" s="101">
        <v>2</v>
      </c>
      <c r="EF17" s="102">
        <v>0</v>
      </c>
      <c r="EG17" s="103">
        <v>2</v>
      </c>
      <c r="EH17" s="413">
        <v>0</v>
      </c>
      <c r="EI17" s="102">
        <v>7</v>
      </c>
      <c r="EJ17" s="102">
        <v>0</v>
      </c>
      <c r="EK17" s="102">
        <v>1</v>
      </c>
      <c r="EL17" s="102">
        <v>0</v>
      </c>
      <c r="EM17" s="102">
        <v>0</v>
      </c>
      <c r="EN17" s="103">
        <v>8</v>
      </c>
      <c r="EO17" s="104">
        <v>10</v>
      </c>
      <c r="EP17" s="101">
        <v>7</v>
      </c>
      <c r="EQ17" s="102">
        <v>6</v>
      </c>
      <c r="ER17" s="103">
        <v>13</v>
      </c>
      <c r="ES17" s="413">
        <v>0</v>
      </c>
      <c r="ET17" s="102">
        <v>4</v>
      </c>
      <c r="EU17" s="102">
        <v>3</v>
      </c>
      <c r="EV17" s="102">
        <v>1</v>
      </c>
      <c r="EW17" s="102">
        <v>1</v>
      </c>
      <c r="EX17" s="102">
        <v>2</v>
      </c>
      <c r="EY17" s="103">
        <v>11</v>
      </c>
      <c r="EZ17" s="104">
        <v>24</v>
      </c>
      <c r="FA17" s="101">
        <v>5</v>
      </c>
      <c r="FB17" s="102">
        <v>6</v>
      </c>
      <c r="FC17" s="103">
        <v>11</v>
      </c>
      <c r="FD17" s="413">
        <v>0</v>
      </c>
      <c r="FE17" s="102">
        <v>8</v>
      </c>
      <c r="FF17" s="102">
        <v>6</v>
      </c>
      <c r="FG17" s="102">
        <v>1</v>
      </c>
      <c r="FH17" s="102">
        <v>4</v>
      </c>
      <c r="FI17" s="102">
        <v>2</v>
      </c>
      <c r="FJ17" s="103">
        <v>21</v>
      </c>
      <c r="FK17" s="104">
        <v>32</v>
      </c>
      <c r="FL17" s="101">
        <v>1</v>
      </c>
      <c r="FM17" s="102">
        <v>5</v>
      </c>
      <c r="FN17" s="103">
        <v>6</v>
      </c>
      <c r="FO17" s="413">
        <v>0</v>
      </c>
      <c r="FP17" s="102">
        <v>8</v>
      </c>
      <c r="FQ17" s="102">
        <v>7</v>
      </c>
      <c r="FR17" s="102">
        <v>10</v>
      </c>
      <c r="FS17" s="102">
        <v>8</v>
      </c>
      <c r="FT17" s="102">
        <v>6</v>
      </c>
      <c r="FU17" s="103">
        <v>39</v>
      </c>
      <c r="FV17" s="104">
        <v>45</v>
      </c>
      <c r="FW17" s="101">
        <v>0</v>
      </c>
      <c r="FX17" s="102">
        <v>0</v>
      </c>
      <c r="FY17" s="103">
        <v>0</v>
      </c>
      <c r="FZ17" s="413">
        <v>0</v>
      </c>
      <c r="GA17" s="102">
        <v>0</v>
      </c>
      <c r="GB17" s="102">
        <v>0</v>
      </c>
      <c r="GC17" s="102">
        <v>0</v>
      </c>
      <c r="GD17" s="102">
        <v>0</v>
      </c>
      <c r="GE17" s="102">
        <v>0</v>
      </c>
      <c r="GF17" s="103">
        <v>0</v>
      </c>
      <c r="GG17" s="104">
        <v>0</v>
      </c>
      <c r="GH17" s="101">
        <v>18</v>
      </c>
      <c r="GI17" s="102">
        <v>19</v>
      </c>
      <c r="GJ17" s="103">
        <v>37</v>
      </c>
      <c r="GK17" s="413">
        <v>0</v>
      </c>
      <c r="GL17" s="102">
        <v>28</v>
      </c>
      <c r="GM17" s="102">
        <v>16</v>
      </c>
      <c r="GN17" s="102">
        <v>14</v>
      </c>
      <c r="GO17" s="102">
        <v>14</v>
      </c>
      <c r="GP17" s="102">
        <v>11</v>
      </c>
      <c r="GQ17" s="103">
        <v>83</v>
      </c>
      <c r="GR17" s="104">
        <v>120</v>
      </c>
      <c r="GS17" s="105">
        <v>66</v>
      </c>
      <c r="GT17" s="97">
        <v>65</v>
      </c>
      <c r="GU17" s="98">
        <v>131</v>
      </c>
      <c r="GV17" s="413">
        <v>0</v>
      </c>
      <c r="GW17" s="97">
        <v>111</v>
      </c>
      <c r="GX17" s="97">
        <v>71</v>
      </c>
      <c r="GY17" s="97">
        <v>42</v>
      </c>
      <c r="GZ17" s="97">
        <v>38</v>
      </c>
      <c r="HA17" s="97">
        <v>32</v>
      </c>
      <c r="HB17" s="99">
        <v>294</v>
      </c>
      <c r="HC17" s="100">
        <v>425</v>
      </c>
      <c r="HD17" s="101">
        <v>2</v>
      </c>
      <c r="HE17" s="102">
        <v>3</v>
      </c>
      <c r="HF17" s="103">
        <v>5</v>
      </c>
      <c r="HG17" s="413">
        <v>0</v>
      </c>
      <c r="HH17" s="102">
        <v>2</v>
      </c>
      <c r="HI17" s="102">
        <v>1</v>
      </c>
      <c r="HJ17" s="102">
        <v>0</v>
      </c>
      <c r="HK17" s="102">
        <v>1</v>
      </c>
      <c r="HL17" s="102">
        <v>2</v>
      </c>
      <c r="HM17" s="103">
        <v>6</v>
      </c>
      <c r="HN17" s="104">
        <v>11</v>
      </c>
      <c r="HO17" s="101">
        <v>5</v>
      </c>
      <c r="HP17" s="102">
        <v>2</v>
      </c>
      <c r="HQ17" s="103">
        <v>7</v>
      </c>
      <c r="HR17" s="413">
        <v>0</v>
      </c>
      <c r="HS17" s="102">
        <v>4</v>
      </c>
      <c r="HT17" s="102">
        <v>1</v>
      </c>
      <c r="HU17" s="102">
        <v>4</v>
      </c>
      <c r="HV17" s="102">
        <v>2</v>
      </c>
      <c r="HW17" s="102">
        <v>1</v>
      </c>
      <c r="HX17" s="103">
        <v>12</v>
      </c>
      <c r="HY17" s="104">
        <v>19</v>
      </c>
      <c r="HZ17" s="101">
        <v>7</v>
      </c>
      <c r="IA17" s="102">
        <v>4</v>
      </c>
      <c r="IB17" s="103">
        <v>11</v>
      </c>
      <c r="IC17" s="413">
        <v>0</v>
      </c>
      <c r="ID17" s="102">
        <v>17</v>
      </c>
      <c r="IE17" s="102">
        <v>9</v>
      </c>
      <c r="IF17" s="102">
        <v>1</v>
      </c>
      <c r="IG17" s="102">
        <v>3</v>
      </c>
      <c r="IH17" s="102">
        <v>3</v>
      </c>
      <c r="II17" s="103">
        <v>33</v>
      </c>
      <c r="IJ17" s="104">
        <v>44</v>
      </c>
      <c r="IK17" s="101">
        <v>17</v>
      </c>
      <c r="IL17" s="102">
        <v>13</v>
      </c>
      <c r="IM17" s="103">
        <v>30</v>
      </c>
      <c r="IN17" s="413">
        <v>0</v>
      </c>
      <c r="IO17" s="102">
        <v>25</v>
      </c>
      <c r="IP17" s="102">
        <v>13</v>
      </c>
      <c r="IQ17" s="102">
        <v>6</v>
      </c>
      <c r="IR17" s="102">
        <v>6</v>
      </c>
      <c r="IS17" s="102">
        <v>5</v>
      </c>
      <c r="IT17" s="103">
        <v>55</v>
      </c>
      <c r="IU17" s="104">
        <v>85</v>
      </c>
      <c r="IV17" s="101">
        <v>16</v>
      </c>
      <c r="IW17" s="102">
        <v>26</v>
      </c>
      <c r="IX17" s="103">
        <v>42</v>
      </c>
      <c r="IY17" s="413">
        <v>0</v>
      </c>
      <c r="IZ17" s="102">
        <v>35</v>
      </c>
      <c r="JA17" s="102">
        <v>25</v>
      </c>
      <c r="JB17" s="102">
        <v>10</v>
      </c>
      <c r="JC17" s="102">
        <v>8</v>
      </c>
      <c r="JD17" s="102">
        <v>9</v>
      </c>
      <c r="JE17" s="103">
        <v>87</v>
      </c>
      <c r="JF17" s="104">
        <v>129</v>
      </c>
      <c r="JG17" s="101">
        <v>19</v>
      </c>
      <c r="JH17" s="102">
        <v>17</v>
      </c>
      <c r="JI17" s="103">
        <v>36</v>
      </c>
      <c r="JJ17" s="413">
        <v>0</v>
      </c>
      <c r="JK17" s="102">
        <v>28</v>
      </c>
      <c r="JL17" s="102">
        <v>22</v>
      </c>
      <c r="JM17" s="102">
        <v>21</v>
      </c>
      <c r="JN17" s="102">
        <v>18</v>
      </c>
      <c r="JO17" s="102">
        <v>12</v>
      </c>
      <c r="JP17" s="103">
        <v>101</v>
      </c>
      <c r="JQ17" s="104">
        <v>137</v>
      </c>
      <c r="JR17" s="101">
        <v>0</v>
      </c>
      <c r="JS17" s="102">
        <v>0</v>
      </c>
      <c r="JT17" s="103">
        <v>0</v>
      </c>
      <c r="JU17" s="413">
        <v>0</v>
      </c>
      <c r="JV17" s="102">
        <v>0</v>
      </c>
      <c r="JW17" s="102">
        <v>0</v>
      </c>
      <c r="JX17" s="102">
        <v>0</v>
      </c>
      <c r="JY17" s="102">
        <v>0</v>
      </c>
      <c r="JZ17" s="102">
        <v>0</v>
      </c>
      <c r="KA17" s="103">
        <v>0</v>
      </c>
      <c r="KB17" s="104">
        <v>0</v>
      </c>
      <c r="KC17" s="101">
        <v>66</v>
      </c>
      <c r="KD17" s="102">
        <v>65</v>
      </c>
      <c r="KE17" s="103">
        <v>131</v>
      </c>
      <c r="KF17" s="413">
        <v>0</v>
      </c>
      <c r="KG17" s="102">
        <v>111</v>
      </c>
      <c r="KH17" s="102">
        <v>71</v>
      </c>
      <c r="KI17" s="102">
        <v>42</v>
      </c>
      <c r="KJ17" s="102">
        <v>38</v>
      </c>
      <c r="KK17" s="102">
        <v>32</v>
      </c>
      <c r="KL17" s="103">
        <v>294</v>
      </c>
      <c r="KM17" s="104">
        <v>425</v>
      </c>
    </row>
    <row r="18" spans="2:299" s="70" customFormat="1" ht="21" customHeight="1" x14ac:dyDescent="0.2">
      <c r="B18" s="106" t="s">
        <v>15</v>
      </c>
      <c r="C18" s="96">
        <v>2</v>
      </c>
      <c r="D18" s="97">
        <v>10</v>
      </c>
      <c r="E18" s="98">
        <v>12</v>
      </c>
      <c r="F18" s="413">
        <v>0</v>
      </c>
      <c r="G18" s="97">
        <v>19</v>
      </c>
      <c r="H18" s="97">
        <v>16</v>
      </c>
      <c r="I18" s="97">
        <v>6</v>
      </c>
      <c r="J18" s="97">
        <v>7</v>
      </c>
      <c r="K18" s="97">
        <v>9</v>
      </c>
      <c r="L18" s="99">
        <v>57</v>
      </c>
      <c r="M18" s="100">
        <v>69</v>
      </c>
      <c r="N18" s="101">
        <v>2</v>
      </c>
      <c r="O18" s="102">
        <v>2</v>
      </c>
      <c r="P18" s="103">
        <v>4</v>
      </c>
      <c r="Q18" s="413">
        <v>0</v>
      </c>
      <c r="R18" s="102">
        <v>0</v>
      </c>
      <c r="S18" s="102">
        <v>0</v>
      </c>
      <c r="T18" s="102">
        <v>0</v>
      </c>
      <c r="U18" s="102">
        <v>0</v>
      </c>
      <c r="V18" s="102">
        <v>1</v>
      </c>
      <c r="W18" s="103">
        <v>1</v>
      </c>
      <c r="X18" s="104">
        <v>5</v>
      </c>
      <c r="Y18" s="101">
        <v>0</v>
      </c>
      <c r="Z18" s="102">
        <v>0</v>
      </c>
      <c r="AA18" s="103">
        <v>0</v>
      </c>
      <c r="AB18" s="413">
        <v>0</v>
      </c>
      <c r="AC18" s="102">
        <v>3</v>
      </c>
      <c r="AD18" s="102">
        <v>1</v>
      </c>
      <c r="AE18" s="102">
        <v>0</v>
      </c>
      <c r="AF18" s="102">
        <v>1</v>
      </c>
      <c r="AG18" s="102">
        <v>1</v>
      </c>
      <c r="AH18" s="103">
        <v>6</v>
      </c>
      <c r="AI18" s="104">
        <v>6</v>
      </c>
      <c r="AJ18" s="101">
        <v>0</v>
      </c>
      <c r="AK18" s="102">
        <v>0</v>
      </c>
      <c r="AL18" s="103">
        <v>0</v>
      </c>
      <c r="AM18" s="413">
        <v>0</v>
      </c>
      <c r="AN18" s="102">
        <v>2</v>
      </c>
      <c r="AO18" s="102">
        <v>4</v>
      </c>
      <c r="AP18" s="102">
        <v>1</v>
      </c>
      <c r="AQ18" s="102">
        <v>1</v>
      </c>
      <c r="AR18" s="102">
        <v>3</v>
      </c>
      <c r="AS18" s="103">
        <v>11</v>
      </c>
      <c r="AT18" s="104">
        <v>11</v>
      </c>
      <c r="AU18" s="101">
        <v>0</v>
      </c>
      <c r="AV18" s="102">
        <v>1</v>
      </c>
      <c r="AW18" s="103">
        <v>1</v>
      </c>
      <c r="AX18" s="413">
        <v>0</v>
      </c>
      <c r="AY18" s="102">
        <v>6</v>
      </c>
      <c r="AZ18" s="102">
        <v>4</v>
      </c>
      <c r="BA18" s="102">
        <v>1</v>
      </c>
      <c r="BB18" s="102">
        <v>1</v>
      </c>
      <c r="BC18" s="102">
        <v>1</v>
      </c>
      <c r="BD18" s="103">
        <v>13</v>
      </c>
      <c r="BE18" s="104">
        <v>14</v>
      </c>
      <c r="BF18" s="101">
        <v>0</v>
      </c>
      <c r="BG18" s="102">
        <v>6</v>
      </c>
      <c r="BH18" s="103">
        <v>6</v>
      </c>
      <c r="BI18" s="413">
        <v>0</v>
      </c>
      <c r="BJ18" s="102">
        <v>2</v>
      </c>
      <c r="BK18" s="102">
        <v>3</v>
      </c>
      <c r="BL18" s="102">
        <v>2</v>
      </c>
      <c r="BM18" s="102">
        <v>2</v>
      </c>
      <c r="BN18" s="102">
        <v>3</v>
      </c>
      <c r="BO18" s="103">
        <v>12</v>
      </c>
      <c r="BP18" s="104">
        <v>18</v>
      </c>
      <c r="BQ18" s="101">
        <v>0</v>
      </c>
      <c r="BR18" s="102">
        <v>1</v>
      </c>
      <c r="BS18" s="103">
        <v>1</v>
      </c>
      <c r="BT18" s="413">
        <v>0</v>
      </c>
      <c r="BU18" s="102">
        <v>6</v>
      </c>
      <c r="BV18" s="102">
        <v>4</v>
      </c>
      <c r="BW18" s="102">
        <v>2</v>
      </c>
      <c r="BX18" s="102">
        <v>2</v>
      </c>
      <c r="BY18" s="102">
        <v>0</v>
      </c>
      <c r="BZ18" s="103">
        <v>14</v>
      </c>
      <c r="CA18" s="104">
        <v>15</v>
      </c>
      <c r="CB18" s="101">
        <v>0</v>
      </c>
      <c r="CC18" s="102">
        <v>0</v>
      </c>
      <c r="CD18" s="103">
        <v>0</v>
      </c>
      <c r="CE18" s="413">
        <v>0</v>
      </c>
      <c r="CF18" s="102">
        <v>0</v>
      </c>
      <c r="CG18" s="102">
        <v>0</v>
      </c>
      <c r="CH18" s="102">
        <v>0</v>
      </c>
      <c r="CI18" s="102">
        <v>0</v>
      </c>
      <c r="CJ18" s="102">
        <v>0</v>
      </c>
      <c r="CK18" s="103">
        <v>0</v>
      </c>
      <c r="CL18" s="104">
        <v>0</v>
      </c>
      <c r="CM18" s="101">
        <v>2</v>
      </c>
      <c r="CN18" s="102">
        <v>10</v>
      </c>
      <c r="CO18" s="103">
        <v>12</v>
      </c>
      <c r="CP18" s="413">
        <v>0</v>
      </c>
      <c r="CQ18" s="102">
        <v>19</v>
      </c>
      <c r="CR18" s="102">
        <v>16</v>
      </c>
      <c r="CS18" s="102">
        <v>6</v>
      </c>
      <c r="CT18" s="102">
        <v>7</v>
      </c>
      <c r="CU18" s="102">
        <v>9</v>
      </c>
      <c r="CV18" s="103">
        <v>57</v>
      </c>
      <c r="CW18" s="104">
        <v>69</v>
      </c>
      <c r="CX18" s="105">
        <v>5</v>
      </c>
      <c r="CY18" s="97">
        <v>7</v>
      </c>
      <c r="CZ18" s="98">
        <v>12</v>
      </c>
      <c r="DA18" s="413">
        <v>0</v>
      </c>
      <c r="DB18" s="97">
        <v>4</v>
      </c>
      <c r="DC18" s="97">
        <v>7</v>
      </c>
      <c r="DD18" s="97">
        <v>5</v>
      </c>
      <c r="DE18" s="97">
        <v>7</v>
      </c>
      <c r="DF18" s="97">
        <v>1</v>
      </c>
      <c r="DG18" s="99">
        <v>24</v>
      </c>
      <c r="DH18" s="100">
        <v>36</v>
      </c>
      <c r="DI18" s="101">
        <v>1</v>
      </c>
      <c r="DJ18" s="102">
        <v>0</v>
      </c>
      <c r="DK18" s="103">
        <v>1</v>
      </c>
      <c r="DL18" s="413">
        <v>0</v>
      </c>
      <c r="DM18" s="102">
        <v>0</v>
      </c>
      <c r="DN18" s="102">
        <v>0</v>
      </c>
      <c r="DO18" s="102">
        <v>0</v>
      </c>
      <c r="DP18" s="102">
        <v>0</v>
      </c>
      <c r="DQ18" s="102">
        <v>0</v>
      </c>
      <c r="DR18" s="103">
        <v>0</v>
      </c>
      <c r="DS18" s="104">
        <v>1</v>
      </c>
      <c r="DT18" s="101">
        <v>0</v>
      </c>
      <c r="DU18" s="102">
        <v>0</v>
      </c>
      <c r="DV18" s="103">
        <v>0</v>
      </c>
      <c r="DW18" s="413">
        <v>0</v>
      </c>
      <c r="DX18" s="102">
        <v>0</v>
      </c>
      <c r="DY18" s="102">
        <v>0</v>
      </c>
      <c r="DZ18" s="102">
        <v>0</v>
      </c>
      <c r="EA18" s="102">
        <v>0</v>
      </c>
      <c r="EB18" s="102">
        <v>0</v>
      </c>
      <c r="EC18" s="103">
        <v>0</v>
      </c>
      <c r="ED18" s="104">
        <v>0</v>
      </c>
      <c r="EE18" s="101">
        <v>2</v>
      </c>
      <c r="EF18" s="102">
        <v>0</v>
      </c>
      <c r="EG18" s="103">
        <v>2</v>
      </c>
      <c r="EH18" s="413">
        <v>0</v>
      </c>
      <c r="EI18" s="102">
        <v>0</v>
      </c>
      <c r="EJ18" s="102">
        <v>1</v>
      </c>
      <c r="EK18" s="102">
        <v>1</v>
      </c>
      <c r="EL18" s="102">
        <v>0</v>
      </c>
      <c r="EM18" s="102">
        <v>1</v>
      </c>
      <c r="EN18" s="103">
        <v>3</v>
      </c>
      <c r="EO18" s="104">
        <v>5</v>
      </c>
      <c r="EP18" s="101">
        <v>0</v>
      </c>
      <c r="EQ18" s="102">
        <v>5</v>
      </c>
      <c r="ER18" s="103">
        <v>5</v>
      </c>
      <c r="ES18" s="413">
        <v>0</v>
      </c>
      <c r="ET18" s="102">
        <v>0</v>
      </c>
      <c r="EU18" s="102">
        <v>0</v>
      </c>
      <c r="EV18" s="102">
        <v>0</v>
      </c>
      <c r="EW18" s="102">
        <v>1</v>
      </c>
      <c r="EX18" s="102">
        <v>0</v>
      </c>
      <c r="EY18" s="103">
        <v>1</v>
      </c>
      <c r="EZ18" s="104">
        <v>6</v>
      </c>
      <c r="FA18" s="101">
        <v>0</v>
      </c>
      <c r="FB18" s="102">
        <v>1</v>
      </c>
      <c r="FC18" s="103">
        <v>1</v>
      </c>
      <c r="FD18" s="413">
        <v>0</v>
      </c>
      <c r="FE18" s="102">
        <v>2</v>
      </c>
      <c r="FF18" s="102">
        <v>3</v>
      </c>
      <c r="FG18" s="102">
        <v>1</v>
      </c>
      <c r="FH18" s="102">
        <v>2</v>
      </c>
      <c r="FI18" s="102">
        <v>0</v>
      </c>
      <c r="FJ18" s="103">
        <v>8</v>
      </c>
      <c r="FK18" s="104">
        <v>9</v>
      </c>
      <c r="FL18" s="101">
        <v>2</v>
      </c>
      <c r="FM18" s="102">
        <v>1</v>
      </c>
      <c r="FN18" s="103">
        <v>3</v>
      </c>
      <c r="FO18" s="413">
        <v>0</v>
      </c>
      <c r="FP18" s="102">
        <v>2</v>
      </c>
      <c r="FQ18" s="102">
        <v>3</v>
      </c>
      <c r="FR18" s="102">
        <v>3</v>
      </c>
      <c r="FS18" s="102">
        <v>4</v>
      </c>
      <c r="FT18" s="102">
        <v>0</v>
      </c>
      <c r="FU18" s="103">
        <v>12</v>
      </c>
      <c r="FV18" s="104">
        <v>15</v>
      </c>
      <c r="FW18" s="101">
        <v>0</v>
      </c>
      <c r="FX18" s="102">
        <v>0</v>
      </c>
      <c r="FY18" s="103">
        <v>0</v>
      </c>
      <c r="FZ18" s="413">
        <v>0</v>
      </c>
      <c r="GA18" s="102">
        <v>0</v>
      </c>
      <c r="GB18" s="102">
        <v>0</v>
      </c>
      <c r="GC18" s="102">
        <v>0</v>
      </c>
      <c r="GD18" s="102">
        <v>0</v>
      </c>
      <c r="GE18" s="102">
        <v>0</v>
      </c>
      <c r="GF18" s="103">
        <v>0</v>
      </c>
      <c r="GG18" s="104">
        <v>0</v>
      </c>
      <c r="GH18" s="101">
        <v>5</v>
      </c>
      <c r="GI18" s="102">
        <v>7</v>
      </c>
      <c r="GJ18" s="103">
        <v>12</v>
      </c>
      <c r="GK18" s="413">
        <v>0</v>
      </c>
      <c r="GL18" s="102">
        <v>4</v>
      </c>
      <c r="GM18" s="102">
        <v>7</v>
      </c>
      <c r="GN18" s="102">
        <v>5</v>
      </c>
      <c r="GO18" s="102">
        <v>7</v>
      </c>
      <c r="GP18" s="102">
        <v>1</v>
      </c>
      <c r="GQ18" s="103">
        <v>24</v>
      </c>
      <c r="GR18" s="104">
        <v>36</v>
      </c>
      <c r="GS18" s="105">
        <v>7</v>
      </c>
      <c r="GT18" s="97">
        <v>17</v>
      </c>
      <c r="GU18" s="98">
        <v>24</v>
      </c>
      <c r="GV18" s="413">
        <v>0</v>
      </c>
      <c r="GW18" s="97">
        <v>23</v>
      </c>
      <c r="GX18" s="97">
        <v>23</v>
      </c>
      <c r="GY18" s="97">
        <v>11</v>
      </c>
      <c r="GZ18" s="97">
        <v>14</v>
      </c>
      <c r="HA18" s="97">
        <v>10</v>
      </c>
      <c r="HB18" s="99">
        <v>81</v>
      </c>
      <c r="HC18" s="100">
        <v>105</v>
      </c>
      <c r="HD18" s="101">
        <v>3</v>
      </c>
      <c r="HE18" s="102">
        <v>2</v>
      </c>
      <c r="HF18" s="103">
        <v>5</v>
      </c>
      <c r="HG18" s="413">
        <v>0</v>
      </c>
      <c r="HH18" s="102">
        <v>0</v>
      </c>
      <c r="HI18" s="102">
        <v>0</v>
      </c>
      <c r="HJ18" s="102">
        <v>0</v>
      </c>
      <c r="HK18" s="102">
        <v>0</v>
      </c>
      <c r="HL18" s="102">
        <v>1</v>
      </c>
      <c r="HM18" s="103">
        <v>1</v>
      </c>
      <c r="HN18" s="104">
        <v>6</v>
      </c>
      <c r="HO18" s="101">
        <v>0</v>
      </c>
      <c r="HP18" s="102">
        <v>0</v>
      </c>
      <c r="HQ18" s="103">
        <v>0</v>
      </c>
      <c r="HR18" s="413">
        <v>0</v>
      </c>
      <c r="HS18" s="102">
        <v>3</v>
      </c>
      <c r="HT18" s="102">
        <v>1</v>
      </c>
      <c r="HU18" s="102">
        <v>0</v>
      </c>
      <c r="HV18" s="102">
        <v>1</v>
      </c>
      <c r="HW18" s="102">
        <v>1</v>
      </c>
      <c r="HX18" s="103">
        <v>6</v>
      </c>
      <c r="HY18" s="104">
        <v>6</v>
      </c>
      <c r="HZ18" s="101">
        <v>2</v>
      </c>
      <c r="IA18" s="102">
        <v>0</v>
      </c>
      <c r="IB18" s="103">
        <v>2</v>
      </c>
      <c r="IC18" s="413">
        <v>0</v>
      </c>
      <c r="ID18" s="102">
        <v>2</v>
      </c>
      <c r="IE18" s="102">
        <v>5</v>
      </c>
      <c r="IF18" s="102">
        <v>2</v>
      </c>
      <c r="IG18" s="102">
        <v>1</v>
      </c>
      <c r="IH18" s="102">
        <v>4</v>
      </c>
      <c r="II18" s="103">
        <v>14</v>
      </c>
      <c r="IJ18" s="104">
        <v>16</v>
      </c>
      <c r="IK18" s="101">
        <v>0</v>
      </c>
      <c r="IL18" s="102">
        <v>6</v>
      </c>
      <c r="IM18" s="103">
        <v>6</v>
      </c>
      <c r="IN18" s="413">
        <v>0</v>
      </c>
      <c r="IO18" s="102">
        <v>6</v>
      </c>
      <c r="IP18" s="102">
        <v>4</v>
      </c>
      <c r="IQ18" s="102">
        <v>1</v>
      </c>
      <c r="IR18" s="102">
        <v>2</v>
      </c>
      <c r="IS18" s="102">
        <v>1</v>
      </c>
      <c r="IT18" s="103">
        <v>14</v>
      </c>
      <c r="IU18" s="104">
        <v>20</v>
      </c>
      <c r="IV18" s="101">
        <v>0</v>
      </c>
      <c r="IW18" s="102">
        <v>7</v>
      </c>
      <c r="IX18" s="103">
        <v>7</v>
      </c>
      <c r="IY18" s="413">
        <v>0</v>
      </c>
      <c r="IZ18" s="102">
        <v>4</v>
      </c>
      <c r="JA18" s="102">
        <v>6</v>
      </c>
      <c r="JB18" s="102">
        <v>3</v>
      </c>
      <c r="JC18" s="102">
        <v>4</v>
      </c>
      <c r="JD18" s="102">
        <v>3</v>
      </c>
      <c r="JE18" s="103">
        <v>20</v>
      </c>
      <c r="JF18" s="104">
        <v>27</v>
      </c>
      <c r="JG18" s="101">
        <v>2</v>
      </c>
      <c r="JH18" s="102">
        <v>2</v>
      </c>
      <c r="JI18" s="103">
        <v>4</v>
      </c>
      <c r="JJ18" s="413">
        <v>0</v>
      </c>
      <c r="JK18" s="102">
        <v>8</v>
      </c>
      <c r="JL18" s="102">
        <v>7</v>
      </c>
      <c r="JM18" s="102">
        <v>5</v>
      </c>
      <c r="JN18" s="102">
        <v>6</v>
      </c>
      <c r="JO18" s="102">
        <v>0</v>
      </c>
      <c r="JP18" s="103">
        <v>26</v>
      </c>
      <c r="JQ18" s="104">
        <v>30</v>
      </c>
      <c r="JR18" s="101">
        <v>0</v>
      </c>
      <c r="JS18" s="102">
        <v>0</v>
      </c>
      <c r="JT18" s="103">
        <v>0</v>
      </c>
      <c r="JU18" s="413">
        <v>0</v>
      </c>
      <c r="JV18" s="102">
        <v>0</v>
      </c>
      <c r="JW18" s="102">
        <v>0</v>
      </c>
      <c r="JX18" s="102">
        <v>0</v>
      </c>
      <c r="JY18" s="102">
        <v>0</v>
      </c>
      <c r="JZ18" s="102">
        <v>0</v>
      </c>
      <c r="KA18" s="103">
        <v>0</v>
      </c>
      <c r="KB18" s="104">
        <v>0</v>
      </c>
      <c r="KC18" s="101">
        <v>7</v>
      </c>
      <c r="KD18" s="102">
        <v>17</v>
      </c>
      <c r="KE18" s="103">
        <v>24</v>
      </c>
      <c r="KF18" s="413">
        <v>0</v>
      </c>
      <c r="KG18" s="102">
        <v>23</v>
      </c>
      <c r="KH18" s="102">
        <v>23</v>
      </c>
      <c r="KI18" s="102">
        <v>11</v>
      </c>
      <c r="KJ18" s="102">
        <v>14</v>
      </c>
      <c r="KK18" s="102">
        <v>10</v>
      </c>
      <c r="KL18" s="103">
        <v>81</v>
      </c>
      <c r="KM18" s="104">
        <v>105</v>
      </c>
    </row>
    <row r="19" spans="2:299" s="70" customFormat="1" ht="21" customHeight="1" x14ac:dyDescent="0.2">
      <c r="B19" s="106" t="s">
        <v>16</v>
      </c>
      <c r="C19" s="96">
        <v>26</v>
      </c>
      <c r="D19" s="97">
        <v>31</v>
      </c>
      <c r="E19" s="98">
        <v>57</v>
      </c>
      <c r="F19" s="413">
        <v>0</v>
      </c>
      <c r="G19" s="97">
        <v>45</v>
      </c>
      <c r="H19" s="97">
        <v>72</v>
      </c>
      <c r="I19" s="97">
        <v>36</v>
      </c>
      <c r="J19" s="97">
        <v>22</v>
      </c>
      <c r="K19" s="97">
        <v>17</v>
      </c>
      <c r="L19" s="99">
        <v>192</v>
      </c>
      <c r="M19" s="100">
        <v>249</v>
      </c>
      <c r="N19" s="101">
        <v>0</v>
      </c>
      <c r="O19" s="102">
        <v>2</v>
      </c>
      <c r="P19" s="103">
        <v>2</v>
      </c>
      <c r="Q19" s="413">
        <v>0</v>
      </c>
      <c r="R19" s="102">
        <v>0</v>
      </c>
      <c r="S19" s="102">
        <v>3</v>
      </c>
      <c r="T19" s="102">
        <v>2</v>
      </c>
      <c r="U19" s="102">
        <v>1</v>
      </c>
      <c r="V19" s="102">
        <v>3</v>
      </c>
      <c r="W19" s="103">
        <v>9</v>
      </c>
      <c r="X19" s="104">
        <v>11</v>
      </c>
      <c r="Y19" s="101">
        <v>1</v>
      </c>
      <c r="Z19" s="102">
        <v>3</v>
      </c>
      <c r="AA19" s="103">
        <v>4</v>
      </c>
      <c r="AB19" s="413">
        <v>0</v>
      </c>
      <c r="AC19" s="102">
        <v>4</v>
      </c>
      <c r="AD19" s="102">
        <v>7</v>
      </c>
      <c r="AE19" s="102">
        <v>3</v>
      </c>
      <c r="AF19" s="102">
        <v>1</v>
      </c>
      <c r="AG19" s="102">
        <v>1</v>
      </c>
      <c r="AH19" s="103">
        <v>16</v>
      </c>
      <c r="AI19" s="104">
        <v>20</v>
      </c>
      <c r="AJ19" s="101">
        <v>6</v>
      </c>
      <c r="AK19" s="102">
        <v>4</v>
      </c>
      <c r="AL19" s="103">
        <v>10</v>
      </c>
      <c r="AM19" s="413">
        <v>0</v>
      </c>
      <c r="AN19" s="102">
        <v>7</v>
      </c>
      <c r="AO19" s="102">
        <v>12</v>
      </c>
      <c r="AP19" s="102">
        <v>3</v>
      </c>
      <c r="AQ19" s="102">
        <v>3</v>
      </c>
      <c r="AR19" s="102">
        <v>4</v>
      </c>
      <c r="AS19" s="103">
        <v>29</v>
      </c>
      <c r="AT19" s="104">
        <v>39</v>
      </c>
      <c r="AU19" s="101">
        <v>7</v>
      </c>
      <c r="AV19" s="102">
        <v>7</v>
      </c>
      <c r="AW19" s="103">
        <v>14</v>
      </c>
      <c r="AX19" s="413">
        <v>0</v>
      </c>
      <c r="AY19" s="102">
        <v>9</v>
      </c>
      <c r="AZ19" s="102">
        <v>19</v>
      </c>
      <c r="BA19" s="102">
        <v>10</v>
      </c>
      <c r="BB19" s="102">
        <v>6</v>
      </c>
      <c r="BC19" s="102">
        <v>1</v>
      </c>
      <c r="BD19" s="103">
        <v>45</v>
      </c>
      <c r="BE19" s="104">
        <v>59</v>
      </c>
      <c r="BF19" s="101">
        <v>9</v>
      </c>
      <c r="BG19" s="102">
        <v>6</v>
      </c>
      <c r="BH19" s="103">
        <v>15</v>
      </c>
      <c r="BI19" s="413">
        <v>0</v>
      </c>
      <c r="BJ19" s="102">
        <v>14</v>
      </c>
      <c r="BK19" s="102">
        <v>19</v>
      </c>
      <c r="BL19" s="102">
        <v>11</v>
      </c>
      <c r="BM19" s="102">
        <v>3</v>
      </c>
      <c r="BN19" s="102">
        <v>6</v>
      </c>
      <c r="BO19" s="103">
        <v>53</v>
      </c>
      <c r="BP19" s="104">
        <v>68</v>
      </c>
      <c r="BQ19" s="101">
        <v>3</v>
      </c>
      <c r="BR19" s="102">
        <v>9</v>
      </c>
      <c r="BS19" s="103">
        <v>12</v>
      </c>
      <c r="BT19" s="413">
        <v>0</v>
      </c>
      <c r="BU19" s="102">
        <v>11</v>
      </c>
      <c r="BV19" s="102">
        <v>12</v>
      </c>
      <c r="BW19" s="102">
        <v>7</v>
      </c>
      <c r="BX19" s="102">
        <v>8</v>
      </c>
      <c r="BY19" s="102">
        <v>2</v>
      </c>
      <c r="BZ19" s="103">
        <v>40</v>
      </c>
      <c r="CA19" s="104">
        <v>52</v>
      </c>
      <c r="CB19" s="101">
        <v>0</v>
      </c>
      <c r="CC19" s="102">
        <v>0</v>
      </c>
      <c r="CD19" s="103">
        <v>0</v>
      </c>
      <c r="CE19" s="413">
        <v>0</v>
      </c>
      <c r="CF19" s="102">
        <v>0</v>
      </c>
      <c r="CG19" s="102">
        <v>0</v>
      </c>
      <c r="CH19" s="102">
        <v>0</v>
      </c>
      <c r="CI19" s="102">
        <v>0</v>
      </c>
      <c r="CJ19" s="102">
        <v>0</v>
      </c>
      <c r="CK19" s="103">
        <v>0</v>
      </c>
      <c r="CL19" s="104">
        <v>0</v>
      </c>
      <c r="CM19" s="101">
        <v>26</v>
      </c>
      <c r="CN19" s="102">
        <v>31</v>
      </c>
      <c r="CO19" s="103">
        <v>57</v>
      </c>
      <c r="CP19" s="413">
        <v>0</v>
      </c>
      <c r="CQ19" s="102">
        <v>45</v>
      </c>
      <c r="CR19" s="102">
        <v>72</v>
      </c>
      <c r="CS19" s="102">
        <v>36</v>
      </c>
      <c r="CT19" s="102">
        <v>22</v>
      </c>
      <c r="CU19" s="102">
        <v>17</v>
      </c>
      <c r="CV19" s="103">
        <v>192</v>
      </c>
      <c r="CW19" s="104">
        <v>249</v>
      </c>
      <c r="CX19" s="105">
        <v>18</v>
      </c>
      <c r="CY19" s="97">
        <v>19</v>
      </c>
      <c r="CZ19" s="98">
        <v>37</v>
      </c>
      <c r="DA19" s="413">
        <v>0</v>
      </c>
      <c r="DB19" s="97">
        <v>20</v>
      </c>
      <c r="DC19" s="97">
        <v>22</v>
      </c>
      <c r="DD19" s="97">
        <v>16</v>
      </c>
      <c r="DE19" s="97">
        <v>16</v>
      </c>
      <c r="DF19" s="97">
        <v>5</v>
      </c>
      <c r="DG19" s="99">
        <v>79</v>
      </c>
      <c r="DH19" s="100">
        <v>116</v>
      </c>
      <c r="DI19" s="101">
        <v>0</v>
      </c>
      <c r="DJ19" s="102">
        <v>2</v>
      </c>
      <c r="DK19" s="103">
        <v>2</v>
      </c>
      <c r="DL19" s="413">
        <v>0</v>
      </c>
      <c r="DM19" s="102">
        <v>0</v>
      </c>
      <c r="DN19" s="102">
        <v>0</v>
      </c>
      <c r="DO19" s="102">
        <v>0</v>
      </c>
      <c r="DP19" s="102">
        <v>0</v>
      </c>
      <c r="DQ19" s="102">
        <v>0</v>
      </c>
      <c r="DR19" s="103">
        <v>0</v>
      </c>
      <c r="DS19" s="104">
        <v>2</v>
      </c>
      <c r="DT19" s="101">
        <v>3</v>
      </c>
      <c r="DU19" s="102">
        <v>3</v>
      </c>
      <c r="DV19" s="103">
        <v>6</v>
      </c>
      <c r="DW19" s="413">
        <v>0</v>
      </c>
      <c r="DX19" s="102">
        <v>0</v>
      </c>
      <c r="DY19" s="102">
        <v>2</v>
      </c>
      <c r="DZ19" s="102">
        <v>0</v>
      </c>
      <c r="EA19" s="102">
        <v>0</v>
      </c>
      <c r="EB19" s="102">
        <v>0</v>
      </c>
      <c r="EC19" s="103">
        <v>2</v>
      </c>
      <c r="ED19" s="104">
        <v>8</v>
      </c>
      <c r="EE19" s="101">
        <v>3</v>
      </c>
      <c r="EF19" s="102">
        <v>2</v>
      </c>
      <c r="EG19" s="103">
        <v>5</v>
      </c>
      <c r="EH19" s="413">
        <v>0</v>
      </c>
      <c r="EI19" s="102">
        <v>1</v>
      </c>
      <c r="EJ19" s="102">
        <v>1</v>
      </c>
      <c r="EK19" s="102">
        <v>2</v>
      </c>
      <c r="EL19" s="102">
        <v>0</v>
      </c>
      <c r="EM19" s="102">
        <v>1</v>
      </c>
      <c r="EN19" s="103">
        <v>5</v>
      </c>
      <c r="EO19" s="104">
        <v>10</v>
      </c>
      <c r="EP19" s="101">
        <v>6</v>
      </c>
      <c r="EQ19" s="102">
        <v>5</v>
      </c>
      <c r="ER19" s="103">
        <v>11</v>
      </c>
      <c r="ES19" s="413">
        <v>0</v>
      </c>
      <c r="ET19" s="102">
        <v>3</v>
      </c>
      <c r="EU19" s="102">
        <v>5</v>
      </c>
      <c r="EV19" s="102">
        <v>3</v>
      </c>
      <c r="EW19" s="102">
        <v>1</v>
      </c>
      <c r="EX19" s="102">
        <v>0</v>
      </c>
      <c r="EY19" s="103">
        <v>12</v>
      </c>
      <c r="EZ19" s="104">
        <v>23</v>
      </c>
      <c r="FA19" s="101">
        <v>3</v>
      </c>
      <c r="FB19" s="102">
        <v>3</v>
      </c>
      <c r="FC19" s="103">
        <v>6</v>
      </c>
      <c r="FD19" s="413">
        <v>0</v>
      </c>
      <c r="FE19" s="102">
        <v>8</v>
      </c>
      <c r="FF19" s="102">
        <v>8</v>
      </c>
      <c r="FG19" s="102">
        <v>5</v>
      </c>
      <c r="FH19" s="102">
        <v>3</v>
      </c>
      <c r="FI19" s="102">
        <v>1</v>
      </c>
      <c r="FJ19" s="103">
        <v>25</v>
      </c>
      <c r="FK19" s="104">
        <v>31</v>
      </c>
      <c r="FL19" s="101">
        <v>3</v>
      </c>
      <c r="FM19" s="102">
        <v>4</v>
      </c>
      <c r="FN19" s="103">
        <v>7</v>
      </c>
      <c r="FO19" s="413">
        <v>0</v>
      </c>
      <c r="FP19" s="102">
        <v>8</v>
      </c>
      <c r="FQ19" s="102">
        <v>6</v>
      </c>
      <c r="FR19" s="102">
        <v>6</v>
      </c>
      <c r="FS19" s="102">
        <v>12</v>
      </c>
      <c r="FT19" s="102">
        <v>3</v>
      </c>
      <c r="FU19" s="103">
        <v>35</v>
      </c>
      <c r="FV19" s="104">
        <v>42</v>
      </c>
      <c r="FW19" s="101">
        <v>0</v>
      </c>
      <c r="FX19" s="102">
        <v>0</v>
      </c>
      <c r="FY19" s="103">
        <v>0</v>
      </c>
      <c r="FZ19" s="413">
        <v>0</v>
      </c>
      <c r="GA19" s="102">
        <v>0</v>
      </c>
      <c r="GB19" s="102">
        <v>0</v>
      </c>
      <c r="GC19" s="102">
        <v>0</v>
      </c>
      <c r="GD19" s="102">
        <v>0</v>
      </c>
      <c r="GE19" s="102">
        <v>0</v>
      </c>
      <c r="GF19" s="103">
        <v>0</v>
      </c>
      <c r="GG19" s="104">
        <v>0</v>
      </c>
      <c r="GH19" s="101">
        <v>18</v>
      </c>
      <c r="GI19" s="102">
        <v>19</v>
      </c>
      <c r="GJ19" s="103">
        <v>37</v>
      </c>
      <c r="GK19" s="413">
        <v>0</v>
      </c>
      <c r="GL19" s="102">
        <v>20</v>
      </c>
      <c r="GM19" s="102">
        <v>22</v>
      </c>
      <c r="GN19" s="102">
        <v>16</v>
      </c>
      <c r="GO19" s="102">
        <v>16</v>
      </c>
      <c r="GP19" s="102">
        <v>5</v>
      </c>
      <c r="GQ19" s="103">
        <v>79</v>
      </c>
      <c r="GR19" s="104">
        <v>116</v>
      </c>
      <c r="GS19" s="105">
        <v>44</v>
      </c>
      <c r="GT19" s="97">
        <v>50</v>
      </c>
      <c r="GU19" s="98">
        <v>94</v>
      </c>
      <c r="GV19" s="413">
        <v>0</v>
      </c>
      <c r="GW19" s="97">
        <v>65</v>
      </c>
      <c r="GX19" s="97">
        <v>94</v>
      </c>
      <c r="GY19" s="97">
        <v>52</v>
      </c>
      <c r="GZ19" s="97">
        <v>38</v>
      </c>
      <c r="HA19" s="97">
        <v>22</v>
      </c>
      <c r="HB19" s="99">
        <v>271</v>
      </c>
      <c r="HC19" s="100">
        <v>365</v>
      </c>
      <c r="HD19" s="101">
        <v>0</v>
      </c>
      <c r="HE19" s="102">
        <v>4</v>
      </c>
      <c r="HF19" s="103">
        <v>4</v>
      </c>
      <c r="HG19" s="413">
        <v>0</v>
      </c>
      <c r="HH19" s="102">
        <v>0</v>
      </c>
      <c r="HI19" s="102">
        <v>3</v>
      </c>
      <c r="HJ19" s="102">
        <v>2</v>
      </c>
      <c r="HK19" s="102">
        <v>1</v>
      </c>
      <c r="HL19" s="102">
        <v>3</v>
      </c>
      <c r="HM19" s="103">
        <v>9</v>
      </c>
      <c r="HN19" s="104">
        <v>13</v>
      </c>
      <c r="HO19" s="101">
        <v>4</v>
      </c>
      <c r="HP19" s="102">
        <v>6</v>
      </c>
      <c r="HQ19" s="103">
        <v>10</v>
      </c>
      <c r="HR19" s="413">
        <v>0</v>
      </c>
      <c r="HS19" s="102">
        <v>4</v>
      </c>
      <c r="HT19" s="102">
        <v>9</v>
      </c>
      <c r="HU19" s="102">
        <v>3</v>
      </c>
      <c r="HV19" s="102">
        <v>1</v>
      </c>
      <c r="HW19" s="102">
        <v>1</v>
      </c>
      <c r="HX19" s="103">
        <v>18</v>
      </c>
      <c r="HY19" s="104">
        <v>28</v>
      </c>
      <c r="HZ19" s="101">
        <v>9</v>
      </c>
      <c r="IA19" s="102">
        <v>6</v>
      </c>
      <c r="IB19" s="103">
        <v>15</v>
      </c>
      <c r="IC19" s="413">
        <v>0</v>
      </c>
      <c r="ID19" s="102">
        <v>8</v>
      </c>
      <c r="IE19" s="102">
        <v>13</v>
      </c>
      <c r="IF19" s="102">
        <v>5</v>
      </c>
      <c r="IG19" s="102">
        <v>3</v>
      </c>
      <c r="IH19" s="102">
        <v>5</v>
      </c>
      <c r="II19" s="103">
        <v>34</v>
      </c>
      <c r="IJ19" s="104">
        <v>49</v>
      </c>
      <c r="IK19" s="101">
        <v>13</v>
      </c>
      <c r="IL19" s="102">
        <v>12</v>
      </c>
      <c r="IM19" s="103">
        <v>25</v>
      </c>
      <c r="IN19" s="413">
        <v>0</v>
      </c>
      <c r="IO19" s="102">
        <v>12</v>
      </c>
      <c r="IP19" s="102">
        <v>24</v>
      </c>
      <c r="IQ19" s="102">
        <v>13</v>
      </c>
      <c r="IR19" s="102">
        <v>7</v>
      </c>
      <c r="IS19" s="102">
        <v>1</v>
      </c>
      <c r="IT19" s="103">
        <v>57</v>
      </c>
      <c r="IU19" s="104">
        <v>82</v>
      </c>
      <c r="IV19" s="101">
        <v>12</v>
      </c>
      <c r="IW19" s="102">
        <v>9</v>
      </c>
      <c r="IX19" s="103">
        <v>21</v>
      </c>
      <c r="IY19" s="413">
        <v>0</v>
      </c>
      <c r="IZ19" s="102">
        <v>22</v>
      </c>
      <c r="JA19" s="102">
        <v>27</v>
      </c>
      <c r="JB19" s="102">
        <v>16</v>
      </c>
      <c r="JC19" s="102">
        <v>6</v>
      </c>
      <c r="JD19" s="102">
        <v>7</v>
      </c>
      <c r="JE19" s="103">
        <v>78</v>
      </c>
      <c r="JF19" s="104">
        <v>99</v>
      </c>
      <c r="JG19" s="101">
        <v>6</v>
      </c>
      <c r="JH19" s="102">
        <v>13</v>
      </c>
      <c r="JI19" s="103">
        <v>19</v>
      </c>
      <c r="JJ19" s="413">
        <v>0</v>
      </c>
      <c r="JK19" s="102">
        <v>19</v>
      </c>
      <c r="JL19" s="102">
        <v>18</v>
      </c>
      <c r="JM19" s="102">
        <v>13</v>
      </c>
      <c r="JN19" s="102">
        <v>20</v>
      </c>
      <c r="JO19" s="102">
        <v>5</v>
      </c>
      <c r="JP19" s="103">
        <v>75</v>
      </c>
      <c r="JQ19" s="104">
        <v>94</v>
      </c>
      <c r="JR19" s="101">
        <v>0</v>
      </c>
      <c r="JS19" s="102">
        <v>0</v>
      </c>
      <c r="JT19" s="103">
        <v>0</v>
      </c>
      <c r="JU19" s="413">
        <v>0</v>
      </c>
      <c r="JV19" s="102">
        <v>0</v>
      </c>
      <c r="JW19" s="102">
        <v>0</v>
      </c>
      <c r="JX19" s="102">
        <v>0</v>
      </c>
      <c r="JY19" s="102">
        <v>0</v>
      </c>
      <c r="JZ19" s="102">
        <v>0</v>
      </c>
      <c r="KA19" s="103">
        <v>0</v>
      </c>
      <c r="KB19" s="104">
        <v>0</v>
      </c>
      <c r="KC19" s="101">
        <v>44</v>
      </c>
      <c r="KD19" s="102">
        <v>50</v>
      </c>
      <c r="KE19" s="103">
        <v>94</v>
      </c>
      <c r="KF19" s="413">
        <v>0</v>
      </c>
      <c r="KG19" s="102">
        <v>65</v>
      </c>
      <c r="KH19" s="102">
        <v>94</v>
      </c>
      <c r="KI19" s="102">
        <v>52</v>
      </c>
      <c r="KJ19" s="102">
        <v>38</v>
      </c>
      <c r="KK19" s="102">
        <v>22</v>
      </c>
      <c r="KL19" s="103">
        <v>271</v>
      </c>
      <c r="KM19" s="104">
        <v>365</v>
      </c>
    </row>
    <row r="20" spans="2:299" s="70" customFormat="1" ht="21" customHeight="1" x14ac:dyDescent="0.2">
      <c r="B20" s="106" t="s">
        <v>17</v>
      </c>
      <c r="C20" s="96">
        <v>54</v>
      </c>
      <c r="D20" s="97">
        <v>52</v>
      </c>
      <c r="E20" s="98">
        <v>106</v>
      </c>
      <c r="F20" s="413">
        <v>0</v>
      </c>
      <c r="G20" s="97">
        <v>73</v>
      </c>
      <c r="H20" s="97">
        <v>98</v>
      </c>
      <c r="I20" s="97">
        <v>67</v>
      </c>
      <c r="J20" s="97">
        <v>45</v>
      </c>
      <c r="K20" s="97">
        <v>23</v>
      </c>
      <c r="L20" s="99">
        <v>306</v>
      </c>
      <c r="M20" s="100">
        <v>412</v>
      </c>
      <c r="N20" s="101">
        <v>4</v>
      </c>
      <c r="O20" s="102">
        <v>3</v>
      </c>
      <c r="P20" s="103">
        <v>7</v>
      </c>
      <c r="Q20" s="413">
        <v>0</v>
      </c>
      <c r="R20" s="102">
        <v>3</v>
      </c>
      <c r="S20" s="102">
        <v>3</v>
      </c>
      <c r="T20" s="102">
        <v>3</v>
      </c>
      <c r="U20" s="102">
        <v>5</v>
      </c>
      <c r="V20" s="102">
        <v>1</v>
      </c>
      <c r="W20" s="103">
        <v>15</v>
      </c>
      <c r="X20" s="104">
        <v>22</v>
      </c>
      <c r="Y20" s="101">
        <v>4</v>
      </c>
      <c r="Z20" s="102">
        <v>4</v>
      </c>
      <c r="AA20" s="103">
        <v>8</v>
      </c>
      <c r="AB20" s="413">
        <v>0</v>
      </c>
      <c r="AC20" s="102">
        <v>7</v>
      </c>
      <c r="AD20" s="102">
        <v>16</v>
      </c>
      <c r="AE20" s="102">
        <v>9</v>
      </c>
      <c r="AF20" s="102">
        <v>4</v>
      </c>
      <c r="AG20" s="102">
        <v>0</v>
      </c>
      <c r="AH20" s="103">
        <v>36</v>
      </c>
      <c r="AI20" s="104">
        <v>44</v>
      </c>
      <c r="AJ20" s="101">
        <v>9</v>
      </c>
      <c r="AK20" s="102">
        <v>6</v>
      </c>
      <c r="AL20" s="103">
        <v>15</v>
      </c>
      <c r="AM20" s="413">
        <v>0</v>
      </c>
      <c r="AN20" s="102">
        <v>10</v>
      </c>
      <c r="AO20" s="102">
        <v>12</v>
      </c>
      <c r="AP20" s="102">
        <v>8</v>
      </c>
      <c r="AQ20" s="102">
        <v>6</v>
      </c>
      <c r="AR20" s="102">
        <v>4</v>
      </c>
      <c r="AS20" s="103">
        <v>40</v>
      </c>
      <c r="AT20" s="104">
        <v>55</v>
      </c>
      <c r="AU20" s="101">
        <v>13</v>
      </c>
      <c r="AV20" s="102">
        <v>8</v>
      </c>
      <c r="AW20" s="103">
        <v>21</v>
      </c>
      <c r="AX20" s="413">
        <v>0</v>
      </c>
      <c r="AY20" s="102">
        <v>16</v>
      </c>
      <c r="AZ20" s="102">
        <v>24</v>
      </c>
      <c r="BA20" s="102">
        <v>16</v>
      </c>
      <c r="BB20" s="102">
        <v>8</v>
      </c>
      <c r="BC20" s="102">
        <v>7</v>
      </c>
      <c r="BD20" s="103">
        <v>71</v>
      </c>
      <c r="BE20" s="104">
        <v>92</v>
      </c>
      <c r="BF20" s="101">
        <v>15</v>
      </c>
      <c r="BG20" s="102">
        <v>16</v>
      </c>
      <c r="BH20" s="103">
        <v>31</v>
      </c>
      <c r="BI20" s="413">
        <v>0</v>
      </c>
      <c r="BJ20" s="102">
        <v>20</v>
      </c>
      <c r="BK20" s="102">
        <v>19</v>
      </c>
      <c r="BL20" s="102">
        <v>14</v>
      </c>
      <c r="BM20" s="102">
        <v>11</v>
      </c>
      <c r="BN20" s="102">
        <v>5</v>
      </c>
      <c r="BO20" s="103">
        <v>69</v>
      </c>
      <c r="BP20" s="104">
        <v>100</v>
      </c>
      <c r="BQ20" s="101">
        <v>9</v>
      </c>
      <c r="BR20" s="102">
        <v>15</v>
      </c>
      <c r="BS20" s="103">
        <v>24</v>
      </c>
      <c r="BT20" s="413">
        <v>0</v>
      </c>
      <c r="BU20" s="102">
        <v>17</v>
      </c>
      <c r="BV20" s="102">
        <v>24</v>
      </c>
      <c r="BW20" s="102">
        <v>17</v>
      </c>
      <c r="BX20" s="102">
        <v>11</v>
      </c>
      <c r="BY20" s="102">
        <v>6</v>
      </c>
      <c r="BZ20" s="103">
        <v>75</v>
      </c>
      <c r="CA20" s="104">
        <v>99</v>
      </c>
      <c r="CB20" s="101">
        <v>0</v>
      </c>
      <c r="CC20" s="102">
        <v>0</v>
      </c>
      <c r="CD20" s="103">
        <v>0</v>
      </c>
      <c r="CE20" s="413">
        <v>0</v>
      </c>
      <c r="CF20" s="102">
        <v>0</v>
      </c>
      <c r="CG20" s="102">
        <v>0</v>
      </c>
      <c r="CH20" s="102">
        <v>0</v>
      </c>
      <c r="CI20" s="102">
        <v>0</v>
      </c>
      <c r="CJ20" s="102">
        <v>0</v>
      </c>
      <c r="CK20" s="103">
        <v>0</v>
      </c>
      <c r="CL20" s="104">
        <v>0</v>
      </c>
      <c r="CM20" s="101">
        <v>54</v>
      </c>
      <c r="CN20" s="102">
        <v>52</v>
      </c>
      <c r="CO20" s="103">
        <v>106</v>
      </c>
      <c r="CP20" s="413">
        <v>0</v>
      </c>
      <c r="CQ20" s="102">
        <v>73</v>
      </c>
      <c r="CR20" s="102">
        <v>98</v>
      </c>
      <c r="CS20" s="102">
        <v>67</v>
      </c>
      <c r="CT20" s="102">
        <v>45</v>
      </c>
      <c r="CU20" s="102">
        <v>23</v>
      </c>
      <c r="CV20" s="103">
        <v>306</v>
      </c>
      <c r="CW20" s="104">
        <v>412</v>
      </c>
      <c r="CX20" s="105">
        <v>15</v>
      </c>
      <c r="CY20" s="97">
        <v>30</v>
      </c>
      <c r="CZ20" s="98">
        <v>45</v>
      </c>
      <c r="DA20" s="413">
        <v>0</v>
      </c>
      <c r="DB20" s="97">
        <v>34</v>
      </c>
      <c r="DC20" s="97">
        <v>36</v>
      </c>
      <c r="DD20" s="97">
        <v>29</v>
      </c>
      <c r="DE20" s="97">
        <v>19</v>
      </c>
      <c r="DF20" s="97">
        <v>25</v>
      </c>
      <c r="DG20" s="99">
        <v>143</v>
      </c>
      <c r="DH20" s="100">
        <v>188</v>
      </c>
      <c r="DI20" s="101">
        <v>1</v>
      </c>
      <c r="DJ20" s="102">
        <v>0</v>
      </c>
      <c r="DK20" s="103">
        <v>1</v>
      </c>
      <c r="DL20" s="413">
        <v>0</v>
      </c>
      <c r="DM20" s="102">
        <v>0</v>
      </c>
      <c r="DN20" s="102">
        <v>0</v>
      </c>
      <c r="DO20" s="102">
        <v>0</v>
      </c>
      <c r="DP20" s="102">
        <v>0</v>
      </c>
      <c r="DQ20" s="102">
        <v>0</v>
      </c>
      <c r="DR20" s="103">
        <v>0</v>
      </c>
      <c r="DS20" s="104">
        <v>1</v>
      </c>
      <c r="DT20" s="101">
        <v>3</v>
      </c>
      <c r="DU20" s="102">
        <v>2</v>
      </c>
      <c r="DV20" s="103">
        <v>5</v>
      </c>
      <c r="DW20" s="413">
        <v>0</v>
      </c>
      <c r="DX20" s="102">
        <v>1</v>
      </c>
      <c r="DY20" s="102">
        <v>1</v>
      </c>
      <c r="DZ20" s="102">
        <v>0</v>
      </c>
      <c r="EA20" s="102">
        <v>1</v>
      </c>
      <c r="EB20" s="102">
        <v>1</v>
      </c>
      <c r="EC20" s="103">
        <v>4</v>
      </c>
      <c r="ED20" s="104">
        <v>9</v>
      </c>
      <c r="EE20" s="101">
        <v>3</v>
      </c>
      <c r="EF20" s="102">
        <v>1</v>
      </c>
      <c r="EG20" s="103">
        <v>4</v>
      </c>
      <c r="EH20" s="413">
        <v>0</v>
      </c>
      <c r="EI20" s="102">
        <v>7</v>
      </c>
      <c r="EJ20" s="102">
        <v>5</v>
      </c>
      <c r="EK20" s="102">
        <v>7</v>
      </c>
      <c r="EL20" s="102">
        <v>4</v>
      </c>
      <c r="EM20" s="102">
        <v>1</v>
      </c>
      <c r="EN20" s="103">
        <v>24</v>
      </c>
      <c r="EO20" s="104">
        <v>28</v>
      </c>
      <c r="EP20" s="101">
        <v>2</v>
      </c>
      <c r="EQ20" s="102">
        <v>7</v>
      </c>
      <c r="ER20" s="103">
        <v>9</v>
      </c>
      <c r="ES20" s="413">
        <v>0</v>
      </c>
      <c r="ET20" s="102">
        <v>6</v>
      </c>
      <c r="EU20" s="102">
        <v>7</v>
      </c>
      <c r="EV20" s="102">
        <v>5</v>
      </c>
      <c r="EW20" s="102">
        <v>4</v>
      </c>
      <c r="EX20" s="102">
        <v>8</v>
      </c>
      <c r="EY20" s="103">
        <v>30</v>
      </c>
      <c r="EZ20" s="104">
        <v>39</v>
      </c>
      <c r="FA20" s="101">
        <v>6</v>
      </c>
      <c r="FB20" s="102">
        <v>13</v>
      </c>
      <c r="FC20" s="103">
        <v>19</v>
      </c>
      <c r="FD20" s="413">
        <v>0</v>
      </c>
      <c r="FE20" s="102">
        <v>9</v>
      </c>
      <c r="FF20" s="102">
        <v>11</v>
      </c>
      <c r="FG20" s="102">
        <v>4</v>
      </c>
      <c r="FH20" s="102">
        <v>3</v>
      </c>
      <c r="FI20" s="102">
        <v>7</v>
      </c>
      <c r="FJ20" s="103">
        <v>34</v>
      </c>
      <c r="FK20" s="104">
        <v>53</v>
      </c>
      <c r="FL20" s="101">
        <v>0</v>
      </c>
      <c r="FM20" s="102">
        <v>7</v>
      </c>
      <c r="FN20" s="103">
        <v>7</v>
      </c>
      <c r="FO20" s="413">
        <v>0</v>
      </c>
      <c r="FP20" s="102">
        <v>11</v>
      </c>
      <c r="FQ20" s="102">
        <v>12</v>
      </c>
      <c r="FR20" s="102">
        <v>13</v>
      </c>
      <c r="FS20" s="102">
        <v>7</v>
      </c>
      <c r="FT20" s="102">
        <v>8</v>
      </c>
      <c r="FU20" s="103">
        <v>51</v>
      </c>
      <c r="FV20" s="104">
        <v>58</v>
      </c>
      <c r="FW20" s="101">
        <v>0</v>
      </c>
      <c r="FX20" s="102">
        <v>0</v>
      </c>
      <c r="FY20" s="103">
        <v>0</v>
      </c>
      <c r="FZ20" s="413">
        <v>0</v>
      </c>
      <c r="GA20" s="102">
        <v>0</v>
      </c>
      <c r="GB20" s="102">
        <v>0</v>
      </c>
      <c r="GC20" s="102">
        <v>0</v>
      </c>
      <c r="GD20" s="102">
        <v>0</v>
      </c>
      <c r="GE20" s="102">
        <v>0</v>
      </c>
      <c r="GF20" s="103">
        <v>0</v>
      </c>
      <c r="GG20" s="104">
        <v>0</v>
      </c>
      <c r="GH20" s="101">
        <v>15</v>
      </c>
      <c r="GI20" s="102">
        <v>30</v>
      </c>
      <c r="GJ20" s="103">
        <v>45</v>
      </c>
      <c r="GK20" s="413">
        <v>0</v>
      </c>
      <c r="GL20" s="102">
        <v>34</v>
      </c>
      <c r="GM20" s="102">
        <v>36</v>
      </c>
      <c r="GN20" s="102">
        <v>29</v>
      </c>
      <c r="GO20" s="102">
        <v>19</v>
      </c>
      <c r="GP20" s="102">
        <v>25</v>
      </c>
      <c r="GQ20" s="103">
        <v>143</v>
      </c>
      <c r="GR20" s="104">
        <v>188</v>
      </c>
      <c r="GS20" s="105">
        <v>69</v>
      </c>
      <c r="GT20" s="97">
        <v>82</v>
      </c>
      <c r="GU20" s="98">
        <v>151</v>
      </c>
      <c r="GV20" s="413">
        <v>0</v>
      </c>
      <c r="GW20" s="97">
        <v>107</v>
      </c>
      <c r="GX20" s="97">
        <v>134</v>
      </c>
      <c r="GY20" s="97">
        <v>96</v>
      </c>
      <c r="GZ20" s="97">
        <v>64</v>
      </c>
      <c r="HA20" s="97">
        <v>48</v>
      </c>
      <c r="HB20" s="99">
        <v>449</v>
      </c>
      <c r="HC20" s="100">
        <v>600</v>
      </c>
      <c r="HD20" s="101">
        <v>5</v>
      </c>
      <c r="HE20" s="102">
        <v>3</v>
      </c>
      <c r="HF20" s="103">
        <v>8</v>
      </c>
      <c r="HG20" s="413">
        <v>0</v>
      </c>
      <c r="HH20" s="102">
        <v>3</v>
      </c>
      <c r="HI20" s="102">
        <v>3</v>
      </c>
      <c r="HJ20" s="102">
        <v>3</v>
      </c>
      <c r="HK20" s="102">
        <v>5</v>
      </c>
      <c r="HL20" s="102">
        <v>1</v>
      </c>
      <c r="HM20" s="103">
        <v>15</v>
      </c>
      <c r="HN20" s="104">
        <v>23</v>
      </c>
      <c r="HO20" s="101">
        <v>7</v>
      </c>
      <c r="HP20" s="102">
        <v>6</v>
      </c>
      <c r="HQ20" s="103">
        <v>13</v>
      </c>
      <c r="HR20" s="413">
        <v>0</v>
      </c>
      <c r="HS20" s="102">
        <v>8</v>
      </c>
      <c r="HT20" s="102">
        <v>17</v>
      </c>
      <c r="HU20" s="102">
        <v>9</v>
      </c>
      <c r="HV20" s="102">
        <v>5</v>
      </c>
      <c r="HW20" s="102">
        <v>1</v>
      </c>
      <c r="HX20" s="103">
        <v>40</v>
      </c>
      <c r="HY20" s="104">
        <v>53</v>
      </c>
      <c r="HZ20" s="101">
        <v>12</v>
      </c>
      <c r="IA20" s="102">
        <v>7</v>
      </c>
      <c r="IB20" s="103">
        <v>19</v>
      </c>
      <c r="IC20" s="413">
        <v>0</v>
      </c>
      <c r="ID20" s="102">
        <v>17</v>
      </c>
      <c r="IE20" s="102">
        <v>17</v>
      </c>
      <c r="IF20" s="102">
        <v>15</v>
      </c>
      <c r="IG20" s="102">
        <v>10</v>
      </c>
      <c r="IH20" s="102">
        <v>5</v>
      </c>
      <c r="II20" s="103">
        <v>64</v>
      </c>
      <c r="IJ20" s="104">
        <v>83</v>
      </c>
      <c r="IK20" s="101">
        <v>15</v>
      </c>
      <c r="IL20" s="102">
        <v>15</v>
      </c>
      <c r="IM20" s="103">
        <v>30</v>
      </c>
      <c r="IN20" s="413">
        <v>0</v>
      </c>
      <c r="IO20" s="102">
        <v>22</v>
      </c>
      <c r="IP20" s="102">
        <v>31</v>
      </c>
      <c r="IQ20" s="102">
        <v>21</v>
      </c>
      <c r="IR20" s="102">
        <v>12</v>
      </c>
      <c r="IS20" s="102">
        <v>15</v>
      </c>
      <c r="IT20" s="103">
        <v>101</v>
      </c>
      <c r="IU20" s="104">
        <v>131</v>
      </c>
      <c r="IV20" s="101">
        <v>21</v>
      </c>
      <c r="IW20" s="102">
        <v>29</v>
      </c>
      <c r="IX20" s="103">
        <v>50</v>
      </c>
      <c r="IY20" s="413">
        <v>0</v>
      </c>
      <c r="IZ20" s="102">
        <v>29</v>
      </c>
      <c r="JA20" s="102">
        <v>30</v>
      </c>
      <c r="JB20" s="102">
        <v>18</v>
      </c>
      <c r="JC20" s="102">
        <v>14</v>
      </c>
      <c r="JD20" s="102">
        <v>12</v>
      </c>
      <c r="JE20" s="103">
        <v>103</v>
      </c>
      <c r="JF20" s="104">
        <v>153</v>
      </c>
      <c r="JG20" s="101">
        <v>9</v>
      </c>
      <c r="JH20" s="102">
        <v>22</v>
      </c>
      <c r="JI20" s="103">
        <v>31</v>
      </c>
      <c r="JJ20" s="413">
        <v>0</v>
      </c>
      <c r="JK20" s="102">
        <v>28</v>
      </c>
      <c r="JL20" s="102">
        <v>36</v>
      </c>
      <c r="JM20" s="102">
        <v>30</v>
      </c>
      <c r="JN20" s="102">
        <v>18</v>
      </c>
      <c r="JO20" s="102">
        <v>14</v>
      </c>
      <c r="JP20" s="103">
        <v>126</v>
      </c>
      <c r="JQ20" s="104">
        <v>157</v>
      </c>
      <c r="JR20" s="101">
        <v>0</v>
      </c>
      <c r="JS20" s="102">
        <v>0</v>
      </c>
      <c r="JT20" s="103">
        <v>0</v>
      </c>
      <c r="JU20" s="413">
        <v>0</v>
      </c>
      <c r="JV20" s="102">
        <v>0</v>
      </c>
      <c r="JW20" s="102">
        <v>0</v>
      </c>
      <c r="JX20" s="102">
        <v>0</v>
      </c>
      <c r="JY20" s="102">
        <v>0</v>
      </c>
      <c r="JZ20" s="102">
        <v>0</v>
      </c>
      <c r="KA20" s="103">
        <v>0</v>
      </c>
      <c r="KB20" s="104">
        <v>0</v>
      </c>
      <c r="KC20" s="101">
        <v>69</v>
      </c>
      <c r="KD20" s="102">
        <v>82</v>
      </c>
      <c r="KE20" s="103">
        <v>151</v>
      </c>
      <c r="KF20" s="413">
        <v>0</v>
      </c>
      <c r="KG20" s="102">
        <v>107</v>
      </c>
      <c r="KH20" s="102">
        <v>134</v>
      </c>
      <c r="KI20" s="102">
        <v>96</v>
      </c>
      <c r="KJ20" s="102">
        <v>64</v>
      </c>
      <c r="KK20" s="102">
        <v>48</v>
      </c>
      <c r="KL20" s="103">
        <v>449</v>
      </c>
      <c r="KM20" s="104">
        <v>600</v>
      </c>
    </row>
    <row r="21" spans="2:299" s="70" customFormat="1" ht="21" customHeight="1" x14ac:dyDescent="0.2">
      <c r="B21" s="106" t="s">
        <v>18</v>
      </c>
      <c r="C21" s="96">
        <v>74</v>
      </c>
      <c r="D21" s="97">
        <v>58</v>
      </c>
      <c r="E21" s="98">
        <v>132</v>
      </c>
      <c r="F21" s="413">
        <v>0</v>
      </c>
      <c r="G21" s="97">
        <v>125</v>
      </c>
      <c r="H21" s="97">
        <v>91</v>
      </c>
      <c r="I21" s="97">
        <v>60</v>
      </c>
      <c r="J21" s="97">
        <v>48</v>
      </c>
      <c r="K21" s="97">
        <v>32</v>
      </c>
      <c r="L21" s="99">
        <v>356</v>
      </c>
      <c r="M21" s="100">
        <v>488</v>
      </c>
      <c r="N21" s="101">
        <v>7</v>
      </c>
      <c r="O21" s="102">
        <v>1</v>
      </c>
      <c r="P21" s="103">
        <v>8</v>
      </c>
      <c r="Q21" s="413">
        <v>0</v>
      </c>
      <c r="R21" s="102">
        <v>12</v>
      </c>
      <c r="S21" s="102">
        <v>2</v>
      </c>
      <c r="T21" s="102">
        <v>4</v>
      </c>
      <c r="U21" s="102">
        <v>1</v>
      </c>
      <c r="V21" s="102">
        <v>4</v>
      </c>
      <c r="W21" s="103">
        <v>23</v>
      </c>
      <c r="X21" s="104">
        <v>31</v>
      </c>
      <c r="Y21" s="101">
        <v>7</v>
      </c>
      <c r="Z21" s="102">
        <v>8</v>
      </c>
      <c r="AA21" s="103">
        <v>15</v>
      </c>
      <c r="AB21" s="413">
        <v>0</v>
      </c>
      <c r="AC21" s="102">
        <v>9</v>
      </c>
      <c r="AD21" s="102">
        <v>6</v>
      </c>
      <c r="AE21" s="102">
        <v>4</v>
      </c>
      <c r="AF21" s="102">
        <v>2</v>
      </c>
      <c r="AG21" s="102">
        <v>3</v>
      </c>
      <c r="AH21" s="103">
        <v>24</v>
      </c>
      <c r="AI21" s="104">
        <v>39</v>
      </c>
      <c r="AJ21" s="101">
        <v>11</v>
      </c>
      <c r="AK21" s="102">
        <v>7</v>
      </c>
      <c r="AL21" s="103">
        <v>18</v>
      </c>
      <c r="AM21" s="413">
        <v>0</v>
      </c>
      <c r="AN21" s="102">
        <v>18</v>
      </c>
      <c r="AO21" s="102">
        <v>8</v>
      </c>
      <c r="AP21" s="102">
        <v>8</v>
      </c>
      <c r="AQ21" s="102">
        <v>8</v>
      </c>
      <c r="AR21" s="102">
        <v>7</v>
      </c>
      <c r="AS21" s="103">
        <v>49</v>
      </c>
      <c r="AT21" s="104">
        <v>67</v>
      </c>
      <c r="AU21" s="101">
        <v>17</v>
      </c>
      <c r="AV21" s="102">
        <v>17</v>
      </c>
      <c r="AW21" s="103">
        <v>34</v>
      </c>
      <c r="AX21" s="413">
        <v>0</v>
      </c>
      <c r="AY21" s="102">
        <v>31</v>
      </c>
      <c r="AZ21" s="102">
        <v>23</v>
      </c>
      <c r="BA21" s="102">
        <v>17</v>
      </c>
      <c r="BB21" s="102">
        <v>14</v>
      </c>
      <c r="BC21" s="102">
        <v>7</v>
      </c>
      <c r="BD21" s="103">
        <v>92</v>
      </c>
      <c r="BE21" s="104">
        <v>126</v>
      </c>
      <c r="BF21" s="101">
        <v>19</v>
      </c>
      <c r="BG21" s="102">
        <v>17</v>
      </c>
      <c r="BH21" s="103">
        <v>36</v>
      </c>
      <c r="BI21" s="413">
        <v>0</v>
      </c>
      <c r="BJ21" s="102">
        <v>27</v>
      </c>
      <c r="BK21" s="102">
        <v>27</v>
      </c>
      <c r="BL21" s="102">
        <v>14</v>
      </c>
      <c r="BM21" s="102">
        <v>13</v>
      </c>
      <c r="BN21" s="102">
        <v>8</v>
      </c>
      <c r="BO21" s="103">
        <v>89</v>
      </c>
      <c r="BP21" s="104">
        <v>125</v>
      </c>
      <c r="BQ21" s="101">
        <v>13</v>
      </c>
      <c r="BR21" s="102">
        <v>8</v>
      </c>
      <c r="BS21" s="103">
        <v>21</v>
      </c>
      <c r="BT21" s="413">
        <v>0</v>
      </c>
      <c r="BU21" s="102">
        <v>28</v>
      </c>
      <c r="BV21" s="102">
        <v>25</v>
      </c>
      <c r="BW21" s="102">
        <v>13</v>
      </c>
      <c r="BX21" s="102">
        <v>10</v>
      </c>
      <c r="BY21" s="102">
        <v>3</v>
      </c>
      <c r="BZ21" s="103">
        <v>79</v>
      </c>
      <c r="CA21" s="104">
        <v>100</v>
      </c>
      <c r="CB21" s="101">
        <v>0</v>
      </c>
      <c r="CC21" s="102">
        <v>0</v>
      </c>
      <c r="CD21" s="103">
        <v>0</v>
      </c>
      <c r="CE21" s="413">
        <v>0</v>
      </c>
      <c r="CF21" s="102">
        <v>0</v>
      </c>
      <c r="CG21" s="102">
        <v>0</v>
      </c>
      <c r="CH21" s="102">
        <v>0</v>
      </c>
      <c r="CI21" s="102">
        <v>0</v>
      </c>
      <c r="CJ21" s="102">
        <v>0</v>
      </c>
      <c r="CK21" s="103">
        <v>0</v>
      </c>
      <c r="CL21" s="104">
        <v>0</v>
      </c>
      <c r="CM21" s="101">
        <v>74</v>
      </c>
      <c r="CN21" s="102">
        <v>58</v>
      </c>
      <c r="CO21" s="103">
        <v>132</v>
      </c>
      <c r="CP21" s="413">
        <v>0</v>
      </c>
      <c r="CQ21" s="102">
        <v>125</v>
      </c>
      <c r="CR21" s="102">
        <v>91</v>
      </c>
      <c r="CS21" s="102">
        <v>60</v>
      </c>
      <c r="CT21" s="102">
        <v>48</v>
      </c>
      <c r="CU21" s="102">
        <v>32</v>
      </c>
      <c r="CV21" s="103">
        <v>356</v>
      </c>
      <c r="CW21" s="104">
        <v>488</v>
      </c>
      <c r="CX21" s="105">
        <v>24</v>
      </c>
      <c r="CY21" s="97">
        <v>39</v>
      </c>
      <c r="CZ21" s="98">
        <v>63</v>
      </c>
      <c r="DA21" s="413">
        <v>0</v>
      </c>
      <c r="DB21" s="97">
        <v>43</v>
      </c>
      <c r="DC21" s="97">
        <v>35</v>
      </c>
      <c r="DD21" s="97">
        <v>40</v>
      </c>
      <c r="DE21" s="97">
        <v>28</v>
      </c>
      <c r="DF21" s="97">
        <v>30</v>
      </c>
      <c r="DG21" s="99">
        <v>176</v>
      </c>
      <c r="DH21" s="100">
        <v>239</v>
      </c>
      <c r="DI21" s="101">
        <v>0</v>
      </c>
      <c r="DJ21" s="102">
        <v>1</v>
      </c>
      <c r="DK21" s="103">
        <v>1</v>
      </c>
      <c r="DL21" s="413">
        <v>0</v>
      </c>
      <c r="DM21" s="102">
        <v>3</v>
      </c>
      <c r="DN21" s="102">
        <v>2</v>
      </c>
      <c r="DO21" s="102">
        <v>2</v>
      </c>
      <c r="DP21" s="102">
        <v>0</v>
      </c>
      <c r="DQ21" s="102">
        <v>2</v>
      </c>
      <c r="DR21" s="103">
        <v>9</v>
      </c>
      <c r="DS21" s="104">
        <v>10</v>
      </c>
      <c r="DT21" s="101">
        <v>1</v>
      </c>
      <c r="DU21" s="102">
        <v>7</v>
      </c>
      <c r="DV21" s="103">
        <v>8</v>
      </c>
      <c r="DW21" s="413">
        <v>0</v>
      </c>
      <c r="DX21" s="102">
        <v>2</v>
      </c>
      <c r="DY21" s="102">
        <v>1</v>
      </c>
      <c r="DZ21" s="102">
        <v>1</v>
      </c>
      <c r="EA21" s="102">
        <v>1</v>
      </c>
      <c r="EB21" s="102">
        <v>1</v>
      </c>
      <c r="EC21" s="103">
        <v>6</v>
      </c>
      <c r="ED21" s="104">
        <v>14</v>
      </c>
      <c r="EE21" s="101">
        <v>2</v>
      </c>
      <c r="EF21" s="102">
        <v>10</v>
      </c>
      <c r="EG21" s="103">
        <v>12</v>
      </c>
      <c r="EH21" s="413">
        <v>0</v>
      </c>
      <c r="EI21" s="102">
        <v>7</v>
      </c>
      <c r="EJ21" s="102">
        <v>4</v>
      </c>
      <c r="EK21" s="102">
        <v>3</v>
      </c>
      <c r="EL21" s="102">
        <v>1</v>
      </c>
      <c r="EM21" s="102">
        <v>2</v>
      </c>
      <c r="EN21" s="103">
        <v>17</v>
      </c>
      <c r="EO21" s="104">
        <v>29</v>
      </c>
      <c r="EP21" s="101">
        <v>11</v>
      </c>
      <c r="EQ21" s="102">
        <v>6</v>
      </c>
      <c r="ER21" s="103">
        <v>17</v>
      </c>
      <c r="ES21" s="413">
        <v>0</v>
      </c>
      <c r="ET21" s="102">
        <v>6</v>
      </c>
      <c r="EU21" s="102">
        <v>8</v>
      </c>
      <c r="EV21" s="102">
        <v>5</v>
      </c>
      <c r="EW21" s="102">
        <v>6</v>
      </c>
      <c r="EX21" s="102">
        <v>5</v>
      </c>
      <c r="EY21" s="103">
        <v>30</v>
      </c>
      <c r="EZ21" s="104">
        <v>47</v>
      </c>
      <c r="FA21" s="101">
        <v>9</v>
      </c>
      <c r="FB21" s="102">
        <v>12</v>
      </c>
      <c r="FC21" s="103">
        <v>21</v>
      </c>
      <c r="FD21" s="413">
        <v>0</v>
      </c>
      <c r="FE21" s="102">
        <v>13</v>
      </c>
      <c r="FF21" s="102">
        <v>11</v>
      </c>
      <c r="FG21" s="102">
        <v>9</v>
      </c>
      <c r="FH21" s="102">
        <v>6</v>
      </c>
      <c r="FI21" s="102">
        <v>6</v>
      </c>
      <c r="FJ21" s="103">
        <v>45</v>
      </c>
      <c r="FK21" s="104">
        <v>66</v>
      </c>
      <c r="FL21" s="101">
        <v>1</v>
      </c>
      <c r="FM21" s="102">
        <v>3</v>
      </c>
      <c r="FN21" s="103">
        <v>4</v>
      </c>
      <c r="FO21" s="413">
        <v>0</v>
      </c>
      <c r="FP21" s="102">
        <v>12</v>
      </c>
      <c r="FQ21" s="102">
        <v>9</v>
      </c>
      <c r="FR21" s="102">
        <v>20</v>
      </c>
      <c r="FS21" s="102">
        <v>14</v>
      </c>
      <c r="FT21" s="102">
        <v>14</v>
      </c>
      <c r="FU21" s="103">
        <v>69</v>
      </c>
      <c r="FV21" s="104">
        <v>73</v>
      </c>
      <c r="FW21" s="101">
        <v>0</v>
      </c>
      <c r="FX21" s="102">
        <v>0</v>
      </c>
      <c r="FY21" s="103">
        <v>0</v>
      </c>
      <c r="FZ21" s="413">
        <v>0</v>
      </c>
      <c r="GA21" s="102">
        <v>0</v>
      </c>
      <c r="GB21" s="102">
        <v>0</v>
      </c>
      <c r="GC21" s="102">
        <v>0</v>
      </c>
      <c r="GD21" s="102">
        <v>0</v>
      </c>
      <c r="GE21" s="102">
        <v>0</v>
      </c>
      <c r="GF21" s="103">
        <v>0</v>
      </c>
      <c r="GG21" s="104">
        <v>0</v>
      </c>
      <c r="GH21" s="101">
        <v>24</v>
      </c>
      <c r="GI21" s="102">
        <v>39</v>
      </c>
      <c r="GJ21" s="103">
        <v>63</v>
      </c>
      <c r="GK21" s="413">
        <v>0</v>
      </c>
      <c r="GL21" s="102">
        <v>43</v>
      </c>
      <c r="GM21" s="102">
        <v>35</v>
      </c>
      <c r="GN21" s="102">
        <v>40</v>
      </c>
      <c r="GO21" s="102">
        <v>28</v>
      </c>
      <c r="GP21" s="102">
        <v>30</v>
      </c>
      <c r="GQ21" s="103">
        <v>176</v>
      </c>
      <c r="GR21" s="104">
        <v>239</v>
      </c>
      <c r="GS21" s="105">
        <v>98</v>
      </c>
      <c r="GT21" s="97">
        <v>97</v>
      </c>
      <c r="GU21" s="98">
        <v>195</v>
      </c>
      <c r="GV21" s="413">
        <v>0</v>
      </c>
      <c r="GW21" s="97">
        <v>168</v>
      </c>
      <c r="GX21" s="97">
        <v>126</v>
      </c>
      <c r="GY21" s="97">
        <v>100</v>
      </c>
      <c r="GZ21" s="97">
        <v>76</v>
      </c>
      <c r="HA21" s="97">
        <v>62</v>
      </c>
      <c r="HB21" s="99">
        <v>532</v>
      </c>
      <c r="HC21" s="100">
        <v>727</v>
      </c>
      <c r="HD21" s="101">
        <v>7</v>
      </c>
      <c r="HE21" s="102">
        <v>2</v>
      </c>
      <c r="HF21" s="103">
        <v>9</v>
      </c>
      <c r="HG21" s="413">
        <v>0</v>
      </c>
      <c r="HH21" s="102">
        <v>15</v>
      </c>
      <c r="HI21" s="102">
        <v>4</v>
      </c>
      <c r="HJ21" s="102">
        <v>6</v>
      </c>
      <c r="HK21" s="102">
        <v>1</v>
      </c>
      <c r="HL21" s="102">
        <v>6</v>
      </c>
      <c r="HM21" s="103">
        <v>32</v>
      </c>
      <c r="HN21" s="104">
        <v>41</v>
      </c>
      <c r="HO21" s="101">
        <v>8</v>
      </c>
      <c r="HP21" s="102">
        <v>15</v>
      </c>
      <c r="HQ21" s="103">
        <v>23</v>
      </c>
      <c r="HR21" s="413">
        <v>0</v>
      </c>
      <c r="HS21" s="102">
        <v>11</v>
      </c>
      <c r="HT21" s="102">
        <v>7</v>
      </c>
      <c r="HU21" s="102">
        <v>5</v>
      </c>
      <c r="HV21" s="102">
        <v>3</v>
      </c>
      <c r="HW21" s="102">
        <v>4</v>
      </c>
      <c r="HX21" s="103">
        <v>30</v>
      </c>
      <c r="HY21" s="104">
        <v>53</v>
      </c>
      <c r="HZ21" s="101">
        <v>13</v>
      </c>
      <c r="IA21" s="102">
        <v>17</v>
      </c>
      <c r="IB21" s="103">
        <v>30</v>
      </c>
      <c r="IC21" s="413">
        <v>0</v>
      </c>
      <c r="ID21" s="102">
        <v>25</v>
      </c>
      <c r="IE21" s="102">
        <v>12</v>
      </c>
      <c r="IF21" s="102">
        <v>11</v>
      </c>
      <c r="IG21" s="102">
        <v>9</v>
      </c>
      <c r="IH21" s="102">
        <v>9</v>
      </c>
      <c r="II21" s="103">
        <v>66</v>
      </c>
      <c r="IJ21" s="104">
        <v>96</v>
      </c>
      <c r="IK21" s="101">
        <v>28</v>
      </c>
      <c r="IL21" s="102">
        <v>23</v>
      </c>
      <c r="IM21" s="103">
        <v>51</v>
      </c>
      <c r="IN21" s="413">
        <v>0</v>
      </c>
      <c r="IO21" s="102">
        <v>37</v>
      </c>
      <c r="IP21" s="102">
        <v>31</v>
      </c>
      <c r="IQ21" s="102">
        <v>22</v>
      </c>
      <c r="IR21" s="102">
        <v>20</v>
      </c>
      <c r="IS21" s="102">
        <v>12</v>
      </c>
      <c r="IT21" s="103">
        <v>122</v>
      </c>
      <c r="IU21" s="104">
        <v>173</v>
      </c>
      <c r="IV21" s="101">
        <v>28</v>
      </c>
      <c r="IW21" s="102">
        <v>29</v>
      </c>
      <c r="IX21" s="103">
        <v>57</v>
      </c>
      <c r="IY21" s="413">
        <v>0</v>
      </c>
      <c r="IZ21" s="102">
        <v>40</v>
      </c>
      <c r="JA21" s="102">
        <v>38</v>
      </c>
      <c r="JB21" s="102">
        <v>23</v>
      </c>
      <c r="JC21" s="102">
        <v>19</v>
      </c>
      <c r="JD21" s="102">
        <v>14</v>
      </c>
      <c r="JE21" s="103">
        <v>134</v>
      </c>
      <c r="JF21" s="104">
        <v>191</v>
      </c>
      <c r="JG21" s="101">
        <v>14</v>
      </c>
      <c r="JH21" s="102">
        <v>11</v>
      </c>
      <c r="JI21" s="103">
        <v>25</v>
      </c>
      <c r="JJ21" s="413">
        <v>0</v>
      </c>
      <c r="JK21" s="102">
        <v>40</v>
      </c>
      <c r="JL21" s="102">
        <v>34</v>
      </c>
      <c r="JM21" s="102">
        <v>33</v>
      </c>
      <c r="JN21" s="102">
        <v>24</v>
      </c>
      <c r="JO21" s="102">
        <v>17</v>
      </c>
      <c r="JP21" s="103">
        <v>148</v>
      </c>
      <c r="JQ21" s="104">
        <v>173</v>
      </c>
      <c r="JR21" s="101">
        <v>0</v>
      </c>
      <c r="JS21" s="102">
        <v>0</v>
      </c>
      <c r="JT21" s="103">
        <v>0</v>
      </c>
      <c r="JU21" s="413">
        <v>0</v>
      </c>
      <c r="JV21" s="102">
        <v>0</v>
      </c>
      <c r="JW21" s="102">
        <v>0</v>
      </c>
      <c r="JX21" s="102">
        <v>0</v>
      </c>
      <c r="JY21" s="102">
        <v>0</v>
      </c>
      <c r="JZ21" s="102">
        <v>0</v>
      </c>
      <c r="KA21" s="103">
        <v>0</v>
      </c>
      <c r="KB21" s="104">
        <v>0</v>
      </c>
      <c r="KC21" s="101">
        <v>98</v>
      </c>
      <c r="KD21" s="102">
        <v>97</v>
      </c>
      <c r="KE21" s="103">
        <v>195</v>
      </c>
      <c r="KF21" s="413">
        <v>0</v>
      </c>
      <c r="KG21" s="102">
        <v>168</v>
      </c>
      <c r="KH21" s="102">
        <v>126</v>
      </c>
      <c r="KI21" s="102">
        <v>100</v>
      </c>
      <c r="KJ21" s="102">
        <v>76</v>
      </c>
      <c r="KK21" s="102">
        <v>62</v>
      </c>
      <c r="KL21" s="103">
        <v>532</v>
      </c>
      <c r="KM21" s="104">
        <v>727</v>
      </c>
    </row>
    <row r="22" spans="2:299" s="70" customFormat="1" ht="21" customHeight="1" x14ac:dyDescent="0.2">
      <c r="B22" s="106" t="s">
        <v>19</v>
      </c>
      <c r="C22" s="96">
        <v>35</v>
      </c>
      <c r="D22" s="97">
        <v>18</v>
      </c>
      <c r="E22" s="98">
        <v>53</v>
      </c>
      <c r="F22" s="413">
        <v>0</v>
      </c>
      <c r="G22" s="97">
        <v>55</v>
      </c>
      <c r="H22" s="97">
        <v>42</v>
      </c>
      <c r="I22" s="97">
        <v>24</v>
      </c>
      <c r="J22" s="97">
        <v>18</v>
      </c>
      <c r="K22" s="97">
        <v>14</v>
      </c>
      <c r="L22" s="99">
        <v>153</v>
      </c>
      <c r="M22" s="100">
        <v>206</v>
      </c>
      <c r="N22" s="107">
        <v>1</v>
      </c>
      <c r="O22" s="102">
        <v>1</v>
      </c>
      <c r="P22" s="103">
        <v>2</v>
      </c>
      <c r="Q22" s="413">
        <v>0</v>
      </c>
      <c r="R22" s="102">
        <v>2</v>
      </c>
      <c r="S22" s="102">
        <v>1</v>
      </c>
      <c r="T22" s="102">
        <v>3</v>
      </c>
      <c r="U22" s="102">
        <v>0</v>
      </c>
      <c r="V22" s="102">
        <v>0</v>
      </c>
      <c r="W22" s="103">
        <v>6</v>
      </c>
      <c r="X22" s="104">
        <v>8</v>
      </c>
      <c r="Y22" s="101">
        <v>3</v>
      </c>
      <c r="Z22" s="102">
        <v>1</v>
      </c>
      <c r="AA22" s="103">
        <v>4</v>
      </c>
      <c r="AB22" s="413">
        <v>0</v>
      </c>
      <c r="AC22" s="102">
        <v>5</v>
      </c>
      <c r="AD22" s="102">
        <v>3</v>
      </c>
      <c r="AE22" s="102">
        <v>2</v>
      </c>
      <c r="AF22" s="102">
        <v>3</v>
      </c>
      <c r="AG22" s="102">
        <v>2</v>
      </c>
      <c r="AH22" s="103">
        <v>15</v>
      </c>
      <c r="AI22" s="104">
        <v>19</v>
      </c>
      <c r="AJ22" s="107">
        <v>5</v>
      </c>
      <c r="AK22" s="102">
        <v>3</v>
      </c>
      <c r="AL22" s="103">
        <v>8</v>
      </c>
      <c r="AM22" s="413">
        <v>0</v>
      </c>
      <c r="AN22" s="102">
        <v>8</v>
      </c>
      <c r="AO22" s="102">
        <v>5</v>
      </c>
      <c r="AP22" s="102">
        <v>3</v>
      </c>
      <c r="AQ22" s="102">
        <v>3</v>
      </c>
      <c r="AR22" s="102">
        <v>1</v>
      </c>
      <c r="AS22" s="103">
        <v>20</v>
      </c>
      <c r="AT22" s="104">
        <v>28</v>
      </c>
      <c r="AU22" s="101">
        <v>7</v>
      </c>
      <c r="AV22" s="102">
        <v>4</v>
      </c>
      <c r="AW22" s="103">
        <v>11</v>
      </c>
      <c r="AX22" s="413">
        <v>0</v>
      </c>
      <c r="AY22" s="102">
        <v>11</v>
      </c>
      <c r="AZ22" s="102">
        <v>11</v>
      </c>
      <c r="BA22" s="102">
        <v>4</v>
      </c>
      <c r="BB22" s="102">
        <v>1</v>
      </c>
      <c r="BC22" s="102">
        <v>6</v>
      </c>
      <c r="BD22" s="103">
        <v>33</v>
      </c>
      <c r="BE22" s="104">
        <v>44</v>
      </c>
      <c r="BF22" s="107">
        <v>10</v>
      </c>
      <c r="BG22" s="102">
        <v>3</v>
      </c>
      <c r="BH22" s="103">
        <v>13</v>
      </c>
      <c r="BI22" s="413">
        <v>0</v>
      </c>
      <c r="BJ22" s="102">
        <v>11</v>
      </c>
      <c r="BK22" s="102">
        <v>13</v>
      </c>
      <c r="BL22" s="102">
        <v>3</v>
      </c>
      <c r="BM22" s="102">
        <v>7</v>
      </c>
      <c r="BN22" s="102">
        <v>2</v>
      </c>
      <c r="BO22" s="103">
        <v>36</v>
      </c>
      <c r="BP22" s="104">
        <v>49</v>
      </c>
      <c r="BQ22" s="101">
        <v>9</v>
      </c>
      <c r="BR22" s="102">
        <v>6</v>
      </c>
      <c r="BS22" s="103">
        <v>15</v>
      </c>
      <c r="BT22" s="413">
        <v>0</v>
      </c>
      <c r="BU22" s="102">
        <v>18</v>
      </c>
      <c r="BV22" s="102">
        <v>9</v>
      </c>
      <c r="BW22" s="102">
        <v>9</v>
      </c>
      <c r="BX22" s="102">
        <v>4</v>
      </c>
      <c r="BY22" s="102">
        <v>3</v>
      </c>
      <c r="BZ22" s="103">
        <v>43</v>
      </c>
      <c r="CA22" s="104">
        <v>58</v>
      </c>
      <c r="CB22" s="101">
        <v>0</v>
      </c>
      <c r="CC22" s="102">
        <v>0</v>
      </c>
      <c r="CD22" s="103">
        <v>0</v>
      </c>
      <c r="CE22" s="413">
        <v>0</v>
      </c>
      <c r="CF22" s="102">
        <v>0</v>
      </c>
      <c r="CG22" s="102">
        <v>0</v>
      </c>
      <c r="CH22" s="102">
        <v>0</v>
      </c>
      <c r="CI22" s="102">
        <v>0</v>
      </c>
      <c r="CJ22" s="102">
        <v>0</v>
      </c>
      <c r="CK22" s="103">
        <v>0</v>
      </c>
      <c r="CL22" s="104">
        <v>0</v>
      </c>
      <c r="CM22" s="101">
        <v>35</v>
      </c>
      <c r="CN22" s="102">
        <v>18</v>
      </c>
      <c r="CO22" s="103">
        <v>53</v>
      </c>
      <c r="CP22" s="413">
        <v>0</v>
      </c>
      <c r="CQ22" s="102">
        <v>55</v>
      </c>
      <c r="CR22" s="102">
        <v>42</v>
      </c>
      <c r="CS22" s="102">
        <v>24</v>
      </c>
      <c r="CT22" s="102">
        <v>18</v>
      </c>
      <c r="CU22" s="102">
        <v>14</v>
      </c>
      <c r="CV22" s="103">
        <v>153</v>
      </c>
      <c r="CW22" s="104">
        <v>206</v>
      </c>
      <c r="CX22" s="105">
        <v>14</v>
      </c>
      <c r="CY22" s="97">
        <v>3</v>
      </c>
      <c r="CZ22" s="98">
        <v>17</v>
      </c>
      <c r="DA22" s="413">
        <v>0</v>
      </c>
      <c r="DB22" s="97">
        <v>17</v>
      </c>
      <c r="DC22" s="97">
        <v>7</v>
      </c>
      <c r="DD22" s="97">
        <v>15</v>
      </c>
      <c r="DE22" s="97">
        <v>3</v>
      </c>
      <c r="DF22" s="97">
        <v>4</v>
      </c>
      <c r="DG22" s="99">
        <v>46</v>
      </c>
      <c r="DH22" s="100">
        <v>63</v>
      </c>
      <c r="DI22" s="107">
        <v>1</v>
      </c>
      <c r="DJ22" s="102">
        <v>0</v>
      </c>
      <c r="DK22" s="103">
        <v>1</v>
      </c>
      <c r="DL22" s="413">
        <v>0</v>
      </c>
      <c r="DM22" s="102">
        <v>0</v>
      </c>
      <c r="DN22" s="102">
        <v>0</v>
      </c>
      <c r="DO22" s="102">
        <v>1</v>
      </c>
      <c r="DP22" s="102">
        <v>1</v>
      </c>
      <c r="DQ22" s="102">
        <v>0</v>
      </c>
      <c r="DR22" s="103">
        <v>2</v>
      </c>
      <c r="DS22" s="104">
        <v>3</v>
      </c>
      <c r="DT22" s="101">
        <v>1</v>
      </c>
      <c r="DU22" s="102">
        <v>0</v>
      </c>
      <c r="DV22" s="103">
        <v>1</v>
      </c>
      <c r="DW22" s="413">
        <v>0</v>
      </c>
      <c r="DX22" s="102">
        <v>1</v>
      </c>
      <c r="DY22" s="102">
        <v>2</v>
      </c>
      <c r="DZ22" s="102">
        <v>0</v>
      </c>
      <c r="EA22" s="102">
        <v>0</v>
      </c>
      <c r="EB22" s="102">
        <v>0</v>
      </c>
      <c r="EC22" s="103">
        <v>3</v>
      </c>
      <c r="ED22" s="104">
        <v>4</v>
      </c>
      <c r="EE22" s="107">
        <v>4</v>
      </c>
      <c r="EF22" s="102">
        <v>2</v>
      </c>
      <c r="EG22" s="103">
        <v>6</v>
      </c>
      <c r="EH22" s="413">
        <v>0</v>
      </c>
      <c r="EI22" s="102">
        <v>1</v>
      </c>
      <c r="EJ22" s="102">
        <v>1</v>
      </c>
      <c r="EK22" s="102">
        <v>3</v>
      </c>
      <c r="EL22" s="102">
        <v>1</v>
      </c>
      <c r="EM22" s="102">
        <v>0</v>
      </c>
      <c r="EN22" s="103">
        <v>6</v>
      </c>
      <c r="EO22" s="104">
        <v>12</v>
      </c>
      <c r="EP22" s="101">
        <v>6</v>
      </c>
      <c r="EQ22" s="102">
        <v>0</v>
      </c>
      <c r="ER22" s="103">
        <v>6</v>
      </c>
      <c r="ES22" s="413">
        <v>0</v>
      </c>
      <c r="ET22" s="102">
        <v>3</v>
      </c>
      <c r="EU22" s="102">
        <v>0</v>
      </c>
      <c r="EV22" s="102">
        <v>2</v>
      </c>
      <c r="EW22" s="102">
        <v>0</v>
      </c>
      <c r="EX22" s="102">
        <v>1</v>
      </c>
      <c r="EY22" s="103">
        <v>6</v>
      </c>
      <c r="EZ22" s="104">
        <v>12</v>
      </c>
      <c r="FA22" s="107">
        <v>1</v>
      </c>
      <c r="FB22" s="102">
        <v>1</v>
      </c>
      <c r="FC22" s="103">
        <v>2</v>
      </c>
      <c r="FD22" s="413">
        <v>0</v>
      </c>
      <c r="FE22" s="102">
        <v>7</v>
      </c>
      <c r="FF22" s="102">
        <v>2</v>
      </c>
      <c r="FG22" s="102">
        <v>4</v>
      </c>
      <c r="FH22" s="102">
        <v>0</v>
      </c>
      <c r="FI22" s="102">
        <v>0</v>
      </c>
      <c r="FJ22" s="103">
        <v>13</v>
      </c>
      <c r="FK22" s="104">
        <v>15</v>
      </c>
      <c r="FL22" s="101">
        <v>1</v>
      </c>
      <c r="FM22" s="102">
        <v>0</v>
      </c>
      <c r="FN22" s="103">
        <v>1</v>
      </c>
      <c r="FO22" s="413">
        <v>0</v>
      </c>
      <c r="FP22" s="102">
        <v>5</v>
      </c>
      <c r="FQ22" s="102">
        <v>2</v>
      </c>
      <c r="FR22" s="102">
        <v>5</v>
      </c>
      <c r="FS22" s="102">
        <v>1</v>
      </c>
      <c r="FT22" s="102">
        <v>3</v>
      </c>
      <c r="FU22" s="103">
        <v>16</v>
      </c>
      <c r="FV22" s="104">
        <v>17</v>
      </c>
      <c r="FW22" s="101">
        <v>0</v>
      </c>
      <c r="FX22" s="102">
        <v>0</v>
      </c>
      <c r="FY22" s="103">
        <v>0</v>
      </c>
      <c r="FZ22" s="413">
        <v>0</v>
      </c>
      <c r="GA22" s="102">
        <v>0</v>
      </c>
      <c r="GB22" s="102">
        <v>0</v>
      </c>
      <c r="GC22" s="102">
        <v>0</v>
      </c>
      <c r="GD22" s="102">
        <v>0</v>
      </c>
      <c r="GE22" s="102">
        <v>0</v>
      </c>
      <c r="GF22" s="103">
        <v>0</v>
      </c>
      <c r="GG22" s="104">
        <v>0</v>
      </c>
      <c r="GH22" s="101">
        <v>14</v>
      </c>
      <c r="GI22" s="102">
        <v>3</v>
      </c>
      <c r="GJ22" s="103">
        <v>17</v>
      </c>
      <c r="GK22" s="413">
        <v>0</v>
      </c>
      <c r="GL22" s="102">
        <v>17</v>
      </c>
      <c r="GM22" s="102">
        <v>7</v>
      </c>
      <c r="GN22" s="102">
        <v>15</v>
      </c>
      <c r="GO22" s="102">
        <v>3</v>
      </c>
      <c r="GP22" s="102">
        <v>4</v>
      </c>
      <c r="GQ22" s="103">
        <v>46</v>
      </c>
      <c r="GR22" s="104">
        <v>63</v>
      </c>
      <c r="GS22" s="105">
        <v>49</v>
      </c>
      <c r="GT22" s="97">
        <v>21</v>
      </c>
      <c r="GU22" s="98">
        <v>70</v>
      </c>
      <c r="GV22" s="413">
        <v>0</v>
      </c>
      <c r="GW22" s="97">
        <v>72</v>
      </c>
      <c r="GX22" s="97">
        <v>49</v>
      </c>
      <c r="GY22" s="97">
        <v>39</v>
      </c>
      <c r="GZ22" s="97">
        <v>21</v>
      </c>
      <c r="HA22" s="97">
        <v>18</v>
      </c>
      <c r="HB22" s="99">
        <v>199</v>
      </c>
      <c r="HC22" s="100">
        <v>269</v>
      </c>
      <c r="HD22" s="107">
        <v>2</v>
      </c>
      <c r="HE22" s="102">
        <v>1</v>
      </c>
      <c r="HF22" s="103">
        <v>3</v>
      </c>
      <c r="HG22" s="413">
        <v>0</v>
      </c>
      <c r="HH22" s="102">
        <v>2</v>
      </c>
      <c r="HI22" s="102">
        <v>1</v>
      </c>
      <c r="HJ22" s="102">
        <v>4</v>
      </c>
      <c r="HK22" s="102">
        <v>1</v>
      </c>
      <c r="HL22" s="102">
        <v>0</v>
      </c>
      <c r="HM22" s="103">
        <v>8</v>
      </c>
      <c r="HN22" s="104">
        <v>11</v>
      </c>
      <c r="HO22" s="101">
        <v>4</v>
      </c>
      <c r="HP22" s="102">
        <v>1</v>
      </c>
      <c r="HQ22" s="103">
        <v>5</v>
      </c>
      <c r="HR22" s="413">
        <v>0</v>
      </c>
      <c r="HS22" s="102">
        <v>6</v>
      </c>
      <c r="HT22" s="102">
        <v>5</v>
      </c>
      <c r="HU22" s="102">
        <v>2</v>
      </c>
      <c r="HV22" s="102">
        <v>3</v>
      </c>
      <c r="HW22" s="102">
        <v>2</v>
      </c>
      <c r="HX22" s="103">
        <v>18</v>
      </c>
      <c r="HY22" s="104">
        <v>23</v>
      </c>
      <c r="HZ22" s="107">
        <v>9</v>
      </c>
      <c r="IA22" s="102">
        <v>5</v>
      </c>
      <c r="IB22" s="103">
        <v>14</v>
      </c>
      <c r="IC22" s="413">
        <v>0</v>
      </c>
      <c r="ID22" s="102">
        <v>9</v>
      </c>
      <c r="IE22" s="102">
        <v>6</v>
      </c>
      <c r="IF22" s="102">
        <v>6</v>
      </c>
      <c r="IG22" s="102">
        <v>4</v>
      </c>
      <c r="IH22" s="102">
        <v>1</v>
      </c>
      <c r="II22" s="103">
        <v>26</v>
      </c>
      <c r="IJ22" s="104">
        <v>40</v>
      </c>
      <c r="IK22" s="101">
        <v>13</v>
      </c>
      <c r="IL22" s="102">
        <v>4</v>
      </c>
      <c r="IM22" s="103">
        <v>17</v>
      </c>
      <c r="IN22" s="413">
        <v>0</v>
      </c>
      <c r="IO22" s="102">
        <v>14</v>
      </c>
      <c r="IP22" s="102">
        <v>11</v>
      </c>
      <c r="IQ22" s="102">
        <v>6</v>
      </c>
      <c r="IR22" s="102">
        <v>1</v>
      </c>
      <c r="IS22" s="102">
        <v>7</v>
      </c>
      <c r="IT22" s="103">
        <v>39</v>
      </c>
      <c r="IU22" s="104">
        <v>56</v>
      </c>
      <c r="IV22" s="107">
        <v>11</v>
      </c>
      <c r="IW22" s="102">
        <v>4</v>
      </c>
      <c r="IX22" s="103">
        <v>15</v>
      </c>
      <c r="IY22" s="413">
        <v>0</v>
      </c>
      <c r="IZ22" s="102">
        <v>18</v>
      </c>
      <c r="JA22" s="102">
        <v>15</v>
      </c>
      <c r="JB22" s="102">
        <v>7</v>
      </c>
      <c r="JC22" s="102">
        <v>7</v>
      </c>
      <c r="JD22" s="102">
        <v>2</v>
      </c>
      <c r="JE22" s="103">
        <v>49</v>
      </c>
      <c r="JF22" s="104">
        <v>64</v>
      </c>
      <c r="JG22" s="101">
        <v>10</v>
      </c>
      <c r="JH22" s="102">
        <v>6</v>
      </c>
      <c r="JI22" s="103">
        <v>16</v>
      </c>
      <c r="JJ22" s="413">
        <v>0</v>
      </c>
      <c r="JK22" s="102">
        <v>23</v>
      </c>
      <c r="JL22" s="102">
        <v>11</v>
      </c>
      <c r="JM22" s="102">
        <v>14</v>
      </c>
      <c r="JN22" s="102">
        <v>5</v>
      </c>
      <c r="JO22" s="102">
        <v>6</v>
      </c>
      <c r="JP22" s="103">
        <v>59</v>
      </c>
      <c r="JQ22" s="104">
        <v>75</v>
      </c>
      <c r="JR22" s="101">
        <v>0</v>
      </c>
      <c r="JS22" s="102">
        <v>0</v>
      </c>
      <c r="JT22" s="103">
        <v>0</v>
      </c>
      <c r="JU22" s="413">
        <v>0</v>
      </c>
      <c r="JV22" s="102">
        <v>0</v>
      </c>
      <c r="JW22" s="102">
        <v>0</v>
      </c>
      <c r="JX22" s="102">
        <v>0</v>
      </c>
      <c r="JY22" s="102">
        <v>0</v>
      </c>
      <c r="JZ22" s="102">
        <v>0</v>
      </c>
      <c r="KA22" s="103">
        <v>0</v>
      </c>
      <c r="KB22" s="104">
        <v>0</v>
      </c>
      <c r="KC22" s="101">
        <v>49</v>
      </c>
      <c r="KD22" s="102">
        <v>21</v>
      </c>
      <c r="KE22" s="103">
        <v>70</v>
      </c>
      <c r="KF22" s="413">
        <v>0</v>
      </c>
      <c r="KG22" s="102">
        <v>72</v>
      </c>
      <c r="KH22" s="102">
        <v>49</v>
      </c>
      <c r="KI22" s="102">
        <v>39</v>
      </c>
      <c r="KJ22" s="102">
        <v>21</v>
      </c>
      <c r="KK22" s="102">
        <v>18</v>
      </c>
      <c r="KL22" s="103">
        <v>199</v>
      </c>
      <c r="KM22" s="104">
        <v>269</v>
      </c>
    </row>
    <row r="23" spans="2:299" s="70" customFormat="1" ht="21" customHeight="1" x14ac:dyDescent="0.2">
      <c r="B23" s="106" t="s">
        <v>20</v>
      </c>
      <c r="C23" s="96">
        <v>33</v>
      </c>
      <c r="D23" s="97">
        <v>54</v>
      </c>
      <c r="E23" s="98">
        <v>87</v>
      </c>
      <c r="F23" s="413">
        <v>0</v>
      </c>
      <c r="G23" s="97">
        <v>69</v>
      </c>
      <c r="H23" s="97">
        <v>54</v>
      </c>
      <c r="I23" s="97">
        <v>33</v>
      </c>
      <c r="J23" s="97">
        <v>22</v>
      </c>
      <c r="K23" s="97">
        <v>17</v>
      </c>
      <c r="L23" s="99">
        <v>195</v>
      </c>
      <c r="M23" s="100">
        <v>282</v>
      </c>
      <c r="N23" s="101">
        <v>0</v>
      </c>
      <c r="O23" s="102">
        <v>2</v>
      </c>
      <c r="P23" s="103">
        <v>2</v>
      </c>
      <c r="Q23" s="413">
        <v>0</v>
      </c>
      <c r="R23" s="102">
        <v>4</v>
      </c>
      <c r="S23" s="102">
        <v>0</v>
      </c>
      <c r="T23" s="102">
        <v>0</v>
      </c>
      <c r="U23" s="102">
        <v>0</v>
      </c>
      <c r="V23" s="102">
        <v>0</v>
      </c>
      <c r="W23" s="103">
        <v>4</v>
      </c>
      <c r="X23" s="104">
        <v>6</v>
      </c>
      <c r="Y23" s="101">
        <v>6</v>
      </c>
      <c r="Z23" s="102">
        <v>2</v>
      </c>
      <c r="AA23" s="103">
        <v>8</v>
      </c>
      <c r="AB23" s="413">
        <v>0</v>
      </c>
      <c r="AC23" s="102">
        <v>8</v>
      </c>
      <c r="AD23" s="102">
        <v>5</v>
      </c>
      <c r="AE23" s="102">
        <v>4</v>
      </c>
      <c r="AF23" s="102">
        <v>3</v>
      </c>
      <c r="AG23" s="102">
        <v>0</v>
      </c>
      <c r="AH23" s="103">
        <v>20</v>
      </c>
      <c r="AI23" s="104">
        <v>28</v>
      </c>
      <c r="AJ23" s="101">
        <v>5</v>
      </c>
      <c r="AK23" s="102">
        <v>8</v>
      </c>
      <c r="AL23" s="103">
        <v>13</v>
      </c>
      <c r="AM23" s="413">
        <v>0</v>
      </c>
      <c r="AN23" s="102">
        <v>11</v>
      </c>
      <c r="AO23" s="102">
        <v>7</v>
      </c>
      <c r="AP23" s="102">
        <v>5</v>
      </c>
      <c r="AQ23" s="102">
        <v>3</v>
      </c>
      <c r="AR23" s="102">
        <v>5</v>
      </c>
      <c r="AS23" s="103">
        <v>31</v>
      </c>
      <c r="AT23" s="104">
        <v>44</v>
      </c>
      <c r="AU23" s="101">
        <v>10</v>
      </c>
      <c r="AV23" s="102">
        <v>12</v>
      </c>
      <c r="AW23" s="103">
        <v>22</v>
      </c>
      <c r="AX23" s="413">
        <v>0</v>
      </c>
      <c r="AY23" s="102">
        <v>19</v>
      </c>
      <c r="AZ23" s="102">
        <v>10</v>
      </c>
      <c r="BA23" s="102">
        <v>13</v>
      </c>
      <c r="BB23" s="102">
        <v>6</v>
      </c>
      <c r="BC23" s="102">
        <v>5</v>
      </c>
      <c r="BD23" s="103">
        <v>53</v>
      </c>
      <c r="BE23" s="104">
        <v>75</v>
      </c>
      <c r="BF23" s="101">
        <v>6</v>
      </c>
      <c r="BG23" s="102">
        <v>19</v>
      </c>
      <c r="BH23" s="103">
        <v>25</v>
      </c>
      <c r="BI23" s="413">
        <v>0</v>
      </c>
      <c r="BJ23" s="102">
        <v>18</v>
      </c>
      <c r="BK23" s="102">
        <v>19</v>
      </c>
      <c r="BL23" s="102">
        <v>9</v>
      </c>
      <c r="BM23" s="102">
        <v>4</v>
      </c>
      <c r="BN23" s="102">
        <v>5</v>
      </c>
      <c r="BO23" s="103">
        <v>55</v>
      </c>
      <c r="BP23" s="104">
        <v>80</v>
      </c>
      <c r="BQ23" s="101">
        <v>6</v>
      </c>
      <c r="BR23" s="102">
        <v>11</v>
      </c>
      <c r="BS23" s="103">
        <v>17</v>
      </c>
      <c r="BT23" s="413">
        <v>0</v>
      </c>
      <c r="BU23" s="102">
        <v>9</v>
      </c>
      <c r="BV23" s="102">
        <v>13</v>
      </c>
      <c r="BW23" s="102">
        <v>2</v>
      </c>
      <c r="BX23" s="102">
        <v>6</v>
      </c>
      <c r="BY23" s="102">
        <v>2</v>
      </c>
      <c r="BZ23" s="103">
        <v>32</v>
      </c>
      <c r="CA23" s="104">
        <v>49</v>
      </c>
      <c r="CB23" s="101">
        <v>0</v>
      </c>
      <c r="CC23" s="102">
        <v>0</v>
      </c>
      <c r="CD23" s="103">
        <v>0</v>
      </c>
      <c r="CE23" s="413">
        <v>0</v>
      </c>
      <c r="CF23" s="102">
        <v>0</v>
      </c>
      <c r="CG23" s="102">
        <v>0</v>
      </c>
      <c r="CH23" s="102">
        <v>0</v>
      </c>
      <c r="CI23" s="102">
        <v>0</v>
      </c>
      <c r="CJ23" s="102">
        <v>0</v>
      </c>
      <c r="CK23" s="103">
        <v>0</v>
      </c>
      <c r="CL23" s="104">
        <v>0</v>
      </c>
      <c r="CM23" s="101">
        <v>33</v>
      </c>
      <c r="CN23" s="102">
        <v>54</v>
      </c>
      <c r="CO23" s="103">
        <v>87</v>
      </c>
      <c r="CP23" s="413">
        <v>0</v>
      </c>
      <c r="CQ23" s="102">
        <v>69</v>
      </c>
      <c r="CR23" s="102">
        <v>54</v>
      </c>
      <c r="CS23" s="102">
        <v>33</v>
      </c>
      <c r="CT23" s="102">
        <v>22</v>
      </c>
      <c r="CU23" s="102">
        <v>17</v>
      </c>
      <c r="CV23" s="103">
        <v>195</v>
      </c>
      <c r="CW23" s="104">
        <v>282</v>
      </c>
      <c r="CX23" s="105">
        <v>15</v>
      </c>
      <c r="CY23" s="97">
        <v>15</v>
      </c>
      <c r="CZ23" s="98">
        <v>30</v>
      </c>
      <c r="DA23" s="413">
        <v>0</v>
      </c>
      <c r="DB23" s="97">
        <v>24</v>
      </c>
      <c r="DC23" s="97">
        <v>25</v>
      </c>
      <c r="DD23" s="97">
        <v>8</v>
      </c>
      <c r="DE23" s="97">
        <v>13</v>
      </c>
      <c r="DF23" s="97">
        <v>6</v>
      </c>
      <c r="DG23" s="99">
        <v>76</v>
      </c>
      <c r="DH23" s="100">
        <v>106</v>
      </c>
      <c r="DI23" s="101">
        <v>1</v>
      </c>
      <c r="DJ23" s="102">
        <v>0</v>
      </c>
      <c r="DK23" s="103">
        <v>1</v>
      </c>
      <c r="DL23" s="413">
        <v>0</v>
      </c>
      <c r="DM23" s="102">
        <v>1</v>
      </c>
      <c r="DN23" s="102">
        <v>1</v>
      </c>
      <c r="DO23" s="102">
        <v>0</v>
      </c>
      <c r="DP23" s="102">
        <v>0</v>
      </c>
      <c r="DQ23" s="102">
        <v>1</v>
      </c>
      <c r="DR23" s="103">
        <v>3</v>
      </c>
      <c r="DS23" s="104">
        <v>4</v>
      </c>
      <c r="DT23" s="101">
        <v>1</v>
      </c>
      <c r="DU23" s="102">
        <v>0</v>
      </c>
      <c r="DV23" s="103">
        <v>1</v>
      </c>
      <c r="DW23" s="413">
        <v>0</v>
      </c>
      <c r="DX23" s="102">
        <v>0</v>
      </c>
      <c r="DY23" s="102">
        <v>0</v>
      </c>
      <c r="DZ23" s="102">
        <v>0</v>
      </c>
      <c r="EA23" s="102">
        <v>0</v>
      </c>
      <c r="EB23" s="102">
        <v>0</v>
      </c>
      <c r="EC23" s="103">
        <v>0</v>
      </c>
      <c r="ED23" s="104">
        <v>1</v>
      </c>
      <c r="EE23" s="101">
        <v>1</v>
      </c>
      <c r="EF23" s="102">
        <v>4</v>
      </c>
      <c r="EG23" s="103">
        <v>5</v>
      </c>
      <c r="EH23" s="413">
        <v>0</v>
      </c>
      <c r="EI23" s="102">
        <v>2</v>
      </c>
      <c r="EJ23" s="102">
        <v>4</v>
      </c>
      <c r="EK23" s="102">
        <v>2</v>
      </c>
      <c r="EL23" s="102">
        <v>2</v>
      </c>
      <c r="EM23" s="102">
        <v>0</v>
      </c>
      <c r="EN23" s="103">
        <v>10</v>
      </c>
      <c r="EO23" s="104">
        <v>15</v>
      </c>
      <c r="EP23" s="101">
        <v>4</v>
      </c>
      <c r="EQ23" s="102">
        <v>4</v>
      </c>
      <c r="ER23" s="103">
        <v>8</v>
      </c>
      <c r="ES23" s="413">
        <v>0</v>
      </c>
      <c r="ET23" s="102">
        <v>5</v>
      </c>
      <c r="EU23" s="102">
        <v>8</v>
      </c>
      <c r="EV23" s="102">
        <v>2</v>
      </c>
      <c r="EW23" s="102">
        <v>3</v>
      </c>
      <c r="EX23" s="102">
        <v>1</v>
      </c>
      <c r="EY23" s="103">
        <v>19</v>
      </c>
      <c r="EZ23" s="104">
        <v>27</v>
      </c>
      <c r="FA23" s="101">
        <v>5</v>
      </c>
      <c r="FB23" s="102">
        <v>2</v>
      </c>
      <c r="FC23" s="103">
        <v>7</v>
      </c>
      <c r="FD23" s="413">
        <v>0</v>
      </c>
      <c r="FE23" s="102">
        <v>8</v>
      </c>
      <c r="FF23" s="102">
        <v>4</v>
      </c>
      <c r="FG23" s="102">
        <v>0</v>
      </c>
      <c r="FH23" s="102">
        <v>2</v>
      </c>
      <c r="FI23" s="102">
        <v>1</v>
      </c>
      <c r="FJ23" s="103">
        <v>15</v>
      </c>
      <c r="FK23" s="104">
        <v>22</v>
      </c>
      <c r="FL23" s="101">
        <v>3</v>
      </c>
      <c r="FM23" s="102">
        <v>5</v>
      </c>
      <c r="FN23" s="103">
        <v>8</v>
      </c>
      <c r="FO23" s="413">
        <v>0</v>
      </c>
      <c r="FP23" s="102">
        <v>8</v>
      </c>
      <c r="FQ23" s="102">
        <v>8</v>
      </c>
      <c r="FR23" s="102">
        <v>4</v>
      </c>
      <c r="FS23" s="102">
        <v>6</v>
      </c>
      <c r="FT23" s="102">
        <v>3</v>
      </c>
      <c r="FU23" s="103">
        <v>29</v>
      </c>
      <c r="FV23" s="104">
        <v>37</v>
      </c>
      <c r="FW23" s="101">
        <v>0</v>
      </c>
      <c r="FX23" s="102">
        <v>0</v>
      </c>
      <c r="FY23" s="103">
        <v>0</v>
      </c>
      <c r="FZ23" s="413">
        <v>0</v>
      </c>
      <c r="GA23" s="102">
        <v>0</v>
      </c>
      <c r="GB23" s="102">
        <v>0</v>
      </c>
      <c r="GC23" s="102">
        <v>0</v>
      </c>
      <c r="GD23" s="102">
        <v>0</v>
      </c>
      <c r="GE23" s="102">
        <v>0</v>
      </c>
      <c r="GF23" s="103">
        <v>0</v>
      </c>
      <c r="GG23" s="104">
        <v>0</v>
      </c>
      <c r="GH23" s="101">
        <v>15</v>
      </c>
      <c r="GI23" s="102">
        <v>15</v>
      </c>
      <c r="GJ23" s="103">
        <v>30</v>
      </c>
      <c r="GK23" s="413">
        <v>0</v>
      </c>
      <c r="GL23" s="102">
        <v>24</v>
      </c>
      <c r="GM23" s="102">
        <v>25</v>
      </c>
      <c r="GN23" s="102">
        <v>8</v>
      </c>
      <c r="GO23" s="102">
        <v>13</v>
      </c>
      <c r="GP23" s="102">
        <v>6</v>
      </c>
      <c r="GQ23" s="103">
        <v>76</v>
      </c>
      <c r="GR23" s="104">
        <v>106</v>
      </c>
      <c r="GS23" s="105">
        <v>48</v>
      </c>
      <c r="GT23" s="97">
        <v>69</v>
      </c>
      <c r="GU23" s="98">
        <v>117</v>
      </c>
      <c r="GV23" s="413">
        <v>0</v>
      </c>
      <c r="GW23" s="97">
        <v>93</v>
      </c>
      <c r="GX23" s="97">
        <v>79</v>
      </c>
      <c r="GY23" s="97">
        <v>41</v>
      </c>
      <c r="GZ23" s="97">
        <v>35</v>
      </c>
      <c r="HA23" s="97">
        <v>23</v>
      </c>
      <c r="HB23" s="99">
        <v>271</v>
      </c>
      <c r="HC23" s="100">
        <v>388</v>
      </c>
      <c r="HD23" s="101">
        <v>1</v>
      </c>
      <c r="HE23" s="102">
        <v>2</v>
      </c>
      <c r="HF23" s="103">
        <v>3</v>
      </c>
      <c r="HG23" s="413">
        <v>0</v>
      </c>
      <c r="HH23" s="102">
        <v>5</v>
      </c>
      <c r="HI23" s="102">
        <v>1</v>
      </c>
      <c r="HJ23" s="102">
        <v>0</v>
      </c>
      <c r="HK23" s="102">
        <v>0</v>
      </c>
      <c r="HL23" s="102">
        <v>1</v>
      </c>
      <c r="HM23" s="103">
        <v>7</v>
      </c>
      <c r="HN23" s="104">
        <v>10</v>
      </c>
      <c r="HO23" s="101">
        <v>7</v>
      </c>
      <c r="HP23" s="102">
        <v>2</v>
      </c>
      <c r="HQ23" s="103">
        <v>9</v>
      </c>
      <c r="HR23" s="413">
        <v>0</v>
      </c>
      <c r="HS23" s="102">
        <v>8</v>
      </c>
      <c r="HT23" s="102">
        <v>5</v>
      </c>
      <c r="HU23" s="102">
        <v>4</v>
      </c>
      <c r="HV23" s="102">
        <v>3</v>
      </c>
      <c r="HW23" s="102">
        <v>0</v>
      </c>
      <c r="HX23" s="103">
        <v>20</v>
      </c>
      <c r="HY23" s="104">
        <v>29</v>
      </c>
      <c r="HZ23" s="101">
        <v>6</v>
      </c>
      <c r="IA23" s="102">
        <v>12</v>
      </c>
      <c r="IB23" s="103">
        <v>18</v>
      </c>
      <c r="IC23" s="413">
        <v>0</v>
      </c>
      <c r="ID23" s="102">
        <v>13</v>
      </c>
      <c r="IE23" s="102">
        <v>11</v>
      </c>
      <c r="IF23" s="102">
        <v>7</v>
      </c>
      <c r="IG23" s="102">
        <v>5</v>
      </c>
      <c r="IH23" s="102">
        <v>5</v>
      </c>
      <c r="II23" s="103">
        <v>41</v>
      </c>
      <c r="IJ23" s="104">
        <v>59</v>
      </c>
      <c r="IK23" s="101">
        <v>14</v>
      </c>
      <c r="IL23" s="102">
        <v>16</v>
      </c>
      <c r="IM23" s="103">
        <v>30</v>
      </c>
      <c r="IN23" s="413">
        <v>0</v>
      </c>
      <c r="IO23" s="102">
        <v>24</v>
      </c>
      <c r="IP23" s="102">
        <v>18</v>
      </c>
      <c r="IQ23" s="102">
        <v>15</v>
      </c>
      <c r="IR23" s="102">
        <v>9</v>
      </c>
      <c r="IS23" s="102">
        <v>6</v>
      </c>
      <c r="IT23" s="103">
        <v>72</v>
      </c>
      <c r="IU23" s="104">
        <v>102</v>
      </c>
      <c r="IV23" s="101">
        <v>11</v>
      </c>
      <c r="IW23" s="102">
        <v>21</v>
      </c>
      <c r="IX23" s="103">
        <v>32</v>
      </c>
      <c r="IY23" s="413">
        <v>0</v>
      </c>
      <c r="IZ23" s="102">
        <v>26</v>
      </c>
      <c r="JA23" s="102">
        <v>23</v>
      </c>
      <c r="JB23" s="102">
        <v>9</v>
      </c>
      <c r="JC23" s="102">
        <v>6</v>
      </c>
      <c r="JD23" s="102">
        <v>6</v>
      </c>
      <c r="JE23" s="103">
        <v>70</v>
      </c>
      <c r="JF23" s="104">
        <v>102</v>
      </c>
      <c r="JG23" s="101">
        <v>9</v>
      </c>
      <c r="JH23" s="102">
        <v>16</v>
      </c>
      <c r="JI23" s="103">
        <v>25</v>
      </c>
      <c r="JJ23" s="413">
        <v>0</v>
      </c>
      <c r="JK23" s="102">
        <v>17</v>
      </c>
      <c r="JL23" s="102">
        <v>21</v>
      </c>
      <c r="JM23" s="102">
        <v>6</v>
      </c>
      <c r="JN23" s="102">
        <v>12</v>
      </c>
      <c r="JO23" s="102">
        <v>5</v>
      </c>
      <c r="JP23" s="103">
        <v>61</v>
      </c>
      <c r="JQ23" s="104">
        <v>86</v>
      </c>
      <c r="JR23" s="101">
        <v>0</v>
      </c>
      <c r="JS23" s="102">
        <v>0</v>
      </c>
      <c r="JT23" s="103">
        <v>0</v>
      </c>
      <c r="JU23" s="413">
        <v>0</v>
      </c>
      <c r="JV23" s="102">
        <v>0</v>
      </c>
      <c r="JW23" s="102">
        <v>0</v>
      </c>
      <c r="JX23" s="102">
        <v>0</v>
      </c>
      <c r="JY23" s="102">
        <v>0</v>
      </c>
      <c r="JZ23" s="102">
        <v>0</v>
      </c>
      <c r="KA23" s="103">
        <v>0</v>
      </c>
      <c r="KB23" s="104">
        <v>0</v>
      </c>
      <c r="KC23" s="101">
        <v>48</v>
      </c>
      <c r="KD23" s="102">
        <v>69</v>
      </c>
      <c r="KE23" s="103">
        <v>117</v>
      </c>
      <c r="KF23" s="413">
        <v>0</v>
      </c>
      <c r="KG23" s="102">
        <v>93</v>
      </c>
      <c r="KH23" s="102">
        <v>79</v>
      </c>
      <c r="KI23" s="102">
        <v>41</v>
      </c>
      <c r="KJ23" s="102">
        <v>35</v>
      </c>
      <c r="KK23" s="102">
        <v>23</v>
      </c>
      <c r="KL23" s="103">
        <v>271</v>
      </c>
      <c r="KM23" s="104">
        <v>388</v>
      </c>
    </row>
    <row r="24" spans="2:299" s="70" customFormat="1" ht="21" customHeight="1" x14ac:dyDescent="0.2">
      <c r="B24" s="106" t="s">
        <v>21</v>
      </c>
      <c r="C24" s="96">
        <v>33</v>
      </c>
      <c r="D24" s="97">
        <v>31</v>
      </c>
      <c r="E24" s="98">
        <v>64</v>
      </c>
      <c r="F24" s="413">
        <v>0</v>
      </c>
      <c r="G24" s="97">
        <v>52</v>
      </c>
      <c r="H24" s="97">
        <v>34</v>
      </c>
      <c r="I24" s="97">
        <v>24</v>
      </c>
      <c r="J24" s="97">
        <v>25</v>
      </c>
      <c r="K24" s="97">
        <v>16</v>
      </c>
      <c r="L24" s="99">
        <v>151</v>
      </c>
      <c r="M24" s="100">
        <v>215</v>
      </c>
      <c r="N24" s="101">
        <v>1</v>
      </c>
      <c r="O24" s="102">
        <v>3</v>
      </c>
      <c r="P24" s="103">
        <v>4</v>
      </c>
      <c r="Q24" s="413">
        <v>0</v>
      </c>
      <c r="R24" s="102">
        <v>1</v>
      </c>
      <c r="S24" s="102">
        <v>0</v>
      </c>
      <c r="T24" s="102">
        <v>3</v>
      </c>
      <c r="U24" s="102">
        <v>0</v>
      </c>
      <c r="V24" s="102">
        <v>3</v>
      </c>
      <c r="W24" s="103">
        <v>7</v>
      </c>
      <c r="X24" s="104">
        <v>11</v>
      </c>
      <c r="Y24" s="101">
        <v>4</v>
      </c>
      <c r="Z24" s="102">
        <v>3</v>
      </c>
      <c r="AA24" s="103">
        <v>7</v>
      </c>
      <c r="AB24" s="413">
        <v>0</v>
      </c>
      <c r="AC24" s="102">
        <v>6</v>
      </c>
      <c r="AD24" s="102">
        <v>8</v>
      </c>
      <c r="AE24" s="102">
        <v>1</v>
      </c>
      <c r="AF24" s="102">
        <v>2</v>
      </c>
      <c r="AG24" s="102">
        <v>1</v>
      </c>
      <c r="AH24" s="103">
        <v>18</v>
      </c>
      <c r="AI24" s="104">
        <v>25</v>
      </c>
      <c r="AJ24" s="101">
        <v>4</v>
      </c>
      <c r="AK24" s="102">
        <v>4</v>
      </c>
      <c r="AL24" s="103">
        <v>8</v>
      </c>
      <c r="AM24" s="413">
        <v>0</v>
      </c>
      <c r="AN24" s="102">
        <v>7</v>
      </c>
      <c r="AO24" s="102">
        <v>4</v>
      </c>
      <c r="AP24" s="102">
        <v>2</v>
      </c>
      <c r="AQ24" s="102">
        <v>4</v>
      </c>
      <c r="AR24" s="102">
        <v>1</v>
      </c>
      <c r="AS24" s="103">
        <v>18</v>
      </c>
      <c r="AT24" s="104">
        <v>26</v>
      </c>
      <c r="AU24" s="101">
        <v>5</v>
      </c>
      <c r="AV24" s="102">
        <v>10</v>
      </c>
      <c r="AW24" s="103">
        <v>15</v>
      </c>
      <c r="AX24" s="413">
        <v>0</v>
      </c>
      <c r="AY24" s="102">
        <v>17</v>
      </c>
      <c r="AZ24" s="102">
        <v>7</v>
      </c>
      <c r="BA24" s="102">
        <v>6</v>
      </c>
      <c r="BB24" s="102">
        <v>8</v>
      </c>
      <c r="BC24" s="102">
        <v>2</v>
      </c>
      <c r="BD24" s="103">
        <v>40</v>
      </c>
      <c r="BE24" s="104">
        <v>55</v>
      </c>
      <c r="BF24" s="101">
        <v>13</v>
      </c>
      <c r="BG24" s="102">
        <v>5</v>
      </c>
      <c r="BH24" s="103">
        <v>18</v>
      </c>
      <c r="BI24" s="413">
        <v>0</v>
      </c>
      <c r="BJ24" s="102">
        <v>15</v>
      </c>
      <c r="BK24" s="102">
        <v>10</v>
      </c>
      <c r="BL24" s="102">
        <v>2</v>
      </c>
      <c r="BM24" s="102">
        <v>8</v>
      </c>
      <c r="BN24" s="102">
        <v>5</v>
      </c>
      <c r="BO24" s="103">
        <v>40</v>
      </c>
      <c r="BP24" s="104">
        <v>58</v>
      </c>
      <c r="BQ24" s="101">
        <v>6</v>
      </c>
      <c r="BR24" s="102">
        <v>6</v>
      </c>
      <c r="BS24" s="103">
        <v>12</v>
      </c>
      <c r="BT24" s="413">
        <v>0</v>
      </c>
      <c r="BU24" s="102">
        <v>6</v>
      </c>
      <c r="BV24" s="102">
        <v>5</v>
      </c>
      <c r="BW24" s="102">
        <v>10</v>
      </c>
      <c r="BX24" s="102">
        <v>3</v>
      </c>
      <c r="BY24" s="102">
        <v>4</v>
      </c>
      <c r="BZ24" s="103">
        <v>28</v>
      </c>
      <c r="CA24" s="104">
        <v>40</v>
      </c>
      <c r="CB24" s="101">
        <v>0</v>
      </c>
      <c r="CC24" s="102">
        <v>0</v>
      </c>
      <c r="CD24" s="103">
        <v>0</v>
      </c>
      <c r="CE24" s="413">
        <v>0</v>
      </c>
      <c r="CF24" s="102">
        <v>0</v>
      </c>
      <c r="CG24" s="102">
        <v>0</v>
      </c>
      <c r="CH24" s="102">
        <v>0</v>
      </c>
      <c r="CI24" s="102">
        <v>0</v>
      </c>
      <c r="CJ24" s="102">
        <v>0</v>
      </c>
      <c r="CK24" s="103">
        <v>0</v>
      </c>
      <c r="CL24" s="104">
        <v>0</v>
      </c>
      <c r="CM24" s="101">
        <v>33</v>
      </c>
      <c r="CN24" s="102">
        <v>31</v>
      </c>
      <c r="CO24" s="103">
        <v>64</v>
      </c>
      <c r="CP24" s="413">
        <v>0</v>
      </c>
      <c r="CQ24" s="102">
        <v>52</v>
      </c>
      <c r="CR24" s="102">
        <v>34</v>
      </c>
      <c r="CS24" s="102">
        <v>24</v>
      </c>
      <c r="CT24" s="102">
        <v>25</v>
      </c>
      <c r="CU24" s="102">
        <v>16</v>
      </c>
      <c r="CV24" s="103">
        <v>151</v>
      </c>
      <c r="CW24" s="104">
        <v>215</v>
      </c>
      <c r="CX24" s="105">
        <v>9</v>
      </c>
      <c r="CY24" s="97">
        <v>8</v>
      </c>
      <c r="CZ24" s="98">
        <v>17</v>
      </c>
      <c r="DA24" s="413">
        <v>0</v>
      </c>
      <c r="DB24" s="97">
        <v>13</v>
      </c>
      <c r="DC24" s="97">
        <v>14</v>
      </c>
      <c r="DD24" s="97">
        <v>7</v>
      </c>
      <c r="DE24" s="97">
        <v>12</v>
      </c>
      <c r="DF24" s="97">
        <v>6</v>
      </c>
      <c r="DG24" s="99">
        <v>52</v>
      </c>
      <c r="DH24" s="100">
        <v>69</v>
      </c>
      <c r="DI24" s="101">
        <v>0</v>
      </c>
      <c r="DJ24" s="102">
        <v>0</v>
      </c>
      <c r="DK24" s="103">
        <v>0</v>
      </c>
      <c r="DL24" s="413">
        <v>0</v>
      </c>
      <c r="DM24" s="102">
        <v>0</v>
      </c>
      <c r="DN24" s="102">
        <v>0</v>
      </c>
      <c r="DO24" s="102">
        <v>0</v>
      </c>
      <c r="DP24" s="102">
        <v>0</v>
      </c>
      <c r="DQ24" s="102">
        <v>0</v>
      </c>
      <c r="DR24" s="103">
        <v>0</v>
      </c>
      <c r="DS24" s="104">
        <v>0</v>
      </c>
      <c r="DT24" s="101">
        <v>0</v>
      </c>
      <c r="DU24" s="102">
        <v>1</v>
      </c>
      <c r="DV24" s="103">
        <v>1</v>
      </c>
      <c r="DW24" s="413">
        <v>0</v>
      </c>
      <c r="DX24" s="102">
        <v>1</v>
      </c>
      <c r="DY24" s="102">
        <v>1</v>
      </c>
      <c r="DZ24" s="102">
        <v>0</v>
      </c>
      <c r="EA24" s="102">
        <v>0</v>
      </c>
      <c r="EB24" s="102">
        <v>0</v>
      </c>
      <c r="EC24" s="103">
        <v>2</v>
      </c>
      <c r="ED24" s="104">
        <v>3</v>
      </c>
      <c r="EE24" s="101">
        <v>0</v>
      </c>
      <c r="EF24" s="102">
        <v>1</v>
      </c>
      <c r="EG24" s="103">
        <v>1</v>
      </c>
      <c r="EH24" s="413">
        <v>0</v>
      </c>
      <c r="EI24" s="102">
        <v>1</v>
      </c>
      <c r="EJ24" s="102">
        <v>1</v>
      </c>
      <c r="EK24" s="102">
        <v>0</v>
      </c>
      <c r="EL24" s="102">
        <v>0</v>
      </c>
      <c r="EM24" s="102">
        <v>1</v>
      </c>
      <c r="EN24" s="103">
        <v>3</v>
      </c>
      <c r="EO24" s="104">
        <v>4</v>
      </c>
      <c r="EP24" s="101">
        <v>7</v>
      </c>
      <c r="EQ24" s="102">
        <v>2</v>
      </c>
      <c r="ER24" s="103">
        <v>9</v>
      </c>
      <c r="ES24" s="413">
        <v>0</v>
      </c>
      <c r="ET24" s="102">
        <v>1</v>
      </c>
      <c r="EU24" s="102">
        <v>1</v>
      </c>
      <c r="EV24" s="102">
        <v>0</v>
      </c>
      <c r="EW24" s="102">
        <v>2</v>
      </c>
      <c r="EX24" s="102">
        <v>1</v>
      </c>
      <c r="EY24" s="103">
        <v>5</v>
      </c>
      <c r="EZ24" s="104">
        <v>14</v>
      </c>
      <c r="FA24" s="101">
        <v>1</v>
      </c>
      <c r="FB24" s="102">
        <v>3</v>
      </c>
      <c r="FC24" s="103">
        <v>4</v>
      </c>
      <c r="FD24" s="413">
        <v>0</v>
      </c>
      <c r="FE24" s="102">
        <v>4</v>
      </c>
      <c r="FF24" s="102">
        <v>5</v>
      </c>
      <c r="FG24" s="102">
        <v>4</v>
      </c>
      <c r="FH24" s="102">
        <v>4</v>
      </c>
      <c r="FI24" s="102">
        <v>4</v>
      </c>
      <c r="FJ24" s="103">
        <v>21</v>
      </c>
      <c r="FK24" s="104">
        <v>25</v>
      </c>
      <c r="FL24" s="101">
        <v>1</v>
      </c>
      <c r="FM24" s="102">
        <v>1</v>
      </c>
      <c r="FN24" s="103">
        <v>2</v>
      </c>
      <c r="FO24" s="413">
        <v>0</v>
      </c>
      <c r="FP24" s="102">
        <v>6</v>
      </c>
      <c r="FQ24" s="102">
        <v>6</v>
      </c>
      <c r="FR24" s="102">
        <v>3</v>
      </c>
      <c r="FS24" s="102">
        <v>6</v>
      </c>
      <c r="FT24" s="102">
        <v>0</v>
      </c>
      <c r="FU24" s="103">
        <v>21</v>
      </c>
      <c r="FV24" s="104">
        <v>23</v>
      </c>
      <c r="FW24" s="101">
        <v>0</v>
      </c>
      <c r="FX24" s="102">
        <v>0</v>
      </c>
      <c r="FY24" s="103">
        <v>0</v>
      </c>
      <c r="FZ24" s="413">
        <v>0</v>
      </c>
      <c r="GA24" s="102">
        <v>0</v>
      </c>
      <c r="GB24" s="102">
        <v>0</v>
      </c>
      <c r="GC24" s="102">
        <v>0</v>
      </c>
      <c r="GD24" s="102">
        <v>0</v>
      </c>
      <c r="GE24" s="102">
        <v>0</v>
      </c>
      <c r="GF24" s="103">
        <v>0</v>
      </c>
      <c r="GG24" s="104">
        <v>0</v>
      </c>
      <c r="GH24" s="101">
        <v>9</v>
      </c>
      <c r="GI24" s="102">
        <v>8</v>
      </c>
      <c r="GJ24" s="103">
        <v>17</v>
      </c>
      <c r="GK24" s="413">
        <v>0</v>
      </c>
      <c r="GL24" s="102">
        <v>13</v>
      </c>
      <c r="GM24" s="102">
        <v>14</v>
      </c>
      <c r="GN24" s="102">
        <v>7</v>
      </c>
      <c r="GO24" s="102">
        <v>12</v>
      </c>
      <c r="GP24" s="102">
        <v>6</v>
      </c>
      <c r="GQ24" s="103">
        <v>52</v>
      </c>
      <c r="GR24" s="104">
        <v>69</v>
      </c>
      <c r="GS24" s="105">
        <v>42</v>
      </c>
      <c r="GT24" s="97">
        <v>39</v>
      </c>
      <c r="GU24" s="98">
        <v>81</v>
      </c>
      <c r="GV24" s="413">
        <v>0</v>
      </c>
      <c r="GW24" s="97">
        <v>65</v>
      </c>
      <c r="GX24" s="97">
        <v>48</v>
      </c>
      <c r="GY24" s="97">
        <v>31</v>
      </c>
      <c r="GZ24" s="97">
        <v>37</v>
      </c>
      <c r="HA24" s="97">
        <v>22</v>
      </c>
      <c r="HB24" s="99">
        <v>203</v>
      </c>
      <c r="HC24" s="100">
        <v>284</v>
      </c>
      <c r="HD24" s="101">
        <v>1</v>
      </c>
      <c r="HE24" s="102">
        <v>3</v>
      </c>
      <c r="HF24" s="103">
        <v>4</v>
      </c>
      <c r="HG24" s="413">
        <v>0</v>
      </c>
      <c r="HH24" s="102">
        <v>1</v>
      </c>
      <c r="HI24" s="102">
        <v>0</v>
      </c>
      <c r="HJ24" s="102">
        <v>3</v>
      </c>
      <c r="HK24" s="102">
        <v>0</v>
      </c>
      <c r="HL24" s="102">
        <v>3</v>
      </c>
      <c r="HM24" s="103">
        <v>7</v>
      </c>
      <c r="HN24" s="104">
        <v>11</v>
      </c>
      <c r="HO24" s="101">
        <v>4</v>
      </c>
      <c r="HP24" s="102">
        <v>4</v>
      </c>
      <c r="HQ24" s="103">
        <v>8</v>
      </c>
      <c r="HR24" s="413">
        <v>0</v>
      </c>
      <c r="HS24" s="102">
        <v>7</v>
      </c>
      <c r="HT24" s="102">
        <v>9</v>
      </c>
      <c r="HU24" s="102">
        <v>1</v>
      </c>
      <c r="HV24" s="102">
        <v>2</v>
      </c>
      <c r="HW24" s="102">
        <v>1</v>
      </c>
      <c r="HX24" s="103">
        <v>20</v>
      </c>
      <c r="HY24" s="104">
        <v>28</v>
      </c>
      <c r="HZ24" s="101">
        <v>4</v>
      </c>
      <c r="IA24" s="102">
        <v>5</v>
      </c>
      <c r="IB24" s="103">
        <v>9</v>
      </c>
      <c r="IC24" s="413">
        <v>0</v>
      </c>
      <c r="ID24" s="102">
        <v>8</v>
      </c>
      <c r="IE24" s="102">
        <v>5</v>
      </c>
      <c r="IF24" s="102">
        <v>2</v>
      </c>
      <c r="IG24" s="102">
        <v>4</v>
      </c>
      <c r="IH24" s="102">
        <v>2</v>
      </c>
      <c r="II24" s="103">
        <v>21</v>
      </c>
      <c r="IJ24" s="104">
        <v>30</v>
      </c>
      <c r="IK24" s="101">
        <v>12</v>
      </c>
      <c r="IL24" s="102">
        <v>12</v>
      </c>
      <c r="IM24" s="103">
        <v>24</v>
      </c>
      <c r="IN24" s="413">
        <v>0</v>
      </c>
      <c r="IO24" s="102">
        <v>18</v>
      </c>
      <c r="IP24" s="102">
        <v>8</v>
      </c>
      <c r="IQ24" s="102">
        <v>6</v>
      </c>
      <c r="IR24" s="102">
        <v>10</v>
      </c>
      <c r="IS24" s="102">
        <v>3</v>
      </c>
      <c r="IT24" s="103">
        <v>45</v>
      </c>
      <c r="IU24" s="104">
        <v>69</v>
      </c>
      <c r="IV24" s="101">
        <v>14</v>
      </c>
      <c r="IW24" s="102">
        <v>8</v>
      </c>
      <c r="IX24" s="103">
        <v>22</v>
      </c>
      <c r="IY24" s="413">
        <v>0</v>
      </c>
      <c r="IZ24" s="102">
        <v>19</v>
      </c>
      <c r="JA24" s="102">
        <v>15</v>
      </c>
      <c r="JB24" s="102">
        <v>6</v>
      </c>
      <c r="JC24" s="102">
        <v>12</v>
      </c>
      <c r="JD24" s="102">
        <v>9</v>
      </c>
      <c r="JE24" s="103">
        <v>61</v>
      </c>
      <c r="JF24" s="104">
        <v>83</v>
      </c>
      <c r="JG24" s="101">
        <v>7</v>
      </c>
      <c r="JH24" s="102">
        <v>7</v>
      </c>
      <c r="JI24" s="103">
        <v>14</v>
      </c>
      <c r="JJ24" s="413">
        <v>0</v>
      </c>
      <c r="JK24" s="102">
        <v>12</v>
      </c>
      <c r="JL24" s="102">
        <v>11</v>
      </c>
      <c r="JM24" s="102">
        <v>13</v>
      </c>
      <c r="JN24" s="102">
        <v>9</v>
      </c>
      <c r="JO24" s="102">
        <v>4</v>
      </c>
      <c r="JP24" s="103">
        <v>49</v>
      </c>
      <c r="JQ24" s="104">
        <v>63</v>
      </c>
      <c r="JR24" s="101">
        <v>0</v>
      </c>
      <c r="JS24" s="102">
        <v>0</v>
      </c>
      <c r="JT24" s="103">
        <v>0</v>
      </c>
      <c r="JU24" s="413">
        <v>0</v>
      </c>
      <c r="JV24" s="102">
        <v>0</v>
      </c>
      <c r="JW24" s="102">
        <v>0</v>
      </c>
      <c r="JX24" s="102">
        <v>0</v>
      </c>
      <c r="JY24" s="102">
        <v>0</v>
      </c>
      <c r="JZ24" s="102">
        <v>0</v>
      </c>
      <c r="KA24" s="103">
        <v>0</v>
      </c>
      <c r="KB24" s="104">
        <v>0</v>
      </c>
      <c r="KC24" s="101">
        <v>42</v>
      </c>
      <c r="KD24" s="102">
        <v>39</v>
      </c>
      <c r="KE24" s="103">
        <v>81</v>
      </c>
      <c r="KF24" s="413">
        <v>0</v>
      </c>
      <c r="KG24" s="102">
        <v>65</v>
      </c>
      <c r="KH24" s="102">
        <v>48</v>
      </c>
      <c r="KI24" s="102">
        <v>31</v>
      </c>
      <c r="KJ24" s="102">
        <v>37</v>
      </c>
      <c r="KK24" s="102">
        <v>22</v>
      </c>
      <c r="KL24" s="103">
        <v>203</v>
      </c>
      <c r="KM24" s="104">
        <v>284</v>
      </c>
    </row>
    <row r="25" spans="2:299" s="70" customFormat="1" ht="21" customHeight="1" x14ac:dyDescent="0.2">
      <c r="B25" s="106" t="s">
        <v>22</v>
      </c>
      <c r="C25" s="96">
        <v>14</v>
      </c>
      <c r="D25" s="97">
        <v>10</v>
      </c>
      <c r="E25" s="98">
        <v>24</v>
      </c>
      <c r="F25" s="413">
        <v>0</v>
      </c>
      <c r="G25" s="97">
        <v>25</v>
      </c>
      <c r="H25" s="97">
        <v>24</v>
      </c>
      <c r="I25" s="97">
        <v>11</v>
      </c>
      <c r="J25" s="97">
        <v>8</v>
      </c>
      <c r="K25" s="97">
        <v>5</v>
      </c>
      <c r="L25" s="99">
        <v>73</v>
      </c>
      <c r="M25" s="100">
        <v>97</v>
      </c>
      <c r="N25" s="101">
        <v>1</v>
      </c>
      <c r="O25" s="102">
        <v>1</v>
      </c>
      <c r="P25" s="103">
        <v>2</v>
      </c>
      <c r="Q25" s="413">
        <v>0</v>
      </c>
      <c r="R25" s="102">
        <v>0</v>
      </c>
      <c r="S25" s="102">
        <v>0</v>
      </c>
      <c r="T25" s="102">
        <v>1</v>
      </c>
      <c r="U25" s="102">
        <v>0</v>
      </c>
      <c r="V25" s="102">
        <v>0</v>
      </c>
      <c r="W25" s="103">
        <v>1</v>
      </c>
      <c r="X25" s="104">
        <v>3</v>
      </c>
      <c r="Y25" s="101">
        <v>1</v>
      </c>
      <c r="Z25" s="102">
        <v>1</v>
      </c>
      <c r="AA25" s="103">
        <v>2</v>
      </c>
      <c r="AB25" s="413">
        <v>0</v>
      </c>
      <c r="AC25" s="102">
        <v>2</v>
      </c>
      <c r="AD25" s="102">
        <v>1</v>
      </c>
      <c r="AE25" s="102">
        <v>1</v>
      </c>
      <c r="AF25" s="102">
        <v>0</v>
      </c>
      <c r="AG25" s="102">
        <v>1</v>
      </c>
      <c r="AH25" s="103">
        <v>5</v>
      </c>
      <c r="AI25" s="104">
        <v>7</v>
      </c>
      <c r="AJ25" s="101">
        <v>1</v>
      </c>
      <c r="AK25" s="102">
        <v>1</v>
      </c>
      <c r="AL25" s="103">
        <v>2</v>
      </c>
      <c r="AM25" s="413">
        <v>0</v>
      </c>
      <c r="AN25" s="102">
        <v>5</v>
      </c>
      <c r="AO25" s="102">
        <v>2</v>
      </c>
      <c r="AP25" s="102">
        <v>1</v>
      </c>
      <c r="AQ25" s="102">
        <v>1</v>
      </c>
      <c r="AR25" s="102">
        <v>1</v>
      </c>
      <c r="AS25" s="103">
        <v>10</v>
      </c>
      <c r="AT25" s="104">
        <v>12</v>
      </c>
      <c r="AU25" s="101">
        <v>8</v>
      </c>
      <c r="AV25" s="102">
        <v>5</v>
      </c>
      <c r="AW25" s="103">
        <v>13</v>
      </c>
      <c r="AX25" s="413">
        <v>0</v>
      </c>
      <c r="AY25" s="102">
        <v>5</v>
      </c>
      <c r="AZ25" s="102">
        <v>7</v>
      </c>
      <c r="BA25" s="102">
        <v>2</v>
      </c>
      <c r="BB25" s="102">
        <v>1</v>
      </c>
      <c r="BC25" s="102">
        <v>2</v>
      </c>
      <c r="BD25" s="103">
        <v>17</v>
      </c>
      <c r="BE25" s="104">
        <v>30</v>
      </c>
      <c r="BF25" s="101">
        <v>1</v>
      </c>
      <c r="BG25" s="102">
        <v>0</v>
      </c>
      <c r="BH25" s="103">
        <v>1</v>
      </c>
      <c r="BI25" s="413">
        <v>0</v>
      </c>
      <c r="BJ25" s="102">
        <v>4</v>
      </c>
      <c r="BK25" s="102">
        <v>6</v>
      </c>
      <c r="BL25" s="102">
        <v>4</v>
      </c>
      <c r="BM25" s="102">
        <v>2</v>
      </c>
      <c r="BN25" s="102">
        <v>0</v>
      </c>
      <c r="BO25" s="103">
        <v>16</v>
      </c>
      <c r="BP25" s="104">
        <v>17</v>
      </c>
      <c r="BQ25" s="101">
        <v>2</v>
      </c>
      <c r="BR25" s="102">
        <v>2</v>
      </c>
      <c r="BS25" s="103">
        <v>4</v>
      </c>
      <c r="BT25" s="413">
        <v>0</v>
      </c>
      <c r="BU25" s="102">
        <v>9</v>
      </c>
      <c r="BV25" s="102">
        <v>8</v>
      </c>
      <c r="BW25" s="102">
        <v>2</v>
      </c>
      <c r="BX25" s="102">
        <v>4</v>
      </c>
      <c r="BY25" s="102">
        <v>1</v>
      </c>
      <c r="BZ25" s="103">
        <v>24</v>
      </c>
      <c r="CA25" s="104">
        <v>28</v>
      </c>
      <c r="CB25" s="101">
        <v>0</v>
      </c>
      <c r="CC25" s="102">
        <v>0</v>
      </c>
      <c r="CD25" s="103">
        <v>0</v>
      </c>
      <c r="CE25" s="413">
        <v>0</v>
      </c>
      <c r="CF25" s="102">
        <v>0</v>
      </c>
      <c r="CG25" s="102">
        <v>0</v>
      </c>
      <c r="CH25" s="102">
        <v>0</v>
      </c>
      <c r="CI25" s="102">
        <v>0</v>
      </c>
      <c r="CJ25" s="102">
        <v>0</v>
      </c>
      <c r="CK25" s="103">
        <v>0</v>
      </c>
      <c r="CL25" s="104">
        <v>0</v>
      </c>
      <c r="CM25" s="101">
        <v>14</v>
      </c>
      <c r="CN25" s="102">
        <v>10</v>
      </c>
      <c r="CO25" s="103">
        <v>24</v>
      </c>
      <c r="CP25" s="413">
        <v>0</v>
      </c>
      <c r="CQ25" s="102">
        <v>25</v>
      </c>
      <c r="CR25" s="102">
        <v>24</v>
      </c>
      <c r="CS25" s="102">
        <v>11</v>
      </c>
      <c r="CT25" s="102">
        <v>8</v>
      </c>
      <c r="CU25" s="102">
        <v>5</v>
      </c>
      <c r="CV25" s="103">
        <v>73</v>
      </c>
      <c r="CW25" s="104">
        <v>97</v>
      </c>
      <c r="CX25" s="105">
        <v>2</v>
      </c>
      <c r="CY25" s="97">
        <v>6</v>
      </c>
      <c r="CZ25" s="98">
        <v>8</v>
      </c>
      <c r="DA25" s="413">
        <v>0</v>
      </c>
      <c r="DB25" s="97">
        <v>5</v>
      </c>
      <c r="DC25" s="97">
        <v>6</v>
      </c>
      <c r="DD25" s="97">
        <v>0</v>
      </c>
      <c r="DE25" s="97">
        <v>4</v>
      </c>
      <c r="DF25" s="97">
        <v>3</v>
      </c>
      <c r="DG25" s="99">
        <v>18</v>
      </c>
      <c r="DH25" s="100">
        <v>26</v>
      </c>
      <c r="DI25" s="101">
        <v>0</v>
      </c>
      <c r="DJ25" s="102">
        <v>1</v>
      </c>
      <c r="DK25" s="103">
        <v>1</v>
      </c>
      <c r="DL25" s="413">
        <v>0</v>
      </c>
      <c r="DM25" s="102">
        <v>0</v>
      </c>
      <c r="DN25" s="102">
        <v>0</v>
      </c>
      <c r="DO25" s="102">
        <v>0</v>
      </c>
      <c r="DP25" s="102">
        <v>0</v>
      </c>
      <c r="DQ25" s="102">
        <v>0</v>
      </c>
      <c r="DR25" s="103">
        <v>0</v>
      </c>
      <c r="DS25" s="104">
        <v>1</v>
      </c>
      <c r="DT25" s="101">
        <v>0</v>
      </c>
      <c r="DU25" s="102">
        <v>0</v>
      </c>
      <c r="DV25" s="103">
        <v>0</v>
      </c>
      <c r="DW25" s="413">
        <v>0</v>
      </c>
      <c r="DX25" s="102">
        <v>0</v>
      </c>
      <c r="DY25" s="102">
        <v>0</v>
      </c>
      <c r="DZ25" s="102">
        <v>0</v>
      </c>
      <c r="EA25" s="102">
        <v>0</v>
      </c>
      <c r="EB25" s="102">
        <v>0</v>
      </c>
      <c r="EC25" s="103">
        <v>0</v>
      </c>
      <c r="ED25" s="104">
        <v>0</v>
      </c>
      <c r="EE25" s="101">
        <v>1</v>
      </c>
      <c r="EF25" s="102">
        <v>1</v>
      </c>
      <c r="EG25" s="103">
        <v>2</v>
      </c>
      <c r="EH25" s="413">
        <v>0</v>
      </c>
      <c r="EI25" s="102">
        <v>0</v>
      </c>
      <c r="EJ25" s="102">
        <v>1</v>
      </c>
      <c r="EK25" s="102">
        <v>0</v>
      </c>
      <c r="EL25" s="102">
        <v>0</v>
      </c>
      <c r="EM25" s="102">
        <v>0</v>
      </c>
      <c r="EN25" s="103">
        <v>1</v>
      </c>
      <c r="EO25" s="104">
        <v>3</v>
      </c>
      <c r="EP25" s="101">
        <v>1</v>
      </c>
      <c r="EQ25" s="102">
        <v>1</v>
      </c>
      <c r="ER25" s="103">
        <v>2</v>
      </c>
      <c r="ES25" s="413">
        <v>0</v>
      </c>
      <c r="ET25" s="102">
        <v>2</v>
      </c>
      <c r="EU25" s="102">
        <v>1</v>
      </c>
      <c r="EV25" s="102">
        <v>0</v>
      </c>
      <c r="EW25" s="102">
        <v>0</v>
      </c>
      <c r="EX25" s="102">
        <v>1</v>
      </c>
      <c r="EY25" s="103">
        <v>4</v>
      </c>
      <c r="EZ25" s="104">
        <v>6</v>
      </c>
      <c r="FA25" s="101">
        <v>0</v>
      </c>
      <c r="FB25" s="102">
        <v>1</v>
      </c>
      <c r="FC25" s="103">
        <v>1</v>
      </c>
      <c r="FD25" s="413">
        <v>0</v>
      </c>
      <c r="FE25" s="102">
        <v>1</v>
      </c>
      <c r="FF25" s="102">
        <v>2</v>
      </c>
      <c r="FG25" s="102">
        <v>0</v>
      </c>
      <c r="FH25" s="102">
        <v>3</v>
      </c>
      <c r="FI25" s="102">
        <v>0</v>
      </c>
      <c r="FJ25" s="103">
        <v>6</v>
      </c>
      <c r="FK25" s="104">
        <v>7</v>
      </c>
      <c r="FL25" s="101">
        <v>0</v>
      </c>
      <c r="FM25" s="102">
        <v>2</v>
      </c>
      <c r="FN25" s="103">
        <v>2</v>
      </c>
      <c r="FO25" s="413">
        <v>0</v>
      </c>
      <c r="FP25" s="102">
        <v>2</v>
      </c>
      <c r="FQ25" s="102">
        <v>2</v>
      </c>
      <c r="FR25" s="102">
        <v>0</v>
      </c>
      <c r="FS25" s="102">
        <v>1</v>
      </c>
      <c r="FT25" s="102">
        <v>2</v>
      </c>
      <c r="FU25" s="103">
        <v>7</v>
      </c>
      <c r="FV25" s="104">
        <v>9</v>
      </c>
      <c r="FW25" s="101">
        <v>0</v>
      </c>
      <c r="FX25" s="102">
        <v>0</v>
      </c>
      <c r="FY25" s="103">
        <v>0</v>
      </c>
      <c r="FZ25" s="413">
        <v>0</v>
      </c>
      <c r="GA25" s="102">
        <v>0</v>
      </c>
      <c r="GB25" s="102">
        <v>0</v>
      </c>
      <c r="GC25" s="102">
        <v>0</v>
      </c>
      <c r="GD25" s="102">
        <v>0</v>
      </c>
      <c r="GE25" s="102">
        <v>0</v>
      </c>
      <c r="GF25" s="103">
        <v>0</v>
      </c>
      <c r="GG25" s="104">
        <v>0</v>
      </c>
      <c r="GH25" s="101">
        <v>2</v>
      </c>
      <c r="GI25" s="102">
        <v>6</v>
      </c>
      <c r="GJ25" s="103">
        <v>8</v>
      </c>
      <c r="GK25" s="413">
        <v>0</v>
      </c>
      <c r="GL25" s="102">
        <v>5</v>
      </c>
      <c r="GM25" s="102">
        <v>6</v>
      </c>
      <c r="GN25" s="102">
        <v>0</v>
      </c>
      <c r="GO25" s="102">
        <v>4</v>
      </c>
      <c r="GP25" s="102">
        <v>3</v>
      </c>
      <c r="GQ25" s="103">
        <v>18</v>
      </c>
      <c r="GR25" s="104">
        <v>26</v>
      </c>
      <c r="GS25" s="105">
        <v>16</v>
      </c>
      <c r="GT25" s="97">
        <v>16</v>
      </c>
      <c r="GU25" s="98">
        <v>32</v>
      </c>
      <c r="GV25" s="413">
        <v>0</v>
      </c>
      <c r="GW25" s="97">
        <v>30</v>
      </c>
      <c r="GX25" s="97">
        <v>30</v>
      </c>
      <c r="GY25" s="97">
        <v>11</v>
      </c>
      <c r="GZ25" s="97">
        <v>12</v>
      </c>
      <c r="HA25" s="97">
        <v>8</v>
      </c>
      <c r="HB25" s="99">
        <v>91</v>
      </c>
      <c r="HC25" s="100">
        <v>123</v>
      </c>
      <c r="HD25" s="101">
        <v>1</v>
      </c>
      <c r="HE25" s="102">
        <v>2</v>
      </c>
      <c r="HF25" s="103">
        <v>3</v>
      </c>
      <c r="HG25" s="413">
        <v>0</v>
      </c>
      <c r="HH25" s="102">
        <v>0</v>
      </c>
      <c r="HI25" s="102">
        <v>0</v>
      </c>
      <c r="HJ25" s="102">
        <v>1</v>
      </c>
      <c r="HK25" s="102">
        <v>0</v>
      </c>
      <c r="HL25" s="102">
        <v>0</v>
      </c>
      <c r="HM25" s="103">
        <v>1</v>
      </c>
      <c r="HN25" s="104">
        <v>4</v>
      </c>
      <c r="HO25" s="101">
        <v>1</v>
      </c>
      <c r="HP25" s="102">
        <v>1</v>
      </c>
      <c r="HQ25" s="103">
        <v>2</v>
      </c>
      <c r="HR25" s="413">
        <v>0</v>
      </c>
      <c r="HS25" s="102">
        <v>2</v>
      </c>
      <c r="HT25" s="102">
        <v>1</v>
      </c>
      <c r="HU25" s="102">
        <v>1</v>
      </c>
      <c r="HV25" s="102">
        <v>0</v>
      </c>
      <c r="HW25" s="102">
        <v>1</v>
      </c>
      <c r="HX25" s="103">
        <v>5</v>
      </c>
      <c r="HY25" s="104">
        <v>7</v>
      </c>
      <c r="HZ25" s="101">
        <v>2</v>
      </c>
      <c r="IA25" s="102">
        <v>2</v>
      </c>
      <c r="IB25" s="103">
        <v>4</v>
      </c>
      <c r="IC25" s="413">
        <v>0</v>
      </c>
      <c r="ID25" s="102">
        <v>5</v>
      </c>
      <c r="IE25" s="102">
        <v>3</v>
      </c>
      <c r="IF25" s="102">
        <v>1</v>
      </c>
      <c r="IG25" s="102">
        <v>1</v>
      </c>
      <c r="IH25" s="102">
        <v>1</v>
      </c>
      <c r="II25" s="103">
        <v>11</v>
      </c>
      <c r="IJ25" s="104">
        <v>15</v>
      </c>
      <c r="IK25" s="101">
        <v>9</v>
      </c>
      <c r="IL25" s="102">
        <v>6</v>
      </c>
      <c r="IM25" s="103">
        <v>15</v>
      </c>
      <c r="IN25" s="413">
        <v>0</v>
      </c>
      <c r="IO25" s="102">
        <v>7</v>
      </c>
      <c r="IP25" s="102">
        <v>8</v>
      </c>
      <c r="IQ25" s="102">
        <v>2</v>
      </c>
      <c r="IR25" s="102">
        <v>1</v>
      </c>
      <c r="IS25" s="102">
        <v>3</v>
      </c>
      <c r="IT25" s="103">
        <v>21</v>
      </c>
      <c r="IU25" s="104">
        <v>36</v>
      </c>
      <c r="IV25" s="101">
        <v>1</v>
      </c>
      <c r="IW25" s="102">
        <v>1</v>
      </c>
      <c r="IX25" s="103">
        <v>2</v>
      </c>
      <c r="IY25" s="413">
        <v>0</v>
      </c>
      <c r="IZ25" s="102">
        <v>5</v>
      </c>
      <c r="JA25" s="102">
        <v>8</v>
      </c>
      <c r="JB25" s="102">
        <v>4</v>
      </c>
      <c r="JC25" s="102">
        <v>5</v>
      </c>
      <c r="JD25" s="102">
        <v>0</v>
      </c>
      <c r="JE25" s="103">
        <v>22</v>
      </c>
      <c r="JF25" s="104">
        <v>24</v>
      </c>
      <c r="JG25" s="101">
        <v>2</v>
      </c>
      <c r="JH25" s="102">
        <v>4</v>
      </c>
      <c r="JI25" s="103">
        <v>6</v>
      </c>
      <c r="JJ25" s="413">
        <v>0</v>
      </c>
      <c r="JK25" s="102">
        <v>11</v>
      </c>
      <c r="JL25" s="102">
        <v>10</v>
      </c>
      <c r="JM25" s="102">
        <v>2</v>
      </c>
      <c r="JN25" s="102">
        <v>5</v>
      </c>
      <c r="JO25" s="102">
        <v>3</v>
      </c>
      <c r="JP25" s="103">
        <v>31</v>
      </c>
      <c r="JQ25" s="104">
        <v>37</v>
      </c>
      <c r="JR25" s="101">
        <v>0</v>
      </c>
      <c r="JS25" s="102">
        <v>0</v>
      </c>
      <c r="JT25" s="103">
        <v>0</v>
      </c>
      <c r="JU25" s="413">
        <v>0</v>
      </c>
      <c r="JV25" s="102">
        <v>0</v>
      </c>
      <c r="JW25" s="102">
        <v>0</v>
      </c>
      <c r="JX25" s="102">
        <v>0</v>
      </c>
      <c r="JY25" s="102">
        <v>0</v>
      </c>
      <c r="JZ25" s="102">
        <v>0</v>
      </c>
      <c r="KA25" s="103">
        <v>0</v>
      </c>
      <c r="KB25" s="104">
        <v>0</v>
      </c>
      <c r="KC25" s="101">
        <v>16</v>
      </c>
      <c r="KD25" s="102">
        <v>16</v>
      </c>
      <c r="KE25" s="103">
        <v>32</v>
      </c>
      <c r="KF25" s="413">
        <v>0</v>
      </c>
      <c r="KG25" s="102">
        <v>30</v>
      </c>
      <c r="KH25" s="102">
        <v>30</v>
      </c>
      <c r="KI25" s="102">
        <v>11</v>
      </c>
      <c r="KJ25" s="102">
        <v>12</v>
      </c>
      <c r="KK25" s="102">
        <v>8</v>
      </c>
      <c r="KL25" s="103">
        <v>91</v>
      </c>
      <c r="KM25" s="104">
        <v>123</v>
      </c>
    </row>
    <row r="26" spans="2:299" s="70" customFormat="1" ht="21" customHeight="1" x14ac:dyDescent="0.2">
      <c r="B26" s="106" t="s">
        <v>23</v>
      </c>
      <c r="C26" s="96">
        <v>22</v>
      </c>
      <c r="D26" s="97">
        <v>18</v>
      </c>
      <c r="E26" s="98">
        <v>40</v>
      </c>
      <c r="F26" s="413">
        <v>0</v>
      </c>
      <c r="G26" s="97">
        <v>21</v>
      </c>
      <c r="H26" s="97">
        <v>27</v>
      </c>
      <c r="I26" s="97">
        <v>24</v>
      </c>
      <c r="J26" s="97">
        <v>15</v>
      </c>
      <c r="K26" s="97">
        <v>14</v>
      </c>
      <c r="L26" s="99">
        <v>101</v>
      </c>
      <c r="M26" s="100">
        <v>141</v>
      </c>
      <c r="N26" s="101">
        <v>0</v>
      </c>
      <c r="O26" s="102">
        <v>2</v>
      </c>
      <c r="P26" s="103">
        <v>2</v>
      </c>
      <c r="Q26" s="413">
        <v>0</v>
      </c>
      <c r="R26" s="102">
        <v>0</v>
      </c>
      <c r="S26" s="102">
        <v>0</v>
      </c>
      <c r="T26" s="102">
        <v>1</v>
      </c>
      <c r="U26" s="102">
        <v>0</v>
      </c>
      <c r="V26" s="102">
        <v>0</v>
      </c>
      <c r="W26" s="103">
        <v>1</v>
      </c>
      <c r="X26" s="104">
        <v>3</v>
      </c>
      <c r="Y26" s="101">
        <v>1</v>
      </c>
      <c r="Z26" s="102">
        <v>0</v>
      </c>
      <c r="AA26" s="103">
        <v>1</v>
      </c>
      <c r="AB26" s="413">
        <v>0</v>
      </c>
      <c r="AC26" s="102">
        <v>0</v>
      </c>
      <c r="AD26" s="102">
        <v>5</v>
      </c>
      <c r="AE26" s="102">
        <v>2</v>
      </c>
      <c r="AF26" s="102">
        <v>0</v>
      </c>
      <c r="AG26" s="102">
        <v>3</v>
      </c>
      <c r="AH26" s="103">
        <v>10</v>
      </c>
      <c r="AI26" s="104">
        <v>11</v>
      </c>
      <c r="AJ26" s="101">
        <v>6</v>
      </c>
      <c r="AK26" s="102">
        <v>0</v>
      </c>
      <c r="AL26" s="103">
        <v>6</v>
      </c>
      <c r="AM26" s="413">
        <v>0</v>
      </c>
      <c r="AN26" s="102">
        <v>3</v>
      </c>
      <c r="AO26" s="102">
        <v>2</v>
      </c>
      <c r="AP26" s="102">
        <v>3</v>
      </c>
      <c r="AQ26" s="102">
        <v>0</v>
      </c>
      <c r="AR26" s="102">
        <v>3</v>
      </c>
      <c r="AS26" s="103">
        <v>11</v>
      </c>
      <c r="AT26" s="104">
        <v>17</v>
      </c>
      <c r="AU26" s="101">
        <v>8</v>
      </c>
      <c r="AV26" s="102">
        <v>6</v>
      </c>
      <c r="AW26" s="103">
        <v>14</v>
      </c>
      <c r="AX26" s="413">
        <v>0</v>
      </c>
      <c r="AY26" s="102">
        <v>6</v>
      </c>
      <c r="AZ26" s="102">
        <v>3</v>
      </c>
      <c r="BA26" s="102">
        <v>5</v>
      </c>
      <c r="BB26" s="102">
        <v>7</v>
      </c>
      <c r="BC26" s="102">
        <v>2</v>
      </c>
      <c r="BD26" s="103">
        <v>23</v>
      </c>
      <c r="BE26" s="104">
        <v>37</v>
      </c>
      <c r="BF26" s="101">
        <v>6</v>
      </c>
      <c r="BG26" s="102">
        <v>5</v>
      </c>
      <c r="BH26" s="103">
        <v>11</v>
      </c>
      <c r="BI26" s="413">
        <v>0</v>
      </c>
      <c r="BJ26" s="102">
        <v>8</v>
      </c>
      <c r="BK26" s="102">
        <v>9</v>
      </c>
      <c r="BL26" s="102">
        <v>7</v>
      </c>
      <c r="BM26" s="102">
        <v>3</v>
      </c>
      <c r="BN26" s="102">
        <v>5</v>
      </c>
      <c r="BO26" s="103">
        <v>32</v>
      </c>
      <c r="BP26" s="104">
        <v>43</v>
      </c>
      <c r="BQ26" s="101">
        <v>1</v>
      </c>
      <c r="BR26" s="102">
        <v>5</v>
      </c>
      <c r="BS26" s="103">
        <v>6</v>
      </c>
      <c r="BT26" s="413">
        <v>0</v>
      </c>
      <c r="BU26" s="102">
        <v>4</v>
      </c>
      <c r="BV26" s="102">
        <v>8</v>
      </c>
      <c r="BW26" s="102">
        <v>6</v>
      </c>
      <c r="BX26" s="102">
        <v>5</v>
      </c>
      <c r="BY26" s="102">
        <v>1</v>
      </c>
      <c r="BZ26" s="103">
        <v>24</v>
      </c>
      <c r="CA26" s="104">
        <v>30</v>
      </c>
      <c r="CB26" s="101">
        <v>0</v>
      </c>
      <c r="CC26" s="102">
        <v>0</v>
      </c>
      <c r="CD26" s="103">
        <v>0</v>
      </c>
      <c r="CE26" s="413">
        <v>0</v>
      </c>
      <c r="CF26" s="102">
        <v>0</v>
      </c>
      <c r="CG26" s="102">
        <v>0</v>
      </c>
      <c r="CH26" s="102">
        <v>0</v>
      </c>
      <c r="CI26" s="102">
        <v>0</v>
      </c>
      <c r="CJ26" s="102">
        <v>0</v>
      </c>
      <c r="CK26" s="103">
        <v>0</v>
      </c>
      <c r="CL26" s="104">
        <v>0</v>
      </c>
      <c r="CM26" s="101">
        <v>22</v>
      </c>
      <c r="CN26" s="102">
        <v>18</v>
      </c>
      <c r="CO26" s="103">
        <v>40</v>
      </c>
      <c r="CP26" s="413">
        <v>0</v>
      </c>
      <c r="CQ26" s="102">
        <v>21</v>
      </c>
      <c r="CR26" s="102">
        <v>27</v>
      </c>
      <c r="CS26" s="102">
        <v>24</v>
      </c>
      <c r="CT26" s="102">
        <v>15</v>
      </c>
      <c r="CU26" s="102">
        <v>14</v>
      </c>
      <c r="CV26" s="103">
        <v>101</v>
      </c>
      <c r="CW26" s="104">
        <v>141</v>
      </c>
      <c r="CX26" s="105">
        <v>8</v>
      </c>
      <c r="CY26" s="97">
        <v>9</v>
      </c>
      <c r="CZ26" s="98">
        <v>17</v>
      </c>
      <c r="DA26" s="413">
        <v>0</v>
      </c>
      <c r="DB26" s="97">
        <v>9</v>
      </c>
      <c r="DC26" s="97">
        <v>9</v>
      </c>
      <c r="DD26" s="97">
        <v>3</v>
      </c>
      <c r="DE26" s="97">
        <v>6</v>
      </c>
      <c r="DF26" s="97">
        <v>6</v>
      </c>
      <c r="DG26" s="99">
        <v>33</v>
      </c>
      <c r="DH26" s="100">
        <v>50</v>
      </c>
      <c r="DI26" s="101">
        <v>1</v>
      </c>
      <c r="DJ26" s="102">
        <v>1</v>
      </c>
      <c r="DK26" s="103">
        <v>2</v>
      </c>
      <c r="DL26" s="413">
        <v>0</v>
      </c>
      <c r="DM26" s="102">
        <v>0</v>
      </c>
      <c r="DN26" s="102">
        <v>0</v>
      </c>
      <c r="DO26" s="102">
        <v>0</v>
      </c>
      <c r="DP26" s="102">
        <v>0</v>
      </c>
      <c r="DQ26" s="102">
        <v>0</v>
      </c>
      <c r="DR26" s="103">
        <v>0</v>
      </c>
      <c r="DS26" s="104">
        <v>2</v>
      </c>
      <c r="DT26" s="101">
        <v>0</v>
      </c>
      <c r="DU26" s="102">
        <v>0</v>
      </c>
      <c r="DV26" s="103">
        <v>0</v>
      </c>
      <c r="DW26" s="413">
        <v>0</v>
      </c>
      <c r="DX26" s="102">
        <v>0</v>
      </c>
      <c r="DY26" s="102">
        <v>0</v>
      </c>
      <c r="DZ26" s="102">
        <v>0</v>
      </c>
      <c r="EA26" s="102">
        <v>0</v>
      </c>
      <c r="EB26" s="102">
        <v>0</v>
      </c>
      <c r="EC26" s="103">
        <v>0</v>
      </c>
      <c r="ED26" s="104">
        <v>0</v>
      </c>
      <c r="EE26" s="101">
        <v>1</v>
      </c>
      <c r="EF26" s="102">
        <v>1</v>
      </c>
      <c r="EG26" s="103">
        <v>2</v>
      </c>
      <c r="EH26" s="413">
        <v>0</v>
      </c>
      <c r="EI26" s="102">
        <v>0</v>
      </c>
      <c r="EJ26" s="102">
        <v>0</v>
      </c>
      <c r="EK26" s="102">
        <v>0</v>
      </c>
      <c r="EL26" s="102">
        <v>0</v>
      </c>
      <c r="EM26" s="102">
        <v>1</v>
      </c>
      <c r="EN26" s="103">
        <v>1</v>
      </c>
      <c r="EO26" s="104">
        <v>3</v>
      </c>
      <c r="EP26" s="101">
        <v>4</v>
      </c>
      <c r="EQ26" s="102">
        <v>5</v>
      </c>
      <c r="ER26" s="103">
        <v>9</v>
      </c>
      <c r="ES26" s="413">
        <v>0</v>
      </c>
      <c r="ET26" s="102">
        <v>2</v>
      </c>
      <c r="EU26" s="102">
        <v>1</v>
      </c>
      <c r="EV26" s="102">
        <v>1</v>
      </c>
      <c r="EW26" s="102">
        <v>1</v>
      </c>
      <c r="EX26" s="102">
        <v>1</v>
      </c>
      <c r="EY26" s="103">
        <v>6</v>
      </c>
      <c r="EZ26" s="104">
        <v>15</v>
      </c>
      <c r="FA26" s="101">
        <v>1</v>
      </c>
      <c r="FB26" s="102">
        <v>1</v>
      </c>
      <c r="FC26" s="103">
        <v>2</v>
      </c>
      <c r="FD26" s="413">
        <v>0</v>
      </c>
      <c r="FE26" s="102">
        <v>1</v>
      </c>
      <c r="FF26" s="102">
        <v>3</v>
      </c>
      <c r="FG26" s="102">
        <v>1</v>
      </c>
      <c r="FH26" s="102">
        <v>1</v>
      </c>
      <c r="FI26" s="102">
        <v>1</v>
      </c>
      <c r="FJ26" s="103">
        <v>7</v>
      </c>
      <c r="FK26" s="104">
        <v>9</v>
      </c>
      <c r="FL26" s="101">
        <v>1</v>
      </c>
      <c r="FM26" s="102">
        <v>1</v>
      </c>
      <c r="FN26" s="103">
        <v>2</v>
      </c>
      <c r="FO26" s="413">
        <v>0</v>
      </c>
      <c r="FP26" s="102">
        <v>6</v>
      </c>
      <c r="FQ26" s="102">
        <v>5</v>
      </c>
      <c r="FR26" s="102">
        <v>1</v>
      </c>
      <c r="FS26" s="102">
        <v>4</v>
      </c>
      <c r="FT26" s="102">
        <v>3</v>
      </c>
      <c r="FU26" s="103">
        <v>19</v>
      </c>
      <c r="FV26" s="104">
        <v>21</v>
      </c>
      <c r="FW26" s="101">
        <v>0</v>
      </c>
      <c r="FX26" s="102">
        <v>0</v>
      </c>
      <c r="FY26" s="103">
        <v>0</v>
      </c>
      <c r="FZ26" s="413">
        <v>0</v>
      </c>
      <c r="GA26" s="102">
        <v>0</v>
      </c>
      <c r="GB26" s="102">
        <v>0</v>
      </c>
      <c r="GC26" s="102">
        <v>0</v>
      </c>
      <c r="GD26" s="102">
        <v>0</v>
      </c>
      <c r="GE26" s="102">
        <v>0</v>
      </c>
      <c r="GF26" s="103">
        <v>0</v>
      </c>
      <c r="GG26" s="104">
        <v>0</v>
      </c>
      <c r="GH26" s="101">
        <v>8</v>
      </c>
      <c r="GI26" s="102">
        <v>9</v>
      </c>
      <c r="GJ26" s="103">
        <v>17</v>
      </c>
      <c r="GK26" s="413">
        <v>0</v>
      </c>
      <c r="GL26" s="102">
        <v>9</v>
      </c>
      <c r="GM26" s="102">
        <v>9</v>
      </c>
      <c r="GN26" s="102">
        <v>3</v>
      </c>
      <c r="GO26" s="102">
        <v>6</v>
      </c>
      <c r="GP26" s="102">
        <v>6</v>
      </c>
      <c r="GQ26" s="103">
        <v>33</v>
      </c>
      <c r="GR26" s="104">
        <v>50</v>
      </c>
      <c r="GS26" s="105">
        <v>30</v>
      </c>
      <c r="GT26" s="97">
        <v>27</v>
      </c>
      <c r="GU26" s="98">
        <v>57</v>
      </c>
      <c r="GV26" s="413">
        <v>0</v>
      </c>
      <c r="GW26" s="97">
        <v>30</v>
      </c>
      <c r="GX26" s="97">
        <v>36</v>
      </c>
      <c r="GY26" s="97">
        <v>27</v>
      </c>
      <c r="GZ26" s="97">
        <v>21</v>
      </c>
      <c r="HA26" s="97">
        <v>20</v>
      </c>
      <c r="HB26" s="99">
        <v>134</v>
      </c>
      <c r="HC26" s="100">
        <v>191</v>
      </c>
      <c r="HD26" s="101">
        <v>1</v>
      </c>
      <c r="HE26" s="102">
        <v>3</v>
      </c>
      <c r="HF26" s="103">
        <v>4</v>
      </c>
      <c r="HG26" s="413">
        <v>0</v>
      </c>
      <c r="HH26" s="102">
        <v>0</v>
      </c>
      <c r="HI26" s="102">
        <v>0</v>
      </c>
      <c r="HJ26" s="102">
        <v>1</v>
      </c>
      <c r="HK26" s="102">
        <v>0</v>
      </c>
      <c r="HL26" s="102">
        <v>0</v>
      </c>
      <c r="HM26" s="103">
        <v>1</v>
      </c>
      <c r="HN26" s="104">
        <v>5</v>
      </c>
      <c r="HO26" s="101">
        <v>1</v>
      </c>
      <c r="HP26" s="102">
        <v>0</v>
      </c>
      <c r="HQ26" s="103">
        <v>1</v>
      </c>
      <c r="HR26" s="413">
        <v>0</v>
      </c>
      <c r="HS26" s="102">
        <v>0</v>
      </c>
      <c r="HT26" s="102">
        <v>5</v>
      </c>
      <c r="HU26" s="102">
        <v>2</v>
      </c>
      <c r="HV26" s="102">
        <v>0</v>
      </c>
      <c r="HW26" s="102">
        <v>3</v>
      </c>
      <c r="HX26" s="103">
        <v>10</v>
      </c>
      <c r="HY26" s="104">
        <v>11</v>
      </c>
      <c r="HZ26" s="101">
        <v>7</v>
      </c>
      <c r="IA26" s="102">
        <v>1</v>
      </c>
      <c r="IB26" s="103">
        <v>8</v>
      </c>
      <c r="IC26" s="413">
        <v>0</v>
      </c>
      <c r="ID26" s="102">
        <v>3</v>
      </c>
      <c r="IE26" s="102">
        <v>2</v>
      </c>
      <c r="IF26" s="102">
        <v>3</v>
      </c>
      <c r="IG26" s="102">
        <v>0</v>
      </c>
      <c r="IH26" s="102">
        <v>4</v>
      </c>
      <c r="II26" s="103">
        <v>12</v>
      </c>
      <c r="IJ26" s="104">
        <v>20</v>
      </c>
      <c r="IK26" s="101">
        <v>12</v>
      </c>
      <c r="IL26" s="102">
        <v>11</v>
      </c>
      <c r="IM26" s="103">
        <v>23</v>
      </c>
      <c r="IN26" s="413">
        <v>0</v>
      </c>
      <c r="IO26" s="102">
        <v>8</v>
      </c>
      <c r="IP26" s="102">
        <v>4</v>
      </c>
      <c r="IQ26" s="102">
        <v>6</v>
      </c>
      <c r="IR26" s="102">
        <v>8</v>
      </c>
      <c r="IS26" s="102">
        <v>3</v>
      </c>
      <c r="IT26" s="103">
        <v>29</v>
      </c>
      <c r="IU26" s="104">
        <v>52</v>
      </c>
      <c r="IV26" s="101">
        <v>7</v>
      </c>
      <c r="IW26" s="102">
        <v>6</v>
      </c>
      <c r="IX26" s="103">
        <v>13</v>
      </c>
      <c r="IY26" s="413">
        <v>0</v>
      </c>
      <c r="IZ26" s="102">
        <v>9</v>
      </c>
      <c r="JA26" s="102">
        <v>12</v>
      </c>
      <c r="JB26" s="102">
        <v>8</v>
      </c>
      <c r="JC26" s="102">
        <v>4</v>
      </c>
      <c r="JD26" s="102">
        <v>6</v>
      </c>
      <c r="JE26" s="103">
        <v>39</v>
      </c>
      <c r="JF26" s="104">
        <v>52</v>
      </c>
      <c r="JG26" s="101">
        <v>2</v>
      </c>
      <c r="JH26" s="102">
        <v>6</v>
      </c>
      <c r="JI26" s="103">
        <v>8</v>
      </c>
      <c r="JJ26" s="413">
        <v>0</v>
      </c>
      <c r="JK26" s="102">
        <v>10</v>
      </c>
      <c r="JL26" s="102">
        <v>13</v>
      </c>
      <c r="JM26" s="102">
        <v>7</v>
      </c>
      <c r="JN26" s="102">
        <v>9</v>
      </c>
      <c r="JO26" s="102">
        <v>4</v>
      </c>
      <c r="JP26" s="103">
        <v>43</v>
      </c>
      <c r="JQ26" s="104">
        <v>51</v>
      </c>
      <c r="JR26" s="101">
        <v>0</v>
      </c>
      <c r="JS26" s="102">
        <v>0</v>
      </c>
      <c r="JT26" s="103">
        <v>0</v>
      </c>
      <c r="JU26" s="413">
        <v>0</v>
      </c>
      <c r="JV26" s="102">
        <v>0</v>
      </c>
      <c r="JW26" s="102">
        <v>0</v>
      </c>
      <c r="JX26" s="102">
        <v>0</v>
      </c>
      <c r="JY26" s="102">
        <v>0</v>
      </c>
      <c r="JZ26" s="102">
        <v>0</v>
      </c>
      <c r="KA26" s="103">
        <v>0</v>
      </c>
      <c r="KB26" s="104">
        <v>0</v>
      </c>
      <c r="KC26" s="101">
        <v>30</v>
      </c>
      <c r="KD26" s="102">
        <v>27</v>
      </c>
      <c r="KE26" s="103">
        <v>57</v>
      </c>
      <c r="KF26" s="413">
        <v>0</v>
      </c>
      <c r="KG26" s="102">
        <v>30</v>
      </c>
      <c r="KH26" s="102">
        <v>36</v>
      </c>
      <c r="KI26" s="102">
        <v>27</v>
      </c>
      <c r="KJ26" s="102">
        <v>21</v>
      </c>
      <c r="KK26" s="102">
        <v>20</v>
      </c>
      <c r="KL26" s="103">
        <v>134</v>
      </c>
      <c r="KM26" s="104">
        <v>191</v>
      </c>
    </row>
    <row r="27" spans="2:299" s="70" customFormat="1" ht="21" customHeight="1" x14ac:dyDescent="0.2">
      <c r="B27" s="106" t="s">
        <v>24</v>
      </c>
      <c r="C27" s="96">
        <v>24</v>
      </c>
      <c r="D27" s="97">
        <v>20</v>
      </c>
      <c r="E27" s="98">
        <v>44</v>
      </c>
      <c r="F27" s="413">
        <v>0</v>
      </c>
      <c r="G27" s="97">
        <v>29</v>
      </c>
      <c r="H27" s="97">
        <v>23</v>
      </c>
      <c r="I27" s="97">
        <v>15</v>
      </c>
      <c r="J27" s="97">
        <v>13</v>
      </c>
      <c r="K27" s="97">
        <v>9</v>
      </c>
      <c r="L27" s="99">
        <v>89</v>
      </c>
      <c r="M27" s="100">
        <v>133</v>
      </c>
      <c r="N27" s="101">
        <v>0</v>
      </c>
      <c r="O27" s="102">
        <v>0</v>
      </c>
      <c r="P27" s="103">
        <v>0</v>
      </c>
      <c r="Q27" s="413">
        <v>0</v>
      </c>
      <c r="R27" s="102">
        <v>1</v>
      </c>
      <c r="S27" s="102">
        <v>0</v>
      </c>
      <c r="T27" s="102">
        <v>0</v>
      </c>
      <c r="U27" s="102">
        <v>1</v>
      </c>
      <c r="V27" s="102">
        <v>0</v>
      </c>
      <c r="W27" s="103">
        <v>2</v>
      </c>
      <c r="X27" s="104">
        <v>2</v>
      </c>
      <c r="Y27" s="101">
        <v>1</v>
      </c>
      <c r="Z27" s="102">
        <v>1</v>
      </c>
      <c r="AA27" s="103">
        <v>2</v>
      </c>
      <c r="AB27" s="413">
        <v>0</v>
      </c>
      <c r="AC27" s="102">
        <v>0</v>
      </c>
      <c r="AD27" s="102">
        <v>1</v>
      </c>
      <c r="AE27" s="102">
        <v>0</v>
      </c>
      <c r="AF27" s="102">
        <v>1</v>
      </c>
      <c r="AG27" s="102">
        <v>1</v>
      </c>
      <c r="AH27" s="103">
        <v>3</v>
      </c>
      <c r="AI27" s="104">
        <v>5</v>
      </c>
      <c r="AJ27" s="101">
        <v>1</v>
      </c>
      <c r="AK27" s="102">
        <v>0</v>
      </c>
      <c r="AL27" s="103">
        <v>1</v>
      </c>
      <c r="AM27" s="413">
        <v>0</v>
      </c>
      <c r="AN27" s="102">
        <v>4</v>
      </c>
      <c r="AO27" s="102">
        <v>2</v>
      </c>
      <c r="AP27" s="102">
        <v>2</v>
      </c>
      <c r="AQ27" s="102">
        <v>0</v>
      </c>
      <c r="AR27" s="102">
        <v>1</v>
      </c>
      <c r="AS27" s="103">
        <v>9</v>
      </c>
      <c r="AT27" s="104">
        <v>10</v>
      </c>
      <c r="AU27" s="101">
        <v>5</v>
      </c>
      <c r="AV27" s="102">
        <v>3</v>
      </c>
      <c r="AW27" s="103">
        <v>8</v>
      </c>
      <c r="AX27" s="413">
        <v>0</v>
      </c>
      <c r="AY27" s="102">
        <v>7</v>
      </c>
      <c r="AZ27" s="102">
        <v>6</v>
      </c>
      <c r="BA27" s="102">
        <v>1</v>
      </c>
      <c r="BB27" s="102">
        <v>3</v>
      </c>
      <c r="BC27" s="102">
        <v>2</v>
      </c>
      <c r="BD27" s="103">
        <v>19</v>
      </c>
      <c r="BE27" s="104">
        <v>27</v>
      </c>
      <c r="BF27" s="101">
        <v>8</v>
      </c>
      <c r="BG27" s="102">
        <v>7</v>
      </c>
      <c r="BH27" s="103">
        <v>15</v>
      </c>
      <c r="BI27" s="413">
        <v>0</v>
      </c>
      <c r="BJ27" s="102">
        <v>12</v>
      </c>
      <c r="BK27" s="102">
        <v>5</v>
      </c>
      <c r="BL27" s="102">
        <v>8</v>
      </c>
      <c r="BM27" s="102">
        <v>2</v>
      </c>
      <c r="BN27" s="102">
        <v>2</v>
      </c>
      <c r="BO27" s="103">
        <v>29</v>
      </c>
      <c r="BP27" s="104">
        <v>44</v>
      </c>
      <c r="BQ27" s="101">
        <v>9</v>
      </c>
      <c r="BR27" s="102">
        <v>9</v>
      </c>
      <c r="BS27" s="103">
        <v>18</v>
      </c>
      <c r="BT27" s="413">
        <v>0</v>
      </c>
      <c r="BU27" s="102">
        <v>5</v>
      </c>
      <c r="BV27" s="102">
        <v>9</v>
      </c>
      <c r="BW27" s="102">
        <v>4</v>
      </c>
      <c r="BX27" s="102">
        <v>6</v>
      </c>
      <c r="BY27" s="102">
        <v>3</v>
      </c>
      <c r="BZ27" s="103">
        <v>27</v>
      </c>
      <c r="CA27" s="104">
        <v>45</v>
      </c>
      <c r="CB27" s="101">
        <v>0</v>
      </c>
      <c r="CC27" s="102">
        <v>0</v>
      </c>
      <c r="CD27" s="103">
        <v>0</v>
      </c>
      <c r="CE27" s="413">
        <v>0</v>
      </c>
      <c r="CF27" s="102">
        <v>0</v>
      </c>
      <c r="CG27" s="102">
        <v>0</v>
      </c>
      <c r="CH27" s="102">
        <v>0</v>
      </c>
      <c r="CI27" s="102">
        <v>0</v>
      </c>
      <c r="CJ27" s="102">
        <v>0</v>
      </c>
      <c r="CK27" s="103">
        <v>0</v>
      </c>
      <c r="CL27" s="104">
        <v>0</v>
      </c>
      <c r="CM27" s="101">
        <v>24</v>
      </c>
      <c r="CN27" s="102">
        <v>20</v>
      </c>
      <c r="CO27" s="103">
        <v>44</v>
      </c>
      <c r="CP27" s="413">
        <v>0</v>
      </c>
      <c r="CQ27" s="102">
        <v>29</v>
      </c>
      <c r="CR27" s="102">
        <v>23</v>
      </c>
      <c r="CS27" s="102">
        <v>15</v>
      </c>
      <c r="CT27" s="102">
        <v>13</v>
      </c>
      <c r="CU27" s="102">
        <v>9</v>
      </c>
      <c r="CV27" s="103">
        <v>89</v>
      </c>
      <c r="CW27" s="104">
        <v>133</v>
      </c>
      <c r="CX27" s="105">
        <v>8</v>
      </c>
      <c r="CY27" s="97">
        <v>8</v>
      </c>
      <c r="CZ27" s="98">
        <v>16</v>
      </c>
      <c r="DA27" s="413">
        <v>0</v>
      </c>
      <c r="DB27" s="97">
        <v>9</v>
      </c>
      <c r="DC27" s="97">
        <v>7</v>
      </c>
      <c r="DD27" s="97">
        <v>3</v>
      </c>
      <c r="DE27" s="97">
        <v>5</v>
      </c>
      <c r="DF27" s="97">
        <v>2</v>
      </c>
      <c r="DG27" s="99">
        <v>26</v>
      </c>
      <c r="DH27" s="100">
        <v>42</v>
      </c>
      <c r="DI27" s="101">
        <v>0</v>
      </c>
      <c r="DJ27" s="102">
        <v>0</v>
      </c>
      <c r="DK27" s="103">
        <v>0</v>
      </c>
      <c r="DL27" s="413">
        <v>0</v>
      </c>
      <c r="DM27" s="102">
        <v>0</v>
      </c>
      <c r="DN27" s="102">
        <v>0</v>
      </c>
      <c r="DO27" s="102">
        <v>0</v>
      </c>
      <c r="DP27" s="102">
        <v>0</v>
      </c>
      <c r="DQ27" s="102">
        <v>0</v>
      </c>
      <c r="DR27" s="103">
        <v>0</v>
      </c>
      <c r="DS27" s="104">
        <v>0</v>
      </c>
      <c r="DT27" s="101">
        <v>0</v>
      </c>
      <c r="DU27" s="102">
        <v>0</v>
      </c>
      <c r="DV27" s="103">
        <v>0</v>
      </c>
      <c r="DW27" s="413">
        <v>0</v>
      </c>
      <c r="DX27" s="102">
        <v>0</v>
      </c>
      <c r="DY27" s="102">
        <v>0</v>
      </c>
      <c r="DZ27" s="102">
        <v>0</v>
      </c>
      <c r="EA27" s="102">
        <v>0</v>
      </c>
      <c r="EB27" s="102">
        <v>0</v>
      </c>
      <c r="EC27" s="103">
        <v>0</v>
      </c>
      <c r="ED27" s="104">
        <v>0</v>
      </c>
      <c r="EE27" s="101">
        <v>2</v>
      </c>
      <c r="EF27" s="102">
        <v>1</v>
      </c>
      <c r="EG27" s="103">
        <v>3</v>
      </c>
      <c r="EH27" s="413">
        <v>0</v>
      </c>
      <c r="EI27" s="102">
        <v>2</v>
      </c>
      <c r="EJ27" s="102">
        <v>1</v>
      </c>
      <c r="EK27" s="102">
        <v>0</v>
      </c>
      <c r="EL27" s="102">
        <v>0</v>
      </c>
      <c r="EM27" s="102">
        <v>0</v>
      </c>
      <c r="EN27" s="103">
        <v>3</v>
      </c>
      <c r="EO27" s="104">
        <v>6</v>
      </c>
      <c r="EP27" s="101">
        <v>3</v>
      </c>
      <c r="EQ27" s="102">
        <v>2</v>
      </c>
      <c r="ER27" s="103">
        <v>5</v>
      </c>
      <c r="ES27" s="413">
        <v>0</v>
      </c>
      <c r="ET27" s="102">
        <v>3</v>
      </c>
      <c r="EU27" s="102">
        <v>1</v>
      </c>
      <c r="EV27" s="102">
        <v>1</v>
      </c>
      <c r="EW27" s="102">
        <v>1</v>
      </c>
      <c r="EX27" s="102">
        <v>0</v>
      </c>
      <c r="EY27" s="103">
        <v>6</v>
      </c>
      <c r="EZ27" s="104">
        <v>11</v>
      </c>
      <c r="FA27" s="101">
        <v>1</v>
      </c>
      <c r="FB27" s="102">
        <v>1</v>
      </c>
      <c r="FC27" s="103">
        <v>2</v>
      </c>
      <c r="FD27" s="413">
        <v>0</v>
      </c>
      <c r="FE27" s="102">
        <v>3</v>
      </c>
      <c r="FF27" s="102">
        <v>3</v>
      </c>
      <c r="FG27" s="102">
        <v>0</v>
      </c>
      <c r="FH27" s="102">
        <v>0</v>
      </c>
      <c r="FI27" s="102">
        <v>1</v>
      </c>
      <c r="FJ27" s="103">
        <v>7</v>
      </c>
      <c r="FK27" s="104">
        <v>9</v>
      </c>
      <c r="FL27" s="101">
        <v>2</v>
      </c>
      <c r="FM27" s="102">
        <v>4</v>
      </c>
      <c r="FN27" s="103">
        <v>6</v>
      </c>
      <c r="FO27" s="413">
        <v>0</v>
      </c>
      <c r="FP27" s="102">
        <v>1</v>
      </c>
      <c r="FQ27" s="102">
        <v>2</v>
      </c>
      <c r="FR27" s="102">
        <v>2</v>
      </c>
      <c r="FS27" s="102">
        <v>4</v>
      </c>
      <c r="FT27" s="102">
        <v>1</v>
      </c>
      <c r="FU27" s="103">
        <v>10</v>
      </c>
      <c r="FV27" s="104">
        <v>16</v>
      </c>
      <c r="FW27" s="101">
        <v>0</v>
      </c>
      <c r="FX27" s="102">
        <v>0</v>
      </c>
      <c r="FY27" s="103">
        <v>0</v>
      </c>
      <c r="FZ27" s="413">
        <v>0</v>
      </c>
      <c r="GA27" s="102">
        <v>0</v>
      </c>
      <c r="GB27" s="102">
        <v>0</v>
      </c>
      <c r="GC27" s="102">
        <v>0</v>
      </c>
      <c r="GD27" s="102">
        <v>0</v>
      </c>
      <c r="GE27" s="102">
        <v>0</v>
      </c>
      <c r="GF27" s="103">
        <v>0</v>
      </c>
      <c r="GG27" s="104">
        <v>0</v>
      </c>
      <c r="GH27" s="101">
        <v>8</v>
      </c>
      <c r="GI27" s="102">
        <v>8</v>
      </c>
      <c r="GJ27" s="103">
        <v>16</v>
      </c>
      <c r="GK27" s="413">
        <v>0</v>
      </c>
      <c r="GL27" s="102">
        <v>9</v>
      </c>
      <c r="GM27" s="102">
        <v>7</v>
      </c>
      <c r="GN27" s="102">
        <v>3</v>
      </c>
      <c r="GO27" s="102">
        <v>5</v>
      </c>
      <c r="GP27" s="102">
        <v>2</v>
      </c>
      <c r="GQ27" s="103">
        <v>26</v>
      </c>
      <c r="GR27" s="104">
        <v>42</v>
      </c>
      <c r="GS27" s="105">
        <v>32</v>
      </c>
      <c r="GT27" s="97">
        <v>28</v>
      </c>
      <c r="GU27" s="98">
        <v>60</v>
      </c>
      <c r="GV27" s="413">
        <v>0</v>
      </c>
      <c r="GW27" s="97">
        <v>38</v>
      </c>
      <c r="GX27" s="97">
        <v>30</v>
      </c>
      <c r="GY27" s="97">
        <v>18</v>
      </c>
      <c r="GZ27" s="97">
        <v>18</v>
      </c>
      <c r="HA27" s="97">
        <v>11</v>
      </c>
      <c r="HB27" s="99">
        <v>115</v>
      </c>
      <c r="HC27" s="100">
        <v>175</v>
      </c>
      <c r="HD27" s="101">
        <v>0</v>
      </c>
      <c r="HE27" s="102">
        <v>0</v>
      </c>
      <c r="HF27" s="103">
        <v>0</v>
      </c>
      <c r="HG27" s="413">
        <v>0</v>
      </c>
      <c r="HH27" s="102">
        <v>1</v>
      </c>
      <c r="HI27" s="102">
        <v>0</v>
      </c>
      <c r="HJ27" s="102">
        <v>0</v>
      </c>
      <c r="HK27" s="102">
        <v>1</v>
      </c>
      <c r="HL27" s="102">
        <v>0</v>
      </c>
      <c r="HM27" s="103">
        <v>2</v>
      </c>
      <c r="HN27" s="104">
        <v>2</v>
      </c>
      <c r="HO27" s="101">
        <v>1</v>
      </c>
      <c r="HP27" s="102">
        <v>1</v>
      </c>
      <c r="HQ27" s="103">
        <v>2</v>
      </c>
      <c r="HR27" s="413">
        <v>0</v>
      </c>
      <c r="HS27" s="102">
        <v>0</v>
      </c>
      <c r="HT27" s="102">
        <v>1</v>
      </c>
      <c r="HU27" s="102">
        <v>0</v>
      </c>
      <c r="HV27" s="102">
        <v>1</v>
      </c>
      <c r="HW27" s="102">
        <v>1</v>
      </c>
      <c r="HX27" s="103">
        <v>3</v>
      </c>
      <c r="HY27" s="104">
        <v>5</v>
      </c>
      <c r="HZ27" s="101">
        <v>3</v>
      </c>
      <c r="IA27" s="102">
        <v>1</v>
      </c>
      <c r="IB27" s="103">
        <v>4</v>
      </c>
      <c r="IC27" s="413">
        <v>0</v>
      </c>
      <c r="ID27" s="102">
        <v>6</v>
      </c>
      <c r="IE27" s="102">
        <v>3</v>
      </c>
      <c r="IF27" s="102">
        <v>2</v>
      </c>
      <c r="IG27" s="102">
        <v>0</v>
      </c>
      <c r="IH27" s="102">
        <v>1</v>
      </c>
      <c r="II27" s="103">
        <v>12</v>
      </c>
      <c r="IJ27" s="104">
        <v>16</v>
      </c>
      <c r="IK27" s="101">
        <v>8</v>
      </c>
      <c r="IL27" s="102">
        <v>5</v>
      </c>
      <c r="IM27" s="103">
        <v>13</v>
      </c>
      <c r="IN27" s="413">
        <v>0</v>
      </c>
      <c r="IO27" s="102">
        <v>10</v>
      </c>
      <c r="IP27" s="102">
        <v>7</v>
      </c>
      <c r="IQ27" s="102">
        <v>2</v>
      </c>
      <c r="IR27" s="102">
        <v>4</v>
      </c>
      <c r="IS27" s="102">
        <v>2</v>
      </c>
      <c r="IT27" s="103">
        <v>25</v>
      </c>
      <c r="IU27" s="104">
        <v>38</v>
      </c>
      <c r="IV27" s="101">
        <v>9</v>
      </c>
      <c r="IW27" s="102">
        <v>8</v>
      </c>
      <c r="IX27" s="103">
        <v>17</v>
      </c>
      <c r="IY27" s="413">
        <v>0</v>
      </c>
      <c r="IZ27" s="102">
        <v>15</v>
      </c>
      <c r="JA27" s="102">
        <v>8</v>
      </c>
      <c r="JB27" s="102">
        <v>8</v>
      </c>
      <c r="JC27" s="102">
        <v>2</v>
      </c>
      <c r="JD27" s="102">
        <v>3</v>
      </c>
      <c r="JE27" s="103">
        <v>36</v>
      </c>
      <c r="JF27" s="104">
        <v>53</v>
      </c>
      <c r="JG27" s="101">
        <v>11</v>
      </c>
      <c r="JH27" s="102">
        <v>13</v>
      </c>
      <c r="JI27" s="103">
        <v>24</v>
      </c>
      <c r="JJ27" s="413">
        <v>0</v>
      </c>
      <c r="JK27" s="102">
        <v>6</v>
      </c>
      <c r="JL27" s="102">
        <v>11</v>
      </c>
      <c r="JM27" s="102">
        <v>6</v>
      </c>
      <c r="JN27" s="102">
        <v>10</v>
      </c>
      <c r="JO27" s="102">
        <v>4</v>
      </c>
      <c r="JP27" s="103">
        <v>37</v>
      </c>
      <c r="JQ27" s="104">
        <v>61</v>
      </c>
      <c r="JR27" s="101">
        <v>0</v>
      </c>
      <c r="JS27" s="102">
        <v>0</v>
      </c>
      <c r="JT27" s="103">
        <v>0</v>
      </c>
      <c r="JU27" s="413">
        <v>0</v>
      </c>
      <c r="JV27" s="102">
        <v>0</v>
      </c>
      <c r="JW27" s="102">
        <v>0</v>
      </c>
      <c r="JX27" s="102">
        <v>0</v>
      </c>
      <c r="JY27" s="102">
        <v>0</v>
      </c>
      <c r="JZ27" s="102">
        <v>0</v>
      </c>
      <c r="KA27" s="103">
        <v>0</v>
      </c>
      <c r="KB27" s="104">
        <v>0</v>
      </c>
      <c r="KC27" s="101">
        <v>32</v>
      </c>
      <c r="KD27" s="102">
        <v>28</v>
      </c>
      <c r="KE27" s="103">
        <v>60</v>
      </c>
      <c r="KF27" s="413">
        <v>0</v>
      </c>
      <c r="KG27" s="102">
        <v>38</v>
      </c>
      <c r="KH27" s="102">
        <v>30</v>
      </c>
      <c r="KI27" s="102">
        <v>18</v>
      </c>
      <c r="KJ27" s="102">
        <v>18</v>
      </c>
      <c r="KK27" s="102">
        <v>11</v>
      </c>
      <c r="KL27" s="103">
        <v>115</v>
      </c>
      <c r="KM27" s="104">
        <v>175</v>
      </c>
    </row>
    <row r="28" spans="2:299" s="70" customFormat="1" ht="21" customHeight="1" x14ac:dyDescent="0.2">
      <c r="B28" s="106" t="s">
        <v>25</v>
      </c>
      <c r="C28" s="96">
        <v>12</v>
      </c>
      <c r="D28" s="97">
        <v>14</v>
      </c>
      <c r="E28" s="98">
        <v>26</v>
      </c>
      <c r="F28" s="413">
        <v>0</v>
      </c>
      <c r="G28" s="97">
        <v>7</v>
      </c>
      <c r="H28" s="97">
        <v>11</v>
      </c>
      <c r="I28" s="97">
        <v>10</v>
      </c>
      <c r="J28" s="97">
        <v>3</v>
      </c>
      <c r="K28" s="97">
        <v>6</v>
      </c>
      <c r="L28" s="99">
        <v>37</v>
      </c>
      <c r="M28" s="100">
        <v>63</v>
      </c>
      <c r="N28" s="101">
        <v>0</v>
      </c>
      <c r="O28" s="102">
        <v>2</v>
      </c>
      <c r="P28" s="103">
        <v>2</v>
      </c>
      <c r="Q28" s="413">
        <v>0</v>
      </c>
      <c r="R28" s="102">
        <v>0</v>
      </c>
      <c r="S28" s="102">
        <v>0</v>
      </c>
      <c r="T28" s="102">
        <v>1</v>
      </c>
      <c r="U28" s="102">
        <v>1</v>
      </c>
      <c r="V28" s="102">
        <v>0</v>
      </c>
      <c r="W28" s="103">
        <v>2</v>
      </c>
      <c r="X28" s="104">
        <v>4</v>
      </c>
      <c r="Y28" s="101">
        <v>3</v>
      </c>
      <c r="Z28" s="102">
        <v>2</v>
      </c>
      <c r="AA28" s="103">
        <v>5</v>
      </c>
      <c r="AB28" s="413">
        <v>0</v>
      </c>
      <c r="AC28" s="102">
        <v>1</v>
      </c>
      <c r="AD28" s="102">
        <v>1</v>
      </c>
      <c r="AE28" s="102">
        <v>3</v>
      </c>
      <c r="AF28" s="102">
        <v>0</v>
      </c>
      <c r="AG28" s="102">
        <v>1</v>
      </c>
      <c r="AH28" s="103">
        <v>6</v>
      </c>
      <c r="AI28" s="104">
        <v>11</v>
      </c>
      <c r="AJ28" s="101">
        <v>0</v>
      </c>
      <c r="AK28" s="102">
        <v>0</v>
      </c>
      <c r="AL28" s="103">
        <v>0</v>
      </c>
      <c r="AM28" s="413">
        <v>0</v>
      </c>
      <c r="AN28" s="102">
        <v>1</v>
      </c>
      <c r="AO28" s="102">
        <v>0</v>
      </c>
      <c r="AP28" s="102">
        <v>0</v>
      </c>
      <c r="AQ28" s="102">
        <v>1</v>
      </c>
      <c r="AR28" s="102">
        <v>0</v>
      </c>
      <c r="AS28" s="103">
        <v>2</v>
      </c>
      <c r="AT28" s="104">
        <v>2</v>
      </c>
      <c r="AU28" s="101">
        <v>4</v>
      </c>
      <c r="AV28" s="102">
        <v>6</v>
      </c>
      <c r="AW28" s="103">
        <v>10</v>
      </c>
      <c r="AX28" s="413">
        <v>0</v>
      </c>
      <c r="AY28" s="102">
        <v>3</v>
      </c>
      <c r="AZ28" s="102">
        <v>2</v>
      </c>
      <c r="BA28" s="102">
        <v>1</v>
      </c>
      <c r="BB28" s="102">
        <v>0</v>
      </c>
      <c r="BC28" s="102">
        <v>2</v>
      </c>
      <c r="BD28" s="103">
        <v>8</v>
      </c>
      <c r="BE28" s="104">
        <v>18</v>
      </c>
      <c r="BF28" s="101">
        <v>3</v>
      </c>
      <c r="BG28" s="102">
        <v>2</v>
      </c>
      <c r="BH28" s="103">
        <v>5</v>
      </c>
      <c r="BI28" s="413">
        <v>0</v>
      </c>
      <c r="BJ28" s="102">
        <v>1</v>
      </c>
      <c r="BK28" s="102">
        <v>2</v>
      </c>
      <c r="BL28" s="102">
        <v>3</v>
      </c>
      <c r="BM28" s="102">
        <v>1</v>
      </c>
      <c r="BN28" s="102">
        <v>1</v>
      </c>
      <c r="BO28" s="103">
        <v>8</v>
      </c>
      <c r="BP28" s="104">
        <v>13</v>
      </c>
      <c r="BQ28" s="101">
        <v>2</v>
      </c>
      <c r="BR28" s="102">
        <v>2</v>
      </c>
      <c r="BS28" s="103">
        <v>4</v>
      </c>
      <c r="BT28" s="413">
        <v>0</v>
      </c>
      <c r="BU28" s="102">
        <v>1</v>
      </c>
      <c r="BV28" s="102">
        <v>6</v>
      </c>
      <c r="BW28" s="102">
        <v>2</v>
      </c>
      <c r="BX28" s="102">
        <v>0</v>
      </c>
      <c r="BY28" s="102">
        <v>2</v>
      </c>
      <c r="BZ28" s="103">
        <v>11</v>
      </c>
      <c r="CA28" s="104">
        <v>15</v>
      </c>
      <c r="CB28" s="101">
        <v>0</v>
      </c>
      <c r="CC28" s="102">
        <v>0</v>
      </c>
      <c r="CD28" s="103">
        <v>0</v>
      </c>
      <c r="CE28" s="413">
        <v>0</v>
      </c>
      <c r="CF28" s="102">
        <v>0</v>
      </c>
      <c r="CG28" s="102">
        <v>0</v>
      </c>
      <c r="CH28" s="102">
        <v>0</v>
      </c>
      <c r="CI28" s="102">
        <v>0</v>
      </c>
      <c r="CJ28" s="102">
        <v>0</v>
      </c>
      <c r="CK28" s="103">
        <v>0</v>
      </c>
      <c r="CL28" s="104">
        <v>0</v>
      </c>
      <c r="CM28" s="101">
        <v>12</v>
      </c>
      <c r="CN28" s="102">
        <v>14</v>
      </c>
      <c r="CO28" s="103">
        <v>26</v>
      </c>
      <c r="CP28" s="413">
        <v>0</v>
      </c>
      <c r="CQ28" s="102">
        <v>7</v>
      </c>
      <c r="CR28" s="102">
        <v>11</v>
      </c>
      <c r="CS28" s="102">
        <v>10</v>
      </c>
      <c r="CT28" s="102">
        <v>3</v>
      </c>
      <c r="CU28" s="102">
        <v>6</v>
      </c>
      <c r="CV28" s="103">
        <v>37</v>
      </c>
      <c r="CW28" s="104">
        <v>63</v>
      </c>
      <c r="CX28" s="105">
        <v>7</v>
      </c>
      <c r="CY28" s="97">
        <v>10</v>
      </c>
      <c r="CZ28" s="98">
        <v>17</v>
      </c>
      <c r="DA28" s="413">
        <v>0</v>
      </c>
      <c r="DB28" s="97">
        <v>8</v>
      </c>
      <c r="DC28" s="97">
        <v>4</v>
      </c>
      <c r="DD28" s="97">
        <v>7</v>
      </c>
      <c r="DE28" s="97">
        <v>4</v>
      </c>
      <c r="DF28" s="97">
        <v>2</v>
      </c>
      <c r="DG28" s="99">
        <v>25</v>
      </c>
      <c r="DH28" s="100">
        <v>42</v>
      </c>
      <c r="DI28" s="101">
        <v>0</v>
      </c>
      <c r="DJ28" s="102">
        <v>0</v>
      </c>
      <c r="DK28" s="103">
        <v>0</v>
      </c>
      <c r="DL28" s="413">
        <v>0</v>
      </c>
      <c r="DM28" s="102">
        <v>0</v>
      </c>
      <c r="DN28" s="102">
        <v>0</v>
      </c>
      <c r="DO28" s="102">
        <v>0</v>
      </c>
      <c r="DP28" s="102">
        <v>0</v>
      </c>
      <c r="DQ28" s="102">
        <v>0</v>
      </c>
      <c r="DR28" s="103">
        <v>0</v>
      </c>
      <c r="DS28" s="104">
        <v>0</v>
      </c>
      <c r="DT28" s="101">
        <v>1</v>
      </c>
      <c r="DU28" s="102">
        <v>0</v>
      </c>
      <c r="DV28" s="103">
        <v>1</v>
      </c>
      <c r="DW28" s="413">
        <v>0</v>
      </c>
      <c r="DX28" s="102">
        <v>2</v>
      </c>
      <c r="DY28" s="102">
        <v>0</v>
      </c>
      <c r="DZ28" s="102">
        <v>0</v>
      </c>
      <c r="EA28" s="102">
        <v>0</v>
      </c>
      <c r="EB28" s="102">
        <v>1</v>
      </c>
      <c r="EC28" s="103">
        <v>3</v>
      </c>
      <c r="ED28" s="104">
        <v>4</v>
      </c>
      <c r="EE28" s="101">
        <v>1</v>
      </c>
      <c r="EF28" s="102">
        <v>1</v>
      </c>
      <c r="EG28" s="103">
        <v>2</v>
      </c>
      <c r="EH28" s="413">
        <v>0</v>
      </c>
      <c r="EI28" s="102">
        <v>0</v>
      </c>
      <c r="EJ28" s="102">
        <v>0</v>
      </c>
      <c r="EK28" s="102">
        <v>0</v>
      </c>
      <c r="EL28" s="102">
        <v>0</v>
      </c>
      <c r="EM28" s="102">
        <v>0</v>
      </c>
      <c r="EN28" s="103">
        <v>0</v>
      </c>
      <c r="EO28" s="104">
        <v>2</v>
      </c>
      <c r="EP28" s="101">
        <v>0</v>
      </c>
      <c r="EQ28" s="102">
        <v>3</v>
      </c>
      <c r="ER28" s="103">
        <v>3</v>
      </c>
      <c r="ES28" s="413">
        <v>0</v>
      </c>
      <c r="ET28" s="102">
        <v>1</v>
      </c>
      <c r="EU28" s="102">
        <v>1</v>
      </c>
      <c r="EV28" s="102">
        <v>0</v>
      </c>
      <c r="EW28" s="102">
        <v>0</v>
      </c>
      <c r="EX28" s="102">
        <v>0</v>
      </c>
      <c r="EY28" s="103">
        <v>2</v>
      </c>
      <c r="EZ28" s="104">
        <v>5</v>
      </c>
      <c r="FA28" s="101">
        <v>2</v>
      </c>
      <c r="FB28" s="102">
        <v>3</v>
      </c>
      <c r="FC28" s="103">
        <v>5</v>
      </c>
      <c r="FD28" s="413">
        <v>0</v>
      </c>
      <c r="FE28" s="102">
        <v>2</v>
      </c>
      <c r="FF28" s="102">
        <v>1</v>
      </c>
      <c r="FG28" s="102">
        <v>2</v>
      </c>
      <c r="FH28" s="102">
        <v>2</v>
      </c>
      <c r="FI28" s="102">
        <v>0</v>
      </c>
      <c r="FJ28" s="103">
        <v>7</v>
      </c>
      <c r="FK28" s="104">
        <v>12</v>
      </c>
      <c r="FL28" s="101">
        <v>3</v>
      </c>
      <c r="FM28" s="102">
        <v>3</v>
      </c>
      <c r="FN28" s="103">
        <v>6</v>
      </c>
      <c r="FO28" s="413">
        <v>0</v>
      </c>
      <c r="FP28" s="102">
        <v>3</v>
      </c>
      <c r="FQ28" s="102">
        <v>2</v>
      </c>
      <c r="FR28" s="102">
        <v>5</v>
      </c>
      <c r="FS28" s="102">
        <v>2</v>
      </c>
      <c r="FT28" s="102">
        <v>1</v>
      </c>
      <c r="FU28" s="103">
        <v>13</v>
      </c>
      <c r="FV28" s="104">
        <v>19</v>
      </c>
      <c r="FW28" s="101">
        <v>0</v>
      </c>
      <c r="FX28" s="102">
        <v>0</v>
      </c>
      <c r="FY28" s="103">
        <v>0</v>
      </c>
      <c r="FZ28" s="413">
        <v>0</v>
      </c>
      <c r="GA28" s="102">
        <v>0</v>
      </c>
      <c r="GB28" s="102">
        <v>0</v>
      </c>
      <c r="GC28" s="102">
        <v>0</v>
      </c>
      <c r="GD28" s="102">
        <v>0</v>
      </c>
      <c r="GE28" s="102">
        <v>0</v>
      </c>
      <c r="GF28" s="103">
        <v>0</v>
      </c>
      <c r="GG28" s="104">
        <v>0</v>
      </c>
      <c r="GH28" s="101">
        <v>7</v>
      </c>
      <c r="GI28" s="102">
        <v>10</v>
      </c>
      <c r="GJ28" s="103">
        <v>17</v>
      </c>
      <c r="GK28" s="413">
        <v>0</v>
      </c>
      <c r="GL28" s="102">
        <v>8</v>
      </c>
      <c r="GM28" s="102">
        <v>4</v>
      </c>
      <c r="GN28" s="102">
        <v>7</v>
      </c>
      <c r="GO28" s="102">
        <v>4</v>
      </c>
      <c r="GP28" s="102">
        <v>2</v>
      </c>
      <c r="GQ28" s="103">
        <v>25</v>
      </c>
      <c r="GR28" s="104">
        <v>42</v>
      </c>
      <c r="GS28" s="105">
        <v>19</v>
      </c>
      <c r="GT28" s="97">
        <v>24</v>
      </c>
      <c r="GU28" s="98">
        <v>43</v>
      </c>
      <c r="GV28" s="413">
        <v>0</v>
      </c>
      <c r="GW28" s="97">
        <v>15</v>
      </c>
      <c r="GX28" s="97">
        <v>15</v>
      </c>
      <c r="GY28" s="97">
        <v>17</v>
      </c>
      <c r="GZ28" s="97">
        <v>7</v>
      </c>
      <c r="HA28" s="97">
        <v>8</v>
      </c>
      <c r="HB28" s="99">
        <v>62</v>
      </c>
      <c r="HC28" s="100">
        <v>105</v>
      </c>
      <c r="HD28" s="101">
        <v>0</v>
      </c>
      <c r="HE28" s="102">
        <v>2</v>
      </c>
      <c r="HF28" s="103">
        <v>2</v>
      </c>
      <c r="HG28" s="413">
        <v>0</v>
      </c>
      <c r="HH28" s="102">
        <v>0</v>
      </c>
      <c r="HI28" s="102">
        <v>0</v>
      </c>
      <c r="HJ28" s="102">
        <v>1</v>
      </c>
      <c r="HK28" s="102">
        <v>1</v>
      </c>
      <c r="HL28" s="102">
        <v>0</v>
      </c>
      <c r="HM28" s="103">
        <v>2</v>
      </c>
      <c r="HN28" s="104">
        <v>4</v>
      </c>
      <c r="HO28" s="101">
        <v>4</v>
      </c>
      <c r="HP28" s="102">
        <v>2</v>
      </c>
      <c r="HQ28" s="103">
        <v>6</v>
      </c>
      <c r="HR28" s="413">
        <v>0</v>
      </c>
      <c r="HS28" s="102">
        <v>3</v>
      </c>
      <c r="HT28" s="102">
        <v>1</v>
      </c>
      <c r="HU28" s="102">
        <v>3</v>
      </c>
      <c r="HV28" s="102">
        <v>0</v>
      </c>
      <c r="HW28" s="102">
        <v>2</v>
      </c>
      <c r="HX28" s="103">
        <v>9</v>
      </c>
      <c r="HY28" s="104">
        <v>15</v>
      </c>
      <c r="HZ28" s="101">
        <v>1</v>
      </c>
      <c r="IA28" s="102">
        <v>1</v>
      </c>
      <c r="IB28" s="103">
        <v>2</v>
      </c>
      <c r="IC28" s="413">
        <v>0</v>
      </c>
      <c r="ID28" s="102">
        <v>1</v>
      </c>
      <c r="IE28" s="102">
        <v>0</v>
      </c>
      <c r="IF28" s="102">
        <v>0</v>
      </c>
      <c r="IG28" s="102">
        <v>1</v>
      </c>
      <c r="IH28" s="102">
        <v>0</v>
      </c>
      <c r="II28" s="103">
        <v>2</v>
      </c>
      <c r="IJ28" s="104">
        <v>4</v>
      </c>
      <c r="IK28" s="101">
        <v>4</v>
      </c>
      <c r="IL28" s="102">
        <v>9</v>
      </c>
      <c r="IM28" s="103">
        <v>13</v>
      </c>
      <c r="IN28" s="413">
        <v>0</v>
      </c>
      <c r="IO28" s="102">
        <v>4</v>
      </c>
      <c r="IP28" s="102">
        <v>3</v>
      </c>
      <c r="IQ28" s="102">
        <v>1</v>
      </c>
      <c r="IR28" s="102">
        <v>0</v>
      </c>
      <c r="IS28" s="102">
        <v>2</v>
      </c>
      <c r="IT28" s="103">
        <v>10</v>
      </c>
      <c r="IU28" s="104">
        <v>23</v>
      </c>
      <c r="IV28" s="101">
        <v>5</v>
      </c>
      <c r="IW28" s="102">
        <v>5</v>
      </c>
      <c r="IX28" s="103">
        <v>10</v>
      </c>
      <c r="IY28" s="413">
        <v>0</v>
      </c>
      <c r="IZ28" s="102">
        <v>3</v>
      </c>
      <c r="JA28" s="102">
        <v>3</v>
      </c>
      <c r="JB28" s="102">
        <v>5</v>
      </c>
      <c r="JC28" s="102">
        <v>3</v>
      </c>
      <c r="JD28" s="102">
        <v>1</v>
      </c>
      <c r="JE28" s="103">
        <v>15</v>
      </c>
      <c r="JF28" s="104">
        <v>25</v>
      </c>
      <c r="JG28" s="101">
        <v>5</v>
      </c>
      <c r="JH28" s="102">
        <v>5</v>
      </c>
      <c r="JI28" s="103">
        <v>10</v>
      </c>
      <c r="JJ28" s="413">
        <v>0</v>
      </c>
      <c r="JK28" s="102">
        <v>4</v>
      </c>
      <c r="JL28" s="102">
        <v>8</v>
      </c>
      <c r="JM28" s="102">
        <v>7</v>
      </c>
      <c r="JN28" s="102">
        <v>2</v>
      </c>
      <c r="JO28" s="102">
        <v>3</v>
      </c>
      <c r="JP28" s="103">
        <v>24</v>
      </c>
      <c r="JQ28" s="104">
        <v>34</v>
      </c>
      <c r="JR28" s="101">
        <v>0</v>
      </c>
      <c r="JS28" s="102">
        <v>0</v>
      </c>
      <c r="JT28" s="103">
        <v>0</v>
      </c>
      <c r="JU28" s="413">
        <v>0</v>
      </c>
      <c r="JV28" s="102">
        <v>0</v>
      </c>
      <c r="JW28" s="102">
        <v>0</v>
      </c>
      <c r="JX28" s="102">
        <v>0</v>
      </c>
      <c r="JY28" s="102">
        <v>0</v>
      </c>
      <c r="JZ28" s="102">
        <v>0</v>
      </c>
      <c r="KA28" s="103">
        <v>0</v>
      </c>
      <c r="KB28" s="104">
        <v>0</v>
      </c>
      <c r="KC28" s="101">
        <v>19</v>
      </c>
      <c r="KD28" s="102">
        <v>24</v>
      </c>
      <c r="KE28" s="103">
        <v>43</v>
      </c>
      <c r="KF28" s="413">
        <v>0</v>
      </c>
      <c r="KG28" s="102">
        <v>15</v>
      </c>
      <c r="KH28" s="102">
        <v>15</v>
      </c>
      <c r="KI28" s="102">
        <v>17</v>
      </c>
      <c r="KJ28" s="102">
        <v>7</v>
      </c>
      <c r="KK28" s="102">
        <v>8</v>
      </c>
      <c r="KL28" s="103">
        <v>62</v>
      </c>
      <c r="KM28" s="104">
        <v>105</v>
      </c>
    </row>
    <row r="29" spans="2:299" s="70" customFormat="1" ht="21" customHeight="1" x14ac:dyDescent="0.2">
      <c r="B29" s="106" t="s">
        <v>26</v>
      </c>
      <c r="C29" s="96">
        <v>9</v>
      </c>
      <c r="D29" s="97">
        <v>10</v>
      </c>
      <c r="E29" s="98">
        <v>19</v>
      </c>
      <c r="F29" s="413">
        <v>0</v>
      </c>
      <c r="G29" s="97">
        <v>23</v>
      </c>
      <c r="H29" s="97">
        <v>19</v>
      </c>
      <c r="I29" s="97">
        <v>9</v>
      </c>
      <c r="J29" s="97">
        <v>6</v>
      </c>
      <c r="K29" s="97">
        <v>6</v>
      </c>
      <c r="L29" s="99">
        <v>63</v>
      </c>
      <c r="M29" s="100">
        <v>82</v>
      </c>
      <c r="N29" s="101">
        <v>0</v>
      </c>
      <c r="O29" s="102">
        <v>0</v>
      </c>
      <c r="P29" s="103">
        <v>0</v>
      </c>
      <c r="Q29" s="413">
        <v>0</v>
      </c>
      <c r="R29" s="102">
        <v>1</v>
      </c>
      <c r="S29" s="102">
        <v>0</v>
      </c>
      <c r="T29" s="102">
        <v>1</v>
      </c>
      <c r="U29" s="102">
        <v>0</v>
      </c>
      <c r="V29" s="102">
        <v>0</v>
      </c>
      <c r="W29" s="103">
        <v>2</v>
      </c>
      <c r="X29" s="104">
        <v>2</v>
      </c>
      <c r="Y29" s="101">
        <v>0</v>
      </c>
      <c r="Z29" s="102">
        <v>2</v>
      </c>
      <c r="AA29" s="103">
        <v>2</v>
      </c>
      <c r="AB29" s="413">
        <v>0</v>
      </c>
      <c r="AC29" s="102">
        <v>3</v>
      </c>
      <c r="AD29" s="102">
        <v>2</v>
      </c>
      <c r="AE29" s="102">
        <v>0</v>
      </c>
      <c r="AF29" s="102">
        <v>0</v>
      </c>
      <c r="AG29" s="102">
        <v>0</v>
      </c>
      <c r="AH29" s="103">
        <v>5</v>
      </c>
      <c r="AI29" s="104">
        <v>7</v>
      </c>
      <c r="AJ29" s="101">
        <v>2</v>
      </c>
      <c r="AK29" s="102">
        <v>1</v>
      </c>
      <c r="AL29" s="103">
        <v>3</v>
      </c>
      <c r="AM29" s="413">
        <v>0</v>
      </c>
      <c r="AN29" s="102">
        <v>3</v>
      </c>
      <c r="AO29" s="102">
        <v>4</v>
      </c>
      <c r="AP29" s="102">
        <v>0</v>
      </c>
      <c r="AQ29" s="102">
        <v>0</v>
      </c>
      <c r="AR29" s="102">
        <v>1</v>
      </c>
      <c r="AS29" s="103">
        <v>8</v>
      </c>
      <c r="AT29" s="104">
        <v>11</v>
      </c>
      <c r="AU29" s="101">
        <v>3</v>
      </c>
      <c r="AV29" s="102">
        <v>2</v>
      </c>
      <c r="AW29" s="103">
        <v>5</v>
      </c>
      <c r="AX29" s="413">
        <v>0</v>
      </c>
      <c r="AY29" s="102">
        <v>3</v>
      </c>
      <c r="AZ29" s="102">
        <v>6</v>
      </c>
      <c r="BA29" s="102">
        <v>2</v>
      </c>
      <c r="BB29" s="102">
        <v>3</v>
      </c>
      <c r="BC29" s="102">
        <v>2</v>
      </c>
      <c r="BD29" s="103">
        <v>16</v>
      </c>
      <c r="BE29" s="104">
        <v>21</v>
      </c>
      <c r="BF29" s="101">
        <v>2</v>
      </c>
      <c r="BG29" s="102">
        <v>1</v>
      </c>
      <c r="BH29" s="103">
        <v>3</v>
      </c>
      <c r="BI29" s="413">
        <v>0</v>
      </c>
      <c r="BJ29" s="102">
        <v>6</v>
      </c>
      <c r="BK29" s="102">
        <v>3</v>
      </c>
      <c r="BL29" s="102">
        <v>3</v>
      </c>
      <c r="BM29" s="102">
        <v>1</v>
      </c>
      <c r="BN29" s="102">
        <v>2</v>
      </c>
      <c r="BO29" s="103">
        <v>15</v>
      </c>
      <c r="BP29" s="104">
        <v>18</v>
      </c>
      <c r="BQ29" s="101">
        <v>2</v>
      </c>
      <c r="BR29" s="102">
        <v>4</v>
      </c>
      <c r="BS29" s="103">
        <v>6</v>
      </c>
      <c r="BT29" s="413">
        <v>0</v>
      </c>
      <c r="BU29" s="102">
        <v>7</v>
      </c>
      <c r="BV29" s="102">
        <v>4</v>
      </c>
      <c r="BW29" s="102">
        <v>3</v>
      </c>
      <c r="BX29" s="102">
        <v>2</v>
      </c>
      <c r="BY29" s="102">
        <v>1</v>
      </c>
      <c r="BZ29" s="103">
        <v>17</v>
      </c>
      <c r="CA29" s="104">
        <v>23</v>
      </c>
      <c r="CB29" s="101">
        <v>0</v>
      </c>
      <c r="CC29" s="102">
        <v>0</v>
      </c>
      <c r="CD29" s="103">
        <v>0</v>
      </c>
      <c r="CE29" s="413">
        <v>0</v>
      </c>
      <c r="CF29" s="102">
        <v>0</v>
      </c>
      <c r="CG29" s="102">
        <v>0</v>
      </c>
      <c r="CH29" s="102">
        <v>0</v>
      </c>
      <c r="CI29" s="102">
        <v>0</v>
      </c>
      <c r="CJ29" s="102">
        <v>0</v>
      </c>
      <c r="CK29" s="103">
        <v>0</v>
      </c>
      <c r="CL29" s="104">
        <v>0</v>
      </c>
      <c r="CM29" s="101">
        <v>9</v>
      </c>
      <c r="CN29" s="102">
        <v>10</v>
      </c>
      <c r="CO29" s="103">
        <v>19</v>
      </c>
      <c r="CP29" s="413">
        <v>0</v>
      </c>
      <c r="CQ29" s="102">
        <v>23</v>
      </c>
      <c r="CR29" s="102">
        <v>19</v>
      </c>
      <c r="CS29" s="102">
        <v>9</v>
      </c>
      <c r="CT29" s="102">
        <v>6</v>
      </c>
      <c r="CU29" s="102">
        <v>6</v>
      </c>
      <c r="CV29" s="103">
        <v>63</v>
      </c>
      <c r="CW29" s="104">
        <v>82</v>
      </c>
      <c r="CX29" s="105">
        <v>3</v>
      </c>
      <c r="CY29" s="97">
        <v>6</v>
      </c>
      <c r="CZ29" s="98">
        <v>9</v>
      </c>
      <c r="DA29" s="413">
        <v>0</v>
      </c>
      <c r="DB29" s="97">
        <v>9</v>
      </c>
      <c r="DC29" s="97">
        <v>5</v>
      </c>
      <c r="DD29" s="97">
        <v>8</v>
      </c>
      <c r="DE29" s="97">
        <v>4</v>
      </c>
      <c r="DF29" s="97">
        <v>2</v>
      </c>
      <c r="DG29" s="99">
        <v>28</v>
      </c>
      <c r="DH29" s="100">
        <v>37</v>
      </c>
      <c r="DI29" s="101">
        <v>0</v>
      </c>
      <c r="DJ29" s="102">
        <v>0</v>
      </c>
      <c r="DK29" s="103">
        <v>0</v>
      </c>
      <c r="DL29" s="413">
        <v>0</v>
      </c>
      <c r="DM29" s="102">
        <v>1</v>
      </c>
      <c r="DN29" s="102">
        <v>0</v>
      </c>
      <c r="DO29" s="102">
        <v>0</v>
      </c>
      <c r="DP29" s="102">
        <v>0</v>
      </c>
      <c r="DQ29" s="102">
        <v>0</v>
      </c>
      <c r="DR29" s="103">
        <v>1</v>
      </c>
      <c r="DS29" s="104">
        <v>1</v>
      </c>
      <c r="DT29" s="101">
        <v>0</v>
      </c>
      <c r="DU29" s="102">
        <v>0</v>
      </c>
      <c r="DV29" s="103">
        <v>0</v>
      </c>
      <c r="DW29" s="413">
        <v>0</v>
      </c>
      <c r="DX29" s="102">
        <v>0</v>
      </c>
      <c r="DY29" s="102">
        <v>0</v>
      </c>
      <c r="DZ29" s="102">
        <v>0</v>
      </c>
      <c r="EA29" s="102">
        <v>1</v>
      </c>
      <c r="EB29" s="102">
        <v>0</v>
      </c>
      <c r="EC29" s="103">
        <v>1</v>
      </c>
      <c r="ED29" s="104">
        <v>1</v>
      </c>
      <c r="EE29" s="101">
        <v>0</v>
      </c>
      <c r="EF29" s="102">
        <v>3</v>
      </c>
      <c r="EG29" s="103">
        <v>3</v>
      </c>
      <c r="EH29" s="413">
        <v>0</v>
      </c>
      <c r="EI29" s="102">
        <v>1</v>
      </c>
      <c r="EJ29" s="102">
        <v>0</v>
      </c>
      <c r="EK29" s="102">
        <v>1</v>
      </c>
      <c r="EL29" s="102">
        <v>0</v>
      </c>
      <c r="EM29" s="102">
        <v>0</v>
      </c>
      <c r="EN29" s="103">
        <v>2</v>
      </c>
      <c r="EO29" s="104">
        <v>5</v>
      </c>
      <c r="EP29" s="101">
        <v>1</v>
      </c>
      <c r="EQ29" s="102">
        <v>1</v>
      </c>
      <c r="ER29" s="103">
        <v>2</v>
      </c>
      <c r="ES29" s="413">
        <v>0</v>
      </c>
      <c r="ET29" s="102">
        <v>0</v>
      </c>
      <c r="EU29" s="102">
        <v>1</v>
      </c>
      <c r="EV29" s="102">
        <v>1</v>
      </c>
      <c r="EW29" s="102">
        <v>0</v>
      </c>
      <c r="EX29" s="102">
        <v>0</v>
      </c>
      <c r="EY29" s="103">
        <v>2</v>
      </c>
      <c r="EZ29" s="104">
        <v>4</v>
      </c>
      <c r="FA29" s="101">
        <v>2</v>
      </c>
      <c r="FB29" s="102">
        <v>1</v>
      </c>
      <c r="FC29" s="103">
        <v>3</v>
      </c>
      <c r="FD29" s="413">
        <v>0</v>
      </c>
      <c r="FE29" s="102">
        <v>4</v>
      </c>
      <c r="FF29" s="102">
        <v>1</v>
      </c>
      <c r="FG29" s="102">
        <v>2</v>
      </c>
      <c r="FH29" s="102">
        <v>0</v>
      </c>
      <c r="FI29" s="102">
        <v>0</v>
      </c>
      <c r="FJ29" s="103">
        <v>7</v>
      </c>
      <c r="FK29" s="104">
        <v>10</v>
      </c>
      <c r="FL29" s="101">
        <v>0</v>
      </c>
      <c r="FM29" s="102">
        <v>1</v>
      </c>
      <c r="FN29" s="103">
        <v>1</v>
      </c>
      <c r="FO29" s="413">
        <v>0</v>
      </c>
      <c r="FP29" s="102">
        <v>3</v>
      </c>
      <c r="FQ29" s="102">
        <v>3</v>
      </c>
      <c r="FR29" s="102">
        <v>4</v>
      </c>
      <c r="FS29" s="102">
        <v>3</v>
      </c>
      <c r="FT29" s="102">
        <v>2</v>
      </c>
      <c r="FU29" s="103">
        <v>15</v>
      </c>
      <c r="FV29" s="104">
        <v>16</v>
      </c>
      <c r="FW29" s="101">
        <v>0</v>
      </c>
      <c r="FX29" s="102">
        <v>0</v>
      </c>
      <c r="FY29" s="103">
        <v>0</v>
      </c>
      <c r="FZ29" s="413">
        <v>0</v>
      </c>
      <c r="GA29" s="102">
        <v>0</v>
      </c>
      <c r="GB29" s="102">
        <v>0</v>
      </c>
      <c r="GC29" s="102">
        <v>0</v>
      </c>
      <c r="GD29" s="102">
        <v>0</v>
      </c>
      <c r="GE29" s="102">
        <v>0</v>
      </c>
      <c r="GF29" s="103">
        <v>0</v>
      </c>
      <c r="GG29" s="104">
        <v>0</v>
      </c>
      <c r="GH29" s="101">
        <v>3</v>
      </c>
      <c r="GI29" s="102">
        <v>6</v>
      </c>
      <c r="GJ29" s="103">
        <v>9</v>
      </c>
      <c r="GK29" s="413">
        <v>0</v>
      </c>
      <c r="GL29" s="102">
        <v>9</v>
      </c>
      <c r="GM29" s="102">
        <v>5</v>
      </c>
      <c r="GN29" s="102">
        <v>8</v>
      </c>
      <c r="GO29" s="102">
        <v>4</v>
      </c>
      <c r="GP29" s="102">
        <v>2</v>
      </c>
      <c r="GQ29" s="103">
        <v>28</v>
      </c>
      <c r="GR29" s="104">
        <v>37</v>
      </c>
      <c r="GS29" s="105">
        <v>12</v>
      </c>
      <c r="GT29" s="97">
        <v>16</v>
      </c>
      <c r="GU29" s="98">
        <v>28</v>
      </c>
      <c r="GV29" s="413">
        <v>0</v>
      </c>
      <c r="GW29" s="97">
        <v>32</v>
      </c>
      <c r="GX29" s="97">
        <v>24</v>
      </c>
      <c r="GY29" s="97">
        <v>17</v>
      </c>
      <c r="GZ29" s="97">
        <v>10</v>
      </c>
      <c r="HA29" s="97">
        <v>8</v>
      </c>
      <c r="HB29" s="99">
        <v>91</v>
      </c>
      <c r="HC29" s="100">
        <v>119</v>
      </c>
      <c r="HD29" s="101">
        <v>0</v>
      </c>
      <c r="HE29" s="102">
        <v>0</v>
      </c>
      <c r="HF29" s="103">
        <v>0</v>
      </c>
      <c r="HG29" s="413">
        <v>0</v>
      </c>
      <c r="HH29" s="102">
        <v>2</v>
      </c>
      <c r="HI29" s="102">
        <v>0</v>
      </c>
      <c r="HJ29" s="102">
        <v>1</v>
      </c>
      <c r="HK29" s="102">
        <v>0</v>
      </c>
      <c r="HL29" s="102">
        <v>0</v>
      </c>
      <c r="HM29" s="103">
        <v>3</v>
      </c>
      <c r="HN29" s="104">
        <v>3</v>
      </c>
      <c r="HO29" s="101">
        <v>0</v>
      </c>
      <c r="HP29" s="102">
        <v>2</v>
      </c>
      <c r="HQ29" s="103">
        <v>2</v>
      </c>
      <c r="HR29" s="413">
        <v>0</v>
      </c>
      <c r="HS29" s="102">
        <v>3</v>
      </c>
      <c r="HT29" s="102">
        <v>2</v>
      </c>
      <c r="HU29" s="102">
        <v>0</v>
      </c>
      <c r="HV29" s="102">
        <v>1</v>
      </c>
      <c r="HW29" s="102">
        <v>0</v>
      </c>
      <c r="HX29" s="103">
        <v>6</v>
      </c>
      <c r="HY29" s="104">
        <v>8</v>
      </c>
      <c r="HZ29" s="101">
        <v>2</v>
      </c>
      <c r="IA29" s="102">
        <v>4</v>
      </c>
      <c r="IB29" s="103">
        <v>6</v>
      </c>
      <c r="IC29" s="413">
        <v>0</v>
      </c>
      <c r="ID29" s="102">
        <v>4</v>
      </c>
      <c r="IE29" s="102">
        <v>4</v>
      </c>
      <c r="IF29" s="102">
        <v>1</v>
      </c>
      <c r="IG29" s="102">
        <v>0</v>
      </c>
      <c r="IH29" s="102">
        <v>1</v>
      </c>
      <c r="II29" s="103">
        <v>10</v>
      </c>
      <c r="IJ29" s="104">
        <v>16</v>
      </c>
      <c r="IK29" s="101">
        <v>4</v>
      </c>
      <c r="IL29" s="102">
        <v>3</v>
      </c>
      <c r="IM29" s="103">
        <v>7</v>
      </c>
      <c r="IN29" s="413">
        <v>0</v>
      </c>
      <c r="IO29" s="102">
        <v>3</v>
      </c>
      <c r="IP29" s="102">
        <v>7</v>
      </c>
      <c r="IQ29" s="102">
        <v>3</v>
      </c>
      <c r="IR29" s="102">
        <v>3</v>
      </c>
      <c r="IS29" s="102">
        <v>2</v>
      </c>
      <c r="IT29" s="103">
        <v>18</v>
      </c>
      <c r="IU29" s="104">
        <v>25</v>
      </c>
      <c r="IV29" s="101">
        <v>4</v>
      </c>
      <c r="IW29" s="102">
        <v>2</v>
      </c>
      <c r="IX29" s="103">
        <v>6</v>
      </c>
      <c r="IY29" s="413">
        <v>0</v>
      </c>
      <c r="IZ29" s="102">
        <v>10</v>
      </c>
      <c r="JA29" s="102">
        <v>4</v>
      </c>
      <c r="JB29" s="102">
        <v>5</v>
      </c>
      <c r="JC29" s="102">
        <v>1</v>
      </c>
      <c r="JD29" s="102">
        <v>2</v>
      </c>
      <c r="JE29" s="103">
        <v>22</v>
      </c>
      <c r="JF29" s="104">
        <v>28</v>
      </c>
      <c r="JG29" s="101">
        <v>2</v>
      </c>
      <c r="JH29" s="102">
        <v>5</v>
      </c>
      <c r="JI29" s="103">
        <v>7</v>
      </c>
      <c r="JJ29" s="413">
        <v>0</v>
      </c>
      <c r="JK29" s="102">
        <v>10</v>
      </c>
      <c r="JL29" s="102">
        <v>7</v>
      </c>
      <c r="JM29" s="102">
        <v>7</v>
      </c>
      <c r="JN29" s="102">
        <v>5</v>
      </c>
      <c r="JO29" s="102">
        <v>3</v>
      </c>
      <c r="JP29" s="103">
        <v>32</v>
      </c>
      <c r="JQ29" s="104">
        <v>39</v>
      </c>
      <c r="JR29" s="101">
        <v>0</v>
      </c>
      <c r="JS29" s="102">
        <v>0</v>
      </c>
      <c r="JT29" s="103">
        <v>0</v>
      </c>
      <c r="JU29" s="413">
        <v>0</v>
      </c>
      <c r="JV29" s="102">
        <v>0</v>
      </c>
      <c r="JW29" s="102">
        <v>0</v>
      </c>
      <c r="JX29" s="102">
        <v>0</v>
      </c>
      <c r="JY29" s="102">
        <v>0</v>
      </c>
      <c r="JZ29" s="102">
        <v>0</v>
      </c>
      <c r="KA29" s="103">
        <v>0</v>
      </c>
      <c r="KB29" s="104">
        <v>0</v>
      </c>
      <c r="KC29" s="101">
        <v>12</v>
      </c>
      <c r="KD29" s="102">
        <v>16</v>
      </c>
      <c r="KE29" s="103">
        <v>28</v>
      </c>
      <c r="KF29" s="413">
        <v>0</v>
      </c>
      <c r="KG29" s="102">
        <v>32</v>
      </c>
      <c r="KH29" s="102">
        <v>24</v>
      </c>
      <c r="KI29" s="102">
        <v>17</v>
      </c>
      <c r="KJ29" s="102">
        <v>10</v>
      </c>
      <c r="KK29" s="102">
        <v>8</v>
      </c>
      <c r="KL29" s="103">
        <v>91</v>
      </c>
      <c r="KM29" s="104">
        <v>119</v>
      </c>
    </row>
    <row r="30" spans="2:299" s="70" customFormat="1" ht="21" customHeight="1" x14ac:dyDescent="0.2">
      <c r="B30" s="106" t="s">
        <v>27</v>
      </c>
      <c r="C30" s="96">
        <v>16</v>
      </c>
      <c r="D30" s="97">
        <v>20</v>
      </c>
      <c r="E30" s="98">
        <v>36</v>
      </c>
      <c r="F30" s="413">
        <v>0</v>
      </c>
      <c r="G30" s="97">
        <v>12</v>
      </c>
      <c r="H30" s="97">
        <v>16</v>
      </c>
      <c r="I30" s="97">
        <v>10</v>
      </c>
      <c r="J30" s="97">
        <v>11</v>
      </c>
      <c r="K30" s="97">
        <v>8</v>
      </c>
      <c r="L30" s="99">
        <v>57</v>
      </c>
      <c r="M30" s="100">
        <v>93</v>
      </c>
      <c r="N30" s="101">
        <v>0</v>
      </c>
      <c r="O30" s="102">
        <v>2</v>
      </c>
      <c r="P30" s="103">
        <v>2</v>
      </c>
      <c r="Q30" s="413">
        <v>0</v>
      </c>
      <c r="R30" s="102">
        <v>0</v>
      </c>
      <c r="S30" s="102">
        <v>0</v>
      </c>
      <c r="T30" s="102">
        <v>0</v>
      </c>
      <c r="U30" s="102">
        <v>0</v>
      </c>
      <c r="V30" s="102">
        <v>0</v>
      </c>
      <c r="W30" s="103">
        <v>0</v>
      </c>
      <c r="X30" s="104">
        <v>2</v>
      </c>
      <c r="Y30" s="101">
        <v>0</v>
      </c>
      <c r="Z30" s="102">
        <v>2</v>
      </c>
      <c r="AA30" s="103">
        <v>2</v>
      </c>
      <c r="AB30" s="413">
        <v>0</v>
      </c>
      <c r="AC30" s="102">
        <v>0</v>
      </c>
      <c r="AD30" s="102">
        <v>1</v>
      </c>
      <c r="AE30" s="102">
        <v>1</v>
      </c>
      <c r="AF30" s="102">
        <v>0</v>
      </c>
      <c r="AG30" s="102">
        <v>2</v>
      </c>
      <c r="AH30" s="103">
        <v>4</v>
      </c>
      <c r="AI30" s="104">
        <v>6</v>
      </c>
      <c r="AJ30" s="101">
        <v>2</v>
      </c>
      <c r="AK30" s="102">
        <v>3</v>
      </c>
      <c r="AL30" s="103">
        <v>5</v>
      </c>
      <c r="AM30" s="413">
        <v>0</v>
      </c>
      <c r="AN30" s="102">
        <v>1</v>
      </c>
      <c r="AO30" s="102">
        <v>1</v>
      </c>
      <c r="AP30" s="102">
        <v>0</v>
      </c>
      <c r="AQ30" s="102">
        <v>1</v>
      </c>
      <c r="AR30" s="102">
        <v>0</v>
      </c>
      <c r="AS30" s="103">
        <v>3</v>
      </c>
      <c r="AT30" s="104">
        <v>8</v>
      </c>
      <c r="AU30" s="101">
        <v>6</v>
      </c>
      <c r="AV30" s="102">
        <v>5</v>
      </c>
      <c r="AW30" s="103">
        <v>11</v>
      </c>
      <c r="AX30" s="413">
        <v>0</v>
      </c>
      <c r="AY30" s="102">
        <v>3</v>
      </c>
      <c r="AZ30" s="102">
        <v>7</v>
      </c>
      <c r="BA30" s="102">
        <v>3</v>
      </c>
      <c r="BB30" s="102">
        <v>2</v>
      </c>
      <c r="BC30" s="102">
        <v>2</v>
      </c>
      <c r="BD30" s="103">
        <v>17</v>
      </c>
      <c r="BE30" s="104">
        <v>28</v>
      </c>
      <c r="BF30" s="101">
        <v>6</v>
      </c>
      <c r="BG30" s="102">
        <v>5</v>
      </c>
      <c r="BH30" s="103">
        <v>11</v>
      </c>
      <c r="BI30" s="413">
        <v>0</v>
      </c>
      <c r="BJ30" s="102">
        <v>3</v>
      </c>
      <c r="BK30" s="102">
        <v>3</v>
      </c>
      <c r="BL30" s="102">
        <v>4</v>
      </c>
      <c r="BM30" s="102">
        <v>3</v>
      </c>
      <c r="BN30" s="102">
        <v>1</v>
      </c>
      <c r="BO30" s="103">
        <v>14</v>
      </c>
      <c r="BP30" s="104">
        <v>25</v>
      </c>
      <c r="BQ30" s="101">
        <v>2</v>
      </c>
      <c r="BR30" s="102">
        <v>3</v>
      </c>
      <c r="BS30" s="103">
        <v>5</v>
      </c>
      <c r="BT30" s="413">
        <v>0</v>
      </c>
      <c r="BU30" s="102">
        <v>5</v>
      </c>
      <c r="BV30" s="102">
        <v>4</v>
      </c>
      <c r="BW30" s="102">
        <v>2</v>
      </c>
      <c r="BX30" s="102">
        <v>5</v>
      </c>
      <c r="BY30" s="102">
        <v>3</v>
      </c>
      <c r="BZ30" s="103">
        <v>19</v>
      </c>
      <c r="CA30" s="104">
        <v>24</v>
      </c>
      <c r="CB30" s="101">
        <v>0</v>
      </c>
      <c r="CC30" s="102">
        <v>0</v>
      </c>
      <c r="CD30" s="103">
        <v>0</v>
      </c>
      <c r="CE30" s="413">
        <v>0</v>
      </c>
      <c r="CF30" s="102">
        <v>0</v>
      </c>
      <c r="CG30" s="102">
        <v>0</v>
      </c>
      <c r="CH30" s="102">
        <v>0</v>
      </c>
      <c r="CI30" s="102">
        <v>0</v>
      </c>
      <c r="CJ30" s="102">
        <v>0</v>
      </c>
      <c r="CK30" s="103">
        <v>0</v>
      </c>
      <c r="CL30" s="104">
        <v>0</v>
      </c>
      <c r="CM30" s="101">
        <v>16</v>
      </c>
      <c r="CN30" s="102">
        <v>20</v>
      </c>
      <c r="CO30" s="103">
        <v>36</v>
      </c>
      <c r="CP30" s="413">
        <v>0</v>
      </c>
      <c r="CQ30" s="102">
        <v>12</v>
      </c>
      <c r="CR30" s="102">
        <v>16</v>
      </c>
      <c r="CS30" s="102">
        <v>10</v>
      </c>
      <c r="CT30" s="102">
        <v>11</v>
      </c>
      <c r="CU30" s="102">
        <v>8</v>
      </c>
      <c r="CV30" s="103">
        <v>57</v>
      </c>
      <c r="CW30" s="104">
        <v>93</v>
      </c>
      <c r="CX30" s="105">
        <v>6</v>
      </c>
      <c r="CY30" s="97">
        <v>3</v>
      </c>
      <c r="CZ30" s="98">
        <v>9</v>
      </c>
      <c r="DA30" s="413">
        <v>0</v>
      </c>
      <c r="DB30" s="97">
        <v>11</v>
      </c>
      <c r="DC30" s="97">
        <v>2</v>
      </c>
      <c r="DD30" s="97">
        <v>4</v>
      </c>
      <c r="DE30" s="97">
        <v>1</v>
      </c>
      <c r="DF30" s="97">
        <v>2</v>
      </c>
      <c r="DG30" s="99">
        <v>20</v>
      </c>
      <c r="DH30" s="100">
        <v>29</v>
      </c>
      <c r="DI30" s="101">
        <v>1</v>
      </c>
      <c r="DJ30" s="102">
        <v>0</v>
      </c>
      <c r="DK30" s="103">
        <v>1</v>
      </c>
      <c r="DL30" s="413">
        <v>0</v>
      </c>
      <c r="DM30" s="102">
        <v>0</v>
      </c>
      <c r="DN30" s="102">
        <v>0</v>
      </c>
      <c r="DO30" s="102">
        <v>0</v>
      </c>
      <c r="DP30" s="102">
        <v>0</v>
      </c>
      <c r="DQ30" s="102">
        <v>0</v>
      </c>
      <c r="DR30" s="103">
        <v>0</v>
      </c>
      <c r="DS30" s="104">
        <v>1</v>
      </c>
      <c r="DT30" s="101">
        <v>0</v>
      </c>
      <c r="DU30" s="102">
        <v>0</v>
      </c>
      <c r="DV30" s="103">
        <v>0</v>
      </c>
      <c r="DW30" s="413">
        <v>0</v>
      </c>
      <c r="DX30" s="102">
        <v>0</v>
      </c>
      <c r="DY30" s="102">
        <v>0</v>
      </c>
      <c r="DZ30" s="102">
        <v>0</v>
      </c>
      <c r="EA30" s="102">
        <v>0</v>
      </c>
      <c r="EB30" s="102">
        <v>0</v>
      </c>
      <c r="EC30" s="103">
        <v>0</v>
      </c>
      <c r="ED30" s="104">
        <v>0</v>
      </c>
      <c r="EE30" s="101">
        <v>0</v>
      </c>
      <c r="EF30" s="102">
        <v>0</v>
      </c>
      <c r="EG30" s="103">
        <v>0</v>
      </c>
      <c r="EH30" s="413">
        <v>0</v>
      </c>
      <c r="EI30" s="102">
        <v>0</v>
      </c>
      <c r="EJ30" s="102">
        <v>1</v>
      </c>
      <c r="EK30" s="102">
        <v>0</v>
      </c>
      <c r="EL30" s="102">
        <v>0</v>
      </c>
      <c r="EM30" s="102">
        <v>0</v>
      </c>
      <c r="EN30" s="103">
        <v>1</v>
      </c>
      <c r="EO30" s="104">
        <v>1</v>
      </c>
      <c r="EP30" s="101">
        <v>4</v>
      </c>
      <c r="EQ30" s="102">
        <v>0</v>
      </c>
      <c r="ER30" s="103">
        <v>4</v>
      </c>
      <c r="ES30" s="413">
        <v>0</v>
      </c>
      <c r="ET30" s="102">
        <v>2</v>
      </c>
      <c r="EU30" s="102">
        <v>1</v>
      </c>
      <c r="EV30" s="102">
        <v>0</v>
      </c>
      <c r="EW30" s="102">
        <v>0</v>
      </c>
      <c r="EX30" s="102">
        <v>0</v>
      </c>
      <c r="EY30" s="103">
        <v>3</v>
      </c>
      <c r="EZ30" s="104">
        <v>7</v>
      </c>
      <c r="FA30" s="101">
        <v>1</v>
      </c>
      <c r="FB30" s="102">
        <v>1</v>
      </c>
      <c r="FC30" s="103">
        <v>2</v>
      </c>
      <c r="FD30" s="413">
        <v>0</v>
      </c>
      <c r="FE30" s="102">
        <v>5</v>
      </c>
      <c r="FF30" s="102">
        <v>0</v>
      </c>
      <c r="FG30" s="102">
        <v>1</v>
      </c>
      <c r="FH30" s="102">
        <v>1</v>
      </c>
      <c r="FI30" s="102">
        <v>0</v>
      </c>
      <c r="FJ30" s="103">
        <v>7</v>
      </c>
      <c r="FK30" s="104">
        <v>9</v>
      </c>
      <c r="FL30" s="101">
        <v>0</v>
      </c>
      <c r="FM30" s="102">
        <v>2</v>
      </c>
      <c r="FN30" s="103">
        <v>2</v>
      </c>
      <c r="FO30" s="413">
        <v>0</v>
      </c>
      <c r="FP30" s="102">
        <v>4</v>
      </c>
      <c r="FQ30" s="102">
        <v>0</v>
      </c>
      <c r="FR30" s="102">
        <v>3</v>
      </c>
      <c r="FS30" s="102">
        <v>0</v>
      </c>
      <c r="FT30" s="102">
        <v>2</v>
      </c>
      <c r="FU30" s="103">
        <v>9</v>
      </c>
      <c r="FV30" s="104">
        <v>11</v>
      </c>
      <c r="FW30" s="101">
        <v>0</v>
      </c>
      <c r="FX30" s="102">
        <v>0</v>
      </c>
      <c r="FY30" s="103">
        <v>0</v>
      </c>
      <c r="FZ30" s="413">
        <v>0</v>
      </c>
      <c r="GA30" s="102">
        <v>0</v>
      </c>
      <c r="GB30" s="102">
        <v>0</v>
      </c>
      <c r="GC30" s="102">
        <v>0</v>
      </c>
      <c r="GD30" s="102">
        <v>0</v>
      </c>
      <c r="GE30" s="102">
        <v>0</v>
      </c>
      <c r="GF30" s="103">
        <v>0</v>
      </c>
      <c r="GG30" s="104">
        <v>0</v>
      </c>
      <c r="GH30" s="101">
        <v>6</v>
      </c>
      <c r="GI30" s="102">
        <v>3</v>
      </c>
      <c r="GJ30" s="103">
        <v>9</v>
      </c>
      <c r="GK30" s="413">
        <v>0</v>
      </c>
      <c r="GL30" s="102">
        <v>11</v>
      </c>
      <c r="GM30" s="102">
        <v>2</v>
      </c>
      <c r="GN30" s="102">
        <v>4</v>
      </c>
      <c r="GO30" s="102">
        <v>1</v>
      </c>
      <c r="GP30" s="102">
        <v>2</v>
      </c>
      <c r="GQ30" s="103">
        <v>20</v>
      </c>
      <c r="GR30" s="104">
        <v>29</v>
      </c>
      <c r="GS30" s="105">
        <v>22</v>
      </c>
      <c r="GT30" s="97">
        <v>23</v>
      </c>
      <c r="GU30" s="98">
        <v>45</v>
      </c>
      <c r="GV30" s="413">
        <v>0</v>
      </c>
      <c r="GW30" s="97">
        <v>23</v>
      </c>
      <c r="GX30" s="97">
        <v>18</v>
      </c>
      <c r="GY30" s="97">
        <v>14</v>
      </c>
      <c r="GZ30" s="97">
        <v>12</v>
      </c>
      <c r="HA30" s="97">
        <v>10</v>
      </c>
      <c r="HB30" s="99">
        <v>77</v>
      </c>
      <c r="HC30" s="100">
        <v>122</v>
      </c>
      <c r="HD30" s="101">
        <v>1</v>
      </c>
      <c r="HE30" s="102">
        <v>2</v>
      </c>
      <c r="HF30" s="103">
        <v>3</v>
      </c>
      <c r="HG30" s="413">
        <v>0</v>
      </c>
      <c r="HH30" s="102">
        <v>0</v>
      </c>
      <c r="HI30" s="102">
        <v>0</v>
      </c>
      <c r="HJ30" s="102">
        <v>0</v>
      </c>
      <c r="HK30" s="102">
        <v>0</v>
      </c>
      <c r="HL30" s="102">
        <v>0</v>
      </c>
      <c r="HM30" s="103">
        <v>0</v>
      </c>
      <c r="HN30" s="104">
        <v>3</v>
      </c>
      <c r="HO30" s="101">
        <v>0</v>
      </c>
      <c r="HP30" s="102">
        <v>2</v>
      </c>
      <c r="HQ30" s="103">
        <v>2</v>
      </c>
      <c r="HR30" s="413">
        <v>0</v>
      </c>
      <c r="HS30" s="102">
        <v>0</v>
      </c>
      <c r="HT30" s="102">
        <v>1</v>
      </c>
      <c r="HU30" s="102">
        <v>1</v>
      </c>
      <c r="HV30" s="102">
        <v>0</v>
      </c>
      <c r="HW30" s="102">
        <v>2</v>
      </c>
      <c r="HX30" s="103">
        <v>4</v>
      </c>
      <c r="HY30" s="104">
        <v>6</v>
      </c>
      <c r="HZ30" s="101">
        <v>2</v>
      </c>
      <c r="IA30" s="102">
        <v>3</v>
      </c>
      <c r="IB30" s="103">
        <v>5</v>
      </c>
      <c r="IC30" s="413">
        <v>0</v>
      </c>
      <c r="ID30" s="102">
        <v>1</v>
      </c>
      <c r="IE30" s="102">
        <v>2</v>
      </c>
      <c r="IF30" s="102">
        <v>0</v>
      </c>
      <c r="IG30" s="102">
        <v>1</v>
      </c>
      <c r="IH30" s="102">
        <v>0</v>
      </c>
      <c r="II30" s="103">
        <v>4</v>
      </c>
      <c r="IJ30" s="104">
        <v>9</v>
      </c>
      <c r="IK30" s="101">
        <v>10</v>
      </c>
      <c r="IL30" s="102">
        <v>5</v>
      </c>
      <c r="IM30" s="103">
        <v>15</v>
      </c>
      <c r="IN30" s="413">
        <v>0</v>
      </c>
      <c r="IO30" s="102">
        <v>5</v>
      </c>
      <c r="IP30" s="102">
        <v>8</v>
      </c>
      <c r="IQ30" s="102">
        <v>3</v>
      </c>
      <c r="IR30" s="102">
        <v>2</v>
      </c>
      <c r="IS30" s="102">
        <v>2</v>
      </c>
      <c r="IT30" s="103">
        <v>20</v>
      </c>
      <c r="IU30" s="104">
        <v>35</v>
      </c>
      <c r="IV30" s="101">
        <v>7</v>
      </c>
      <c r="IW30" s="102">
        <v>6</v>
      </c>
      <c r="IX30" s="103">
        <v>13</v>
      </c>
      <c r="IY30" s="413">
        <v>0</v>
      </c>
      <c r="IZ30" s="102">
        <v>8</v>
      </c>
      <c r="JA30" s="102">
        <v>3</v>
      </c>
      <c r="JB30" s="102">
        <v>5</v>
      </c>
      <c r="JC30" s="102">
        <v>4</v>
      </c>
      <c r="JD30" s="102">
        <v>1</v>
      </c>
      <c r="JE30" s="103">
        <v>21</v>
      </c>
      <c r="JF30" s="104">
        <v>34</v>
      </c>
      <c r="JG30" s="101">
        <v>2</v>
      </c>
      <c r="JH30" s="102">
        <v>5</v>
      </c>
      <c r="JI30" s="103">
        <v>7</v>
      </c>
      <c r="JJ30" s="413">
        <v>0</v>
      </c>
      <c r="JK30" s="102">
        <v>9</v>
      </c>
      <c r="JL30" s="102">
        <v>4</v>
      </c>
      <c r="JM30" s="102">
        <v>5</v>
      </c>
      <c r="JN30" s="102">
        <v>5</v>
      </c>
      <c r="JO30" s="102">
        <v>5</v>
      </c>
      <c r="JP30" s="103">
        <v>28</v>
      </c>
      <c r="JQ30" s="104">
        <v>35</v>
      </c>
      <c r="JR30" s="101">
        <v>0</v>
      </c>
      <c r="JS30" s="102">
        <v>0</v>
      </c>
      <c r="JT30" s="103">
        <v>0</v>
      </c>
      <c r="JU30" s="413">
        <v>0</v>
      </c>
      <c r="JV30" s="102">
        <v>0</v>
      </c>
      <c r="JW30" s="102">
        <v>0</v>
      </c>
      <c r="JX30" s="102">
        <v>0</v>
      </c>
      <c r="JY30" s="102">
        <v>0</v>
      </c>
      <c r="JZ30" s="102">
        <v>0</v>
      </c>
      <c r="KA30" s="103">
        <v>0</v>
      </c>
      <c r="KB30" s="104">
        <v>0</v>
      </c>
      <c r="KC30" s="101">
        <v>22</v>
      </c>
      <c r="KD30" s="102">
        <v>23</v>
      </c>
      <c r="KE30" s="103">
        <v>45</v>
      </c>
      <c r="KF30" s="413">
        <v>0</v>
      </c>
      <c r="KG30" s="102">
        <v>23</v>
      </c>
      <c r="KH30" s="102">
        <v>18</v>
      </c>
      <c r="KI30" s="102">
        <v>14</v>
      </c>
      <c r="KJ30" s="102">
        <v>12</v>
      </c>
      <c r="KK30" s="102">
        <v>10</v>
      </c>
      <c r="KL30" s="103">
        <v>77</v>
      </c>
      <c r="KM30" s="104">
        <v>122</v>
      </c>
    </row>
    <row r="31" spans="2:299" s="70" customFormat="1" ht="21" customHeight="1" x14ac:dyDescent="0.2">
      <c r="B31" s="106" t="s">
        <v>28</v>
      </c>
      <c r="C31" s="96">
        <v>0</v>
      </c>
      <c r="D31" s="97">
        <v>3</v>
      </c>
      <c r="E31" s="98">
        <v>3</v>
      </c>
      <c r="F31" s="413">
        <v>0</v>
      </c>
      <c r="G31" s="97">
        <v>6</v>
      </c>
      <c r="H31" s="97">
        <v>2</v>
      </c>
      <c r="I31" s="97">
        <v>5</v>
      </c>
      <c r="J31" s="97">
        <v>2</v>
      </c>
      <c r="K31" s="97">
        <v>1</v>
      </c>
      <c r="L31" s="99">
        <v>16</v>
      </c>
      <c r="M31" s="100">
        <v>19</v>
      </c>
      <c r="N31" s="101">
        <v>0</v>
      </c>
      <c r="O31" s="102">
        <v>1</v>
      </c>
      <c r="P31" s="103">
        <v>1</v>
      </c>
      <c r="Q31" s="413">
        <v>0</v>
      </c>
      <c r="R31" s="102">
        <v>1</v>
      </c>
      <c r="S31" s="102">
        <v>0</v>
      </c>
      <c r="T31" s="102">
        <v>1</v>
      </c>
      <c r="U31" s="102">
        <v>0</v>
      </c>
      <c r="V31" s="102">
        <v>0</v>
      </c>
      <c r="W31" s="103">
        <v>2</v>
      </c>
      <c r="X31" s="104">
        <v>3</v>
      </c>
      <c r="Y31" s="101">
        <v>0</v>
      </c>
      <c r="Z31" s="102">
        <v>1</v>
      </c>
      <c r="AA31" s="103">
        <v>1</v>
      </c>
      <c r="AB31" s="413">
        <v>0</v>
      </c>
      <c r="AC31" s="102">
        <v>2</v>
      </c>
      <c r="AD31" s="102">
        <v>0</v>
      </c>
      <c r="AE31" s="102">
        <v>0</v>
      </c>
      <c r="AF31" s="102">
        <v>0</v>
      </c>
      <c r="AG31" s="102">
        <v>0</v>
      </c>
      <c r="AH31" s="103">
        <v>2</v>
      </c>
      <c r="AI31" s="104">
        <v>3</v>
      </c>
      <c r="AJ31" s="101">
        <v>0</v>
      </c>
      <c r="AK31" s="102">
        <v>0</v>
      </c>
      <c r="AL31" s="103">
        <v>0</v>
      </c>
      <c r="AM31" s="413">
        <v>0</v>
      </c>
      <c r="AN31" s="102">
        <v>1</v>
      </c>
      <c r="AO31" s="102">
        <v>0</v>
      </c>
      <c r="AP31" s="102">
        <v>1</v>
      </c>
      <c r="AQ31" s="102">
        <v>0</v>
      </c>
      <c r="AR31" s="102">
        <v>0</v>
      </c>
      <c r="AS31" s="103">
        <v>2</v>
      </c>
      <c r="AT31" s="104">
        <v>2</v>
      </c>
      <c r="AU31" s="101">
        <v>0</v>
      </c>
      <c r="AV31" s="102">
        <v>0</v>
      </c>
      <c r="AW31" s="103">
        <v>0</v>
      </c>
      <c r="AX31" s="413">
        <v>0</v>
      </c>
      <c r="AY31" s="102">
        <v>1</v>
      </c>
      <c r="AZ31" s="102">
        <v>2</v>
      </c>
      <c r="BA31" s="102">
        <v>0</v>
      </c>
      <c r="BB31" s="102">
        <v>1</v>
      </c>
      <c r="BC31" s="102">
        <v>0</v>
      </c>
      <c r="BD31" s="103">
        <v>4</v>
      </c>
      <c r="BE31" s="104">
        <v>4</v>
      </c>
      <c r="BF31" s="101">
        <v>0</v>
      </c>
      <c r="BG31" s="102">
        <v>1</v>
      </c>
      <c r="BH31" s="103">
        <v>1</v>
      </c>
      <c r="BI31" s="413">
        <v>0</v>
      </c>
      <c r="BJ31" s="102">
        <v>1</v>
      </c>
      <c r="BK31" s="102">
        <v>0</v>
      </c>
      <c r="BL31" s="102">
        <v>2</v>
      </c>
      <c r="BM31" s="102">
        <v>0</v>
      </c>
      <c r="BN31" s="102">
        <v>0</v>
      </c>
      <c r="BO31" s="103">
        <v>3</v>
      </c>
      <c r="BP31" s="104">
        <v>4</v>
      </c>
      <c r="BQ31" s="101">
        <v>0</v>
      </c>
      <c r="BR31" s="102">
        <v>0</v>
      </c>
      <c r="BS31" s="103">
        <v>0</v>
      </c>
      <c r="BT31" s="413">
        <v>0</v>
      </c>
      <c r="BU31" s="102">
        <v>0</v>
      </c>
      <c r="BV31" s="102">
        <v>0</v>
      </c>
      <c r="BW31" s="102">
        <v>1</v>
      </c>
      <c r="BX31" s="102">
        <v>1</v>
      </c>
      <c r="BY31" s="102">
        <v>1</v>
      </c>
      <c r="BZ31" s="103">
        <v>3</v>
      </c>
      <c r="CA31" s="104">
        <v>3</v>
      </c>
      <c r="CB31" s="101">
        <v>0</v>
      </c>
      <c r="CC31" s="102">
        <v>0</v>
      </c>
      <c r="CD31" s="103">
        <v>0</v>
      </c>
      <c r="CE31" s="413">
        <v>0</v>
      </c>
      <c r="CF31" s="102">
        <v>0</v>
      </c>
      <c r="CG31" s="102">
        <v>0</v>
      </c>
      <c r="CH31" s="102">
        <v>0</v>
      </c>
      <c r="CI31" s="102">
        <v>0</v>
      </c>
      <c r="CJ31" s="102">
        <v>0</v>
      </c>
      <c r="CK31" s="103">
        <v>0</v>
      </c>
      <c r="CL31" s="104">
        <v>0</v>
      </c>
      <c r="CM31" s="101">
        <v>0</v>
      </c>
      <c r="CN31" s="102">
        <v>3</v>
      </c>
      <c r="CO31" s="103">
        <v>3</v>
      </c>
      <c r="CP31" s="413">
        <v>0</v>
      </c>
      <c r="CQ31" s="102">
        <v>6</v>
      </c>
      <c r="CR31" s="102">
        <v>2</v>
      </c>
      <c r="CS31" s="102">
        <v>5</v>
      </c>
      <c r="CT31" s="102">
        <v>2</v>
      </c>
      <c r="CU31" s="102">
        <v>1</v>
      </c>
      <c r="CV31" s="103">
        <v>16</v>
      </c>
      <c r="CW31" s="104">
        <v>19</v>
      </c>
      <c r="CX31" s="105">
        <v>0</v>
      </c>
      <c r="CY31" s="97">
        <v>0</v>
      </c>
      <c r="CZ31" s="98">
        <v>0</v>
      </c>
      <c r="DA31" s="413">
        <v>0</v>
      </c>
      <c r="DB31" s="97">
        <v>1</v>
      </c>
      <c r="DC31" s="97">
        <v>2</v>
      </c>
      <c r="DD31" s="97">
        <v>2</v>
      </c>
      <c r="DE31" s="97">
        <v>1</v>
      </c>
      <c r="DF31" s="97">
        <v>0</v>
      </c>
      <c r="DG31" s="99">
        <v>6</v>
      </c>
      <c r="DH31" s="100">
        <v>6</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0</v>
      </c>
      <c r="DY31" s="102">
        <v>0</v>
      </c>
      <c r="DZ31" s="102">
        <v>1</v>
      </c>
      <c r="EA31" s="102">
        <v>0</v>
      </c>
      <c r="EB31" s="102">
        <v>0</v>
      </c>
      <c r="EC31" s="103">
        <v>1</v>
      </c>
      <c r="ED31" s="104">
        <v>1</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1</v>
      </c>
      <c r="FH31" s="102">
        <v>1</v>
      </c>
      <c r="FI31" s="102">
        <v>0</v>
      </c>
      <c r="FJ31" s="103">
        <v>4</v>
      </c>
      <c r="FK31" s="104">
        <v>4</v>
      </c>
      <c r="FL31" s="101">
        <v>0</v>
      </c>
      <c r="FM31" s="102">
        <v>0</v>
      </c>
      <c r="FN31" s="103">
        <v>0</v>
      </c>
      <c r="FO31" s="413">
        <v>0</v>
      </c>
      <c r="FP31" s="102">
        <v>0</v>
      </c>
      <c r="FQ31" s="102">
        <v>1</v>
      </c>
      <c r="FR31" s="102">
        <v>0</v>
      </c>
      <c r="FS31" s="102">
        <v>0</v>
      </c>
      <c r="FT31" s="102">
        <v>0</v>
      </c>
      <c r="FU31" s="103">
        <v>1</v>
      </c>
      <c r="FV31" s="104">
        <v>1</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1</v>
      </c>
      <c r="GM31" s="102">
        <v>2</v>
      </c>
      <c r="GN31" s="102">
        <v>2</v>
      </c>
      <c r="GO31" s="102">
        <v>1</v>
      </c>
      <c r="GP31" s="102">
        <v>0</v>
      </c>
      <c r="GQ31" s="103">
        <v>6</v>
      </c>
      <c r="GR31" s="104">
        <v>6</v>
      </c>
      <c r="GS31" s="105">
        <v>0</v>
      </c>
      <c r="GT31" s="97">
        <v>3</v>
      </c>
      <c r="GU31" s="98">
        <v>3</v>
      </c>
      <c r="GV31" s="413">
        <v>0</v>
      </c>
      <c r="GW31" s="97">
        <v>7</v>
      </c>
      <c r="GX31" s="97">
        <v>4</v>
      </c>
      <c r="GY31" s="97">
        <v>7</v>
      </c>
      <c r="GZ31" s="97">
        <v>3</v>
      </c>
      <c r="HA31" s="97">
        <v>1</v>
      </c>
      <c r="HB31" s="99">
        <v>22</v>
      </c>
      <c r="HC31" s="100">
        <v>25</v>
      </c>
      <c r="HD31" s="101">
        <v>0</v>
      </c>
      <c r="HE31" s="102">
        <v>1</v>
      </c>
      <c r="HF31" s="103">
        <v>1</v>
      </c>
      <c r="HG31" s="413">
        <v>0</v>
      </c>
      <c r="HH31" s="102">
        <v>1</v>
      </c>
      <c r="HI31" s="102">
        <v>0</v>
      </c>
      <c r="HJ31" s="102">
        <v>1</v>
      </c>
      <c r="HK31" s="102">
        <v>0</v>
      </c>
      <c r="HL31" s="102">
        <v>0</v>
      </c>
      <c r="HM31" s="103">
        <v>2</v>
      </c>
      <c r="HN31" s="104">
        <v>3</v>
      </c>
      <c r="HO31" s="101">
        <v>0</v>
      </c>
      <c r="HP31" s="102">
        <v>1</v>
      </c>
      <c r="HQ31" s="103">
        <v>1</v>
      </c>
      <c r="HR31" s="413">
        <v>0</v>
      </c>
      <c r="HS31" s="102">
        <v>2</v>
      </c>
      <c r="HT31" s="102">
        <v>0</v>
      </c>
      <c r="HU31" s="102">
        <v>1</v>
      </c>
      <c r="HV31" s="102">
        <v>0</v>
      </c>
      <c r="HW31" s="102">
        <v>0</v>
      </c>
      <c r="HX31" s="103">
        <v>3</v>
      </c>
      <c r="HY31" s="104">
        <v>4</v>
      </c>
      <c r="HZ31" s="101">
        <v>0</v>
      </c>
      <c r="IA31" s="102">
        <v>0</v>
      </c>
      <c r="IB31" s="103">
        <v>0</v>
      </c>
      <c r="IC31" s="413">
        <v>0</v>
      </c>
      <c r="ID31" s="102">
        <v>1</v>
      </c>
      <c r="IE31" s="102">
        <v>0</v>
      </c>
      <c r="IF31" s="102">
        <v>1</v>
      </c>
      <c r="IG31" s="102">
        <v>0</v>
      </c>
      <c r="IH31" s="102">
        <v>0</v>
      </c>
      <c r="II31" s="103">
        <v>2</v>
      </c>
      <c r="IJ31" s="104">
        <v>2</v>
      </c>
      <c r="IK31" s="101">
        <v>0</v>
      </c>
      <c r="IL31" s="102">
        <v>0</v>
      </c>
      <c r="IM31" s="103">
        <v>0</v>
      </c>
      <c r="IN31" s="413">
        <v>0</v>
      </c>
      <c r="IO31" s="102">
        <v>1</v>
      </c>
      <c r="IP31" s="102">
        <v>2</v>
      </c>
      <c r="IQ31" s="102">
        <v>0</v>
      </c>
      <c r="IR31" s="102">
        <v>1</v>
      </c>
      <c r="IS31" s="102">
        <v>0</v>
      </c>
      <c r="IT31" s="103">
        <v>4</v>
      </c>
      <c r="IU31" s="104">
        <v>4</v>
      </c>
      <c r="IV31" s="101">
        <v>0</v>
      </c>
      <c r="IW31" s="102">
        <v>1</v>
      </c>
      <c r="IX31" s="103">
        <v>1</v>
      </c>
      <c r="IY31" s="413">
        <v>0</v>
      </c>
      <c r="IZ31" s="102">
        <v>2</v>
      </c>
      <c r="JA31" s="102">
        <v>1</v>
      </c>
      <c r="JB31" s="102">
        <v>3</v>
      </c>
      <c r="JC31" s="102">
        <v>1</v>
      </c>
      <c r="JD31" s="102">
        <v>0</v>
      </c>
      <c r="JE31" s="103">
        <v>7</v>
      </c>
      <c r="JF31" s="104">
        <v>8</v>
      </c>
      <c r="JG31" s="101">
        <v>0</v>
      </c>
      <c r="JH31" s="102">
        <v>0</v>
      </c>
      <c r="JI31" s="103">
        <v>0</v>
      </c>
      <c r="JJ31" s="413">
        <v>0</v>
      </c>
      <c r="JK31" s="102">
        <v>0</v>
      </c>
      <c r="JL31" s="102">
        <v>1</v>
      </c>
      <c r="JM31" s="102">
        <v>1</v>
      </c>
      <c r="JN31" s="102">
        <v>1</v>
      </c>
      <c r="JO31" s="102">
        <v>1</v>
      </c>
      <c r="JP31" s="103">
        <v>4</v>
      </c>
      <c r="JQ31" s="104">
        <v>4</v>
      </c>
      <c r="JR31" s="101">
        <v>0</v>
      </c>
      <c r="JS31" s="102">
        <v>0</v>
      </c>
      <c r="JT31" s="103">
        <v>0</v>
      </c>
      <c r="JU31" s="413">
        <v>0</v>
      </c>
      <c r="JV31" s="102">
        <v>0</v>
      </c>
      <c r="JW31" s="102">
        <v>0</v>
      </c>
      <c r="JX31" s="102">
        <v>0</v>
      </c>
      <c r="JY31" s="102">
        <v>0</v>
      </c>
      <c r="JZ31" s="102">
        <v>0</v>
      </c>
      <c r="KA31" s="103">
        <v>0</v>
      </c>
      <c r="KB31" s="104">
        <v>0</v>
      </c>
      <c r="KC31" s="101">
        <v>0</v>
      </c>
      <c r="KD31" s="102">
        <v>3</v>
      </c>
      <c r="KE31" s="103">
        <v>3</v>
      </c>
      <c r="KF31" s="413">
        <v>0</v>
      </c>
      <c r="KG31" s="102">
        <v>7</v>
      </c>
      <c r="KH31" s="102">
        <v>4</v>
      </c>
      <c r="KI31" s="102">
        <v>7</v>
      </c>
      <c r="KJ31" s="102">
        <v>3</v>
      </c>
      <c r="KK31" s="102">
        <v>1</v>
      </c>
      <c r="KL31" s="103">
        <v>22</v>
      </c>
      <c r="KM31" s="104">
        <v>25</v>
      </c>
    </row>
    <row r="32" spans="2:299" s="70" customFormat="1" ht="21" customHeight="1" x14ac:dyDescent="0.2">
      <c r="B32" s="106" t="s">
        <v>29</v>
      </c>
      <c r="C32" s="96">
        <v>4</v>
      </c>
      <c r="D32" s="97">
        <v>3</v>
      </c>
      <c r="E32" s="98">
        <v>7</v>
      </c>
      <c r="F32" s="413">
        <v>0</v>
      </c>
      <c r="G32" s="97">
        <v>5</v>
      </c>
      <c r="H32" s="97">
        <v>4</v>
      </c>
      <c r="I32" s="97">
        <v>4</v>
      </c>
      <c r="J32" s="97">
        <v>4</v>
      </c>
      <c r="K32" s="97">
        <v>4</v>
      </c>
      <c r="L32" s="99">
        <v>21</v>
      </c>
      <c r="M32" s="100">
        <v>28</v>
      </c>
      <c r="N32" s="101">
        <v>0</v>
      </c>
      <c r="O32" s="102">
        <v>0</v>
      </c>
      <c r="P32" s="103">
        <v>0</v>
      </c>
      <c r="Q32" s="413">
        <v>0</v>
      </c>
      <c r="R32" s="102">
        <v>0</v>
      </c>
      <c r="S32" s="102">
        <v>0</v>
      </c>
      <c r="T32" s="102">
        <v>1</v>
      </c>
      <c r="U32" s="102">
        <v>0</v>
      </c>
      <c r="V32" s="102">
        <v>0</v>
      </c>
      <c r="W32" s="103">
        <v>1</v>
      </c>
      <c r="X32" s="104">
        <v>1</v>
      </c>
      <c r="Y32" s="101">
        <v>1</v>
      </c>
      <c r="Z32" s="102">
        <v>0</v>
      </c>
      <c r="AA32" s="103">
        <v>1</v>
      </c>
      <c r="AB32" s="413">
        <v>0</v>
      </c>
      <c r="AC32" s="102">
        <v>0</v>
      </c>
      <c r="AD32" s="102">
        <v>0</v>
      </c>
      <c r="AE32" s="102">
        <v>1</v>
      </c>
      <c r="AF32" s="102">
        <v>0</v>
      </c>
      <c r="AG32" s="102">
        <v>1</v>
      </c>
      <c r="AH32" s="103">
        <v>2</v>
      </c>
      <c r="AI32" s="104">
        <v>3</v>
      </c>
      <c r="AJ32" s="101">
        <v>0</v>
      </c>
      <c r="AK32" s="102">
        <v>0</v>
      </c>
      <c r="AL32" s="103">
        <v>0</v>
      </c>
      <c r="AM32" s="413">
        <v>0</v>
      </c>
      <c r="AN32" s="102">
        <v>1</v>
      </c>
      <c r="AO32" s="102">
        <v>0</v>
      </c>
      <c r="AP32" s="102">
        <v>0</v>
      </c>
      <c r="AQ32" s="102">
        <v>1</v>
      </c>
      <c r="AR32" s="102">
        <v>0</v>
      </c>
      <c r="AS32" s="103">
        <v>2</v>
      </c>
      <c r="AT32" s="104">
        <v>2</v>
      </c>
      <c r="AU32" s="101">
        <v>0</v>
      </c>
      <c r="AV32" s="102">
        <v>2</v>
      </c>
      <c r="AW32" s="103">
        <v>2</v>
      </c>
      <c r="AX32" s="413">
        <v>0</v>
      </c>
      <c r="AY32" s="102">
        <v>2</v>
      </c>
      <c r="AZ32" s="102">
        <v>0</v>
      </c>
      <c r="BA32" s="102">
        <v>0</v>
      </c>
      <c r="BB32" s="102">
        <v>2</v>
      </c>
      <c r="BC32" s="102">
        <v>0</v>
      </c>
      <c r="BD32" s="103">
        <v>4</v>
      </c>
      <c r="BE32" s="104">
        <v>6</v>
      </c>
      <c r="BF32" s="101">
        <v>3</v>
      </c>
      <c r="BG32" s="102">
        <v>0</v>
      </c>
      <c r="BH32" s="103">
        <v>3</v>
      </c>
      <c r="BI32" s="413">
        <v>0</v>
      </c>
      <c r="BJ32" s="102">
        <v>1</v>
      </c>
      <c r="BK32" s="102">
        <v>0</v>
      </c>
      <c r="BL32" s="102">
        <v>2</v>
      </c>
      <c r="BM32" s="102">
        <v>0</v>
      </c>
      <c r="BN32" s="102">
        <v>0</v>
      </c>
      <c r="BO32" s="103">
        <v>3</v>
      </c>
      <c r="BP32" s="104">
        <v>6</v>
      </c>
      <c r="BQ32" s="101">
        <v>0</v>
      </c>
      <c r="BR32" s="102">
        <v>1</v>
      </c>
      <c r="BS32" s="103">
        <v>1</v>
      </c>
      <c r="BT32" s="413">
        <v>0</v>
      </c>
      <c r="BU32" s="102">
        <v>1</v>
      </c>
      <c r="BV32" s="102">
        <v>4</v>
      </c>
      <c r="BW32" s="102">
        <v>0</v>
      </c>
      <c r="BX32" s="102">
        <v>1</v>
      </c>
      <c r="BY32" s="102">
        <v>3</v>
      </c>
      <c r="BZ32" s="103">
        <v>9</v>
      </c>
      <c r="CA32" s="104">
        <v>10</v>
      </c>
      <c r="CB32" s="101">
        <v>0</v>
      </c>
      <c r="CC32" s="102">
        <v>0</v>
      </c>
      <c r="CD32" s="103">
        <v>0</v>
      </c>
      <c r="CE32" s="413">
        <v>0</v>
      </c>
      <c r="CF32" s="102">
        <v>0</v>
      </c>
      <c r="CG32" s="102">
        <v>0</v>
      </c>
      <c r="CH32" s="102">
        <v>0</v>
      </c>
      <c r="CI32" s="102">
        <v>0</v>
      </c>
      <c r="CJ32" s="102">
        <v>0</v>
      </c>
      <c r="CK32" s="103">
        <v>0</v>
      </c>
      <c r="CL32" s="104">
        <v>0</v>
      </c>
      <c r="CM32" s="101">
        <v>4</v>
      </c>
      <c r="CN32" s="102">
        <v>3</v>
      </c>
      <c r="CO32" s="103">
        <v>7</v>
      </c>
      <c r="CP32" s="413">
        <v>0</v>
      </c>
      <c r="CQ32" s="102">
        <v>5</v>
      </c>
      <c r="CR32" s="102">
        <v>4</v>
      </c>
      <c r="CS32" s="102">
        <v>4</v>
      </c>
      <c r="CT32" s="102">
        <v>4</v>
      </c>
      <c r="CU32" s="102">
        <v>4</v>
      </c>
      <c r="CV32" s="103">
        <v>21</v>
      </c>
      <c r="CW32" s="104">
        <v>28</v>
      </c>
      <c r="CX32" s="105">
        <v>1</v>
      </c>
      <c r="CY32" s="97">
        <v>3</v>
      </c>
      <c r="CZ32" s="98">
        <v>4</v>
      </c>
      <c r="DA32" s="413">
        <v>0</v>
      </c>
      <c r="DB32" s="97">
        <v>6</v>
      </c>
      <c r="DC32" s="97">
        <v>5</v>
      </c>
      <c r="DD32" s="97">
        <v>0</v>
      </c>
      <c r="DE32" s="97">
        <v>2</v>
      </c>
      <c r="DF32" s="97">
        <v>0</v>
      </c>
      <c r="DG32" s="99">
        <v>13</v>
      </c>
      <c r="DH32" s="100">
        <v>17</v>
      </c>
      <c r="DI32" s="101">
        <v>0</v>
      </c>
      <c r="DJ32" s="102">
        <v>0</v>
      </c>
      <c r="DK32" s="103">
        <v>0</v>
      </c>
      <c r="DL32" s="413">
        <v>0</v>
      </c>
      <c r="DM32" s="102">
        <v>0</v>
      </c>
      <c r="DN32" s="102">
        <v>0</v>
      </c>
      <c r="DO32" s="102">
        <v>0</v>
      </c>
      <c r="DP32" s="102">
        <v>0</v>
      </c>
      <c r="DQ32" s="102">
        <v>0</v>
      </c>
      <c r="DR32" s="103">
        <v>0</v>
      </c>
      <c r="DS32" s="104">
        <v>0</v>
      </c>
      <c r="DT32" s="101">
        <v>0</v>
      </c>
      <c r="DU32" s="102">
        <v>1</v>
      </c>
      <c r="DV32" s="103">
        <v>1</v>
      </c>
      <c r="DW32" s="413">
        <v>0</v>
      </c>
      <c r="DX32" s="102">
        <v>0</v>
      </c>
      <c r="DY32" s="102">
        <v>1</v>
      </c>
      <c r="DZ32" s="102">
        <v>0</v>
      </c>
      <c r="EA32" s="102">
        <v>0</v>
      </c>
      <c r="EB32" s="102">
        <v>0</v>
      </c>
      <c r="EC32" s="103">
        <v>1</v>
      </c>
      <c r="ED32" s="104">
        <v>2</v>
      </c>
      <c r="EE32" s="101">
        <v>1</v>
      </c>
      <c r="EF32" s="102">
        <v>0</v>
      </c>
      <c r="EG32" s="103">
        <v>1</v>
      </c>
      <c r="EH32" s="413">
        <v>0</v>
      </c>
      <c r="EI32" s="102">
        <v>0</v>
      </c>
      <c r="EJ32" s="102">
        <v>2</v>
      </c>
      <c r="EK32" s="102">
        <v>0</v>
      </c>
      <c r="EL32" s="102">
        <v>0</v>
      </c>
      <c r="EM32" s="102">
        <v>0</v>
      </c>
      <c r="EN32" s="103">
        <v>2</v>
      </c>
      <c r="EO32" s="104">
        <v>3</v>
      </c>
      <c r="EP32" s="101">
        <v>0</v>
      </c>
      <c r="EQ32" s="102">
        <v>0</v>
      </c>
      <c r="ER32" s="103">
        <v>0</v>
      </c>
      <c r="ES32" s="413">
        <v>0</v>
      </c>
      <c r="ET32" s="102">
        <v>3</v>
      </c>
      <c r="EU32" s="102">
        <v>1</v>
      </c>
      <c r="EV32" s="102">
        <v>0</v>
      </c>
      <c r="EW32" s="102">
        <v>1</v>
      </c>
      <c r="EX32" s="102">
        <v>0</v>
      </c>
      <c r="EY32" s="103">
        <v>5</v>
      </c>
      <c r="EZ32" s="104">
        <v>5</v>
      </c>
      <c r="FA32" s="101">
        <v>0</v>
      </c>
      <c r="FB32" s="102">
        <v>1</v>
      </c>
      <c r="FC32" s="103">
        <v>1</v>
      </c>
      <c r="FD32" s="413">
        <v>0</v>
      </c>
      <c r="FE32" s="102">
        <v>1</v>
      </c>
      <c r="FF32" s="102">
        <v>0</v>
      </c>
      <c r="FG32" s="102">
        <v>0</v>
      </c>
      <c r="FH32" s="102">
        <v>0</v>
      </c>
      <c r="FI32" s="102">
        <v>0</v>
      </c>
      <c r="FJ32" s="103">
        <v>1</v>
      </c>
      <c r="FK32" s="104">
        <v>2</v>
      </c>
      <c r="FL32" s="101">
        <v>0</v>
      </c>
      <c r="FM32" s="102">
        <v>1</v>
      </c>
      <c r="FN32" s="103">
        <v>1</v>
      </c>
      <c r="FO32" s="413">
        <v>0</v>
      </c>
      <c r="FP32" s="102">
        <v>2</v>
      </c>
      <c r="FQ32" s="102">
        <v>1</v>
      </c>
      <c r="FR32" s="102">
        <v>0</v>
      </c>
      <c r="FS32" s="102">
        <v>1</v>
      </c>
      <c r="FT32" s="102">
        <v>0</v>
      </c>
      <c r="FU32" s="103">
        <v>4</v>
      </c>
      <c r="FV32" s="104">
        <v>5</v>
      </c>
      <c r="FW32" s="101">
        <v>0</v>
      </c>
      <c r="FX32" s="102">
        <v>0</v>
      </c>
      <c r="FY32" s="103">
        <v>0</v>
      </c>
      <c r="FZ32" s="413">
        <v>0</v>
      </c>
      <c r="GA32" s="102">
        <v>0</v>
      </c>
      <c r="GB32" s="102">
        <v>0</v>
      </c>
      <c r="GC32" s="102">
        <v>0</v>
      </c>
      <c r="GD32" s="102">
        <v>0</v>
      </c>
      <c r="GE32" s="102">
        <v>0</v>
      </c>
      <c r="GF32" s="103">
        <v>0</v>
      </c>
      <c r="GG32" s="104">
        <v>0</v>
      </c>
      <c r="GH32" s="101">
        <v>1</v>
      </c>
      <c r="GI32" s="102">
        <v>3</v>
      </c>
      <c r="GJ32" s="103">
        <v>4</v>
      </c>
      <c r="GK32" s="413">
        <v>0</v>
      </c>
      <c r="GL32" s="102">
        <v>6</v>
      </c>
      <c r="GM32" s="102">
        <v>5</v>
      </c>
      <c r="GN32" s="102">
        <v>0</v>
      </c>
      <c r="GO32" s="102">
        <v>2</v>
      </c>
      <c r="GP32" s="102">
        <v>0</v>
      </c>
      <c r="GQ32" s="103">
        <v>13</v>
      </c>
      <c r="GR32" s="104">
        <v>17</v>
      </c>
      <c r="GS32" s="105">
        <v>5</v>
      </c>
      <c r="GT32" s="97">
        <v>6</v>
      </c>
      <c r="GU32" s="98">
        <v>11</v>
      </c>
      <c r="GV32" s="413">
        <v>0</v>
      </c>
      <c r="GW32" s="97">
        <v>11</v>
      </c>
      <c r="GX32" s="97">
        <v>9</v>
      </c>
      <c r="GY32" s="97">
        <v>4</v>
      </c>
      <c r="GZ32" s="97">
        <v>6</v>
      </c>
      <c r="HA32" s="97">
        <v>4</v>
      </c>
      <c r="HB32" s="99">
        <v>34</v>
      </c>
      <c r="HC32" s="100">
        <v>45</v>
      </c>
      <c r="HD32" s="101">
        <v>0</v>
      </c>
      <c r="HE32" s="102">
        <v>0</v>
      </c>
      <c r="HF32" s="103">
        <v>0</v>
      </c>
      <c r="HG32" s="413">
        <v>0</v>
      </c>
      <c r="HH32" s="102">
        <v>0</v>
      </c>
      <c r="HI32" s="102">
        <v>0</v>
      </c>
      <c r="HJ32" s="102">
        <v>1</v>
      </c>
      <c r="HK32" s="102">
        <v>0</v>
      </c>
      <c r="HL32" s="102">
        <v>0</v>
      </c>
      <c r="HM32" s="103">
        <v>1</v>
      </c>
      <c r="HN32" s="104">
        <v>1</v>
      </c>
      <c r="HO32" s="101">
        <v>1</v>
      </c>
      <c r="HP32" s="102">
        <v>1</v>
      </c>
      <c r="HQ32" s="103">
        <v>2</v>
      </c>
      <c r="HR32" s="413">
        <v>0</v>
      </c>
      <c r="HS32" s="102">
        <v>0</v>
      </c>
      <c r="HT32" s="102">
        <v>1</v>
      </c>
      <c r="HU32" s="102">
        <v>1</v>
      </c>
      <c r="HV32" s="102">
        <v>0</v>
      </c>
      <c r="HW32" s="102">
        <v>1</v>
      </c>
      <c r="HX32" s="103">
        <v>3</v>
      </c>
      <c r="HY32" s="104">
        <v>5</v>
      </c>
      <c r="HZ32" s="101">
        <v>1</v>
      </c>
      <c r="IA32" s="102">
        <v>0</v>
      </c>
      <c r="IB32" s="103">
        <v>1</v>
      </c>
      <c r="IC32" s="413">
        <v>0</v>
      </c>
      <c r="ID32" s="102">
        <v>1</v>
      </c>
      <c r="IE32" s="102">
        <v>2</v>
      </c>
      <c r="IF32" s="102">
        <v>0</v>
      </c>
      <c r="IG32" s="102">
        <v>1</v>
      </c>
      <c r="IH32" s="102">
        <v>0</v>
      </c>
      <c r="II32" s="103">
        <v>4</v>
      </c>
      <c r="IJ32" s="104">
        <v>5</v>
      </c>
      <c r="IK32" s="101">
        <v>0</v>
      </c>
      <c r="IL32" s="102">
        <v>2</v>
      </c>
      <c r="IM32" s="103">
        <v>2</v>
      </c>
      <c r="IN32" s="413">
        <v>0</v>
      </c>
      <c r="IO32" s="102">
        <v>5</v>
      </c>
      <c r="IP32" s="102">
        <v>1</v>
      </c>
      <c r="IQ32" s="102">
        <v>0</v>
      </c>
      <c r="IR32" s="102">
        <v>3</v>
      </c>
      <c r="IS32" s="102">
        <v>0</v>
      </c>
      <c r="IT32" s="103">
        <v>9</v>
      </c>
      <c r="IU32" s="104">
        <v>11</v>
      </c>
      <c r="IV32" s="101">
        <v>3</v>
      </c>
      <c r="IW32" s="102">
        <v>1</v>
      </c>
      <c r="IX32" s="103">
        <v>4</v>
      </c>
      <c r="IY32" s="413">
        <v>0</v>
      </c>
      <c r="IZ32" s="102">
        <v>2</v>
      </c>
      <c r="JA32" s="102">
        <v>0</v>
      </c>
      <c r="JB32" s="102">
        <v>2</v>
      </c>
      <c r="JC32" s="102">
        <v>0</v>
      </c>
      <c r="JD32" s="102">
        <v>0</v>
      </c>
      <c r="JE32" s="103">
        <v>4</v>
      </c>
      <c r="JF32" s="104">
        <v>8</v>
      </c>
      <c r="JG32" s="101">
        <v>0</v>
      </c>
      <c r="JH32" s="102">
        <v>2</v>
      </c>
      <c r="JI32" s="103">
        <v>2</v>
      </c>
      <c r="JJ32" s="413">
        <v>0</v>
      </c>
      <c r="JK32" s="102">
        <v>3</v>
      </c>
      <c r="JL32" s="102">
        <v>5</v>
      </c>
      <c r="JM32" s="102">
        <v>0</v>
      </c>
      <c r="JN32" s="102">
        <v>2</v>
      </c>
      <c r="JO32" s="102">
        <v>3</v>
      </c>
      <c r="JP32" s="103">
        <v>13</v>
      </c>
      <c r="JQ32" s="104">
        <v>15</v>
      </c>
      <c r="JR32" s="101">
        <v>0</v>
      </c>
      <c r="JS32" s="102">
        <v>0</v>
      </c>
      <c r="JT32" s="103">
        <v>0</v>
      </c>
      <c r="JU32" s="413">
        <v>0</v>
      </c>
      <c r="JV32" s="102">
        <v>0</v>
      </c>
      <c r="JW32" s="102">
        <v>0</v>
      </c>
      <c r="JX32" s="102">
        <v>0</v>
      </c>
      <c r="JY32" s="102">
        <v>0</v>
      </c>
      <c r="JZ32" s="102">
        <v>0</v>
      </c>
      <c r="KA32" s="103">
        <v>0</v>
      </c>
      <c r="KB32" s="104">
        <v>0</v>
      </c>
      <c r="KC32" s="101">
        <v>5</v>
      </c>
      <c r="KD32" s="102">
        <v>6</v>
      </c>
      <c r="KE32" s="103">
        <v>11</v>
      </c>
      <c r="KF32" s="413">
        <v>0</v>
      </c>
      <c r="KG32" s="102">
        <v>11</v>
      </c>
      <c r="KH32" s="102">
        <v>9</v>
      </c>
      <c r="KI32" s="102">
        <v>4</v>
      </c>
      <c r="KJ32" s="102">
        <v>6</v>
      </c>
      <c r="KK32" s="102">
        <v>4</v>
      </c>
      <c r="KL32" s="103">
        <v>34</v>
      </c>
      <c r="KM32" s="104">
        <v>45</v>
      </c>
    </row>
    <row r="33" spans="2:299" s="70" customFormat="1" ht="21" customHeight="1" x14ac:dyDescent="0.2">
      <c r="B33" s="106" t="s">
        <v>30</v>
      </c>
      <c r="C33" s="96">
        <v>2</v>
      </c>
      <c r="D33" s="97">
        <v>1</v>
      </c>
      <c r="E33" s="98">
        <v>3</v>
      </c>
      <c r="F33" s="413">
        <v>0</v>
      </c>
      <c r="G33" s="97">
        <v>5</v>
      </c>
      <c r="H33" s="97">
        <v>3</v>
      </c>
      <c r="I33" s="97">
        <v>3</v>
      </c>
      <c r="J33" s="97">
        <v>4</v>
      </c>
      <c r="K33" s="97">
        <v>2</v>
      </c>
      <c r="L33" s="99">
        <v>17</v>
      </c>
      <c r="M33" s="100">
        <v>20</v>
      </c>
      <c r="N33" s="101">
        <v>0</v>
      </c>
      <c r="O33" s="102">
        <v>0</v>
      </c>
      <c r="P33" s="103">
        <v>0</v>
      </c>
      <c r="Q33" s="413">
        <v>0</v>
      </c>
      <c r="R33" s="102">
        <v>0</v>
      </c>
      <c r="S33" s="102">
        <v>0</v>
      </c>
      <c r="T33" s="102">
        <v>0</v>
      </c>
      <c r="U33" s="102">
        <v>1</v>
      </c>
      <c r="V33" s="102">
        <v>0</v>
      </c>
      <c r="W33" s="103">
        <v>1</v>
      </c>
      <c r="X33" s="104">
        <v>1</v>
      </c>
      <c r="Y33" s="101">
        <v>0</v>
      </c>
      <c r="Z33" s="102">
        <v>0</v>
      </c>
      <c r="AA33" s="103">
        <v>0</v>
      </c>
      <c r="AB33" s="413">
        <v>0</v>
      </c>
      <c r="AC33" s="102">
        <v>0</v>
      </c>
      <c r="AD33" s="102">
        <v>0</v>
      </c>
      <c r="AE33" s="102">
        <v>1</v>
      </c>
      <c r="AF33" s="102">
        <v>0</v>
      </c>
      <c r="AG33" s="102">
        <v>0</v>
      </c>
      <c r="AH33" s="103">
        <v>1</v>
      </c>
      <c r="AI33" s="104">
        <v>1</v>
      </c>
      <c r="AJ33" s="101">
        <v>0</v>
      </c>
      <c r="AK33" s="102">
        <v>0</v>
      </c>
      <c r="AL33" s="103">
        <v>0</v>
      </c>
      <c r="AM33" s="413">
        <v>0</v>
      </c>
      <c r="AN33" s="102">
        <v>1</v>
      </c>
      <c r="AO33" s="102">
        <v>0</v>
      </c>
      <c r="AP33" s="102">
        <v>0</v>
      </c>
      <c r="AQ33" s="102">
        <v>0</v>
      </c>
      <c r="AR33" s="102">
        <v>0</v>
      </c>
      <c r="AS33" s="103">
        <v>1</v>
      </c>
      <c r="AT33" s="104">
        <v>1</v>
      </c>
      <c r="AU33" s="101">
        <v>0</v>
      </c>
      <c r="AV33" s="102">
        <v>0</v>
      </c>
      <c r="AW33" s="103">
        <v>0</v>
      </c>
      <c r="AX33" s="413">
        <v>0</v>
      </c>
      <c r="AY33" s="102">
        <v>3</v>
      </c>
      <c r="AZ33" s="102">
        <v>1</v>
      </c>
      <c r="BA33" s="102">
        <v>0</v>
      </c>
      <c r="BB33" s="102">
        <v>0</v>
      </c>
      <c r="BC33" s="102">
        <v>0</v>
      </c>
      <c r="BD33" s="103">
        <v>4</v>
      </c>
      <c r="BE33" s="104">
        <v>4</v>
      </c>
      <c r="BF33" s="101">
        <v>0</v>
      </c>
      <c r="BG33" s="102">
        <v>0</v>
      </c>
      <c r="BH33" s="103">
        <v>0</v>
      </c>
      <c r="BI33" s="413">
        <v>0</v>
      </c>
      <c r="BJ33" s="102">
        <v>0</v>
      </c>
      <c r="BK33" s="102">
        <v>1</v>
      </c>
      <c r="BL33" s="102">
        <v>2</v>
      </c>
      <c r="BM33" s="102">
        <v>1</v>
      </c>
      <c r="BN33" s="102">
        <v>1</v>
      </c>
      <c r="BO33" s="103">
        <v>5</v>
      </c>
      <c r="BP33" s="104">
        <v>5</v>
      </c>
      <c r="BQ33" s="101">
        <v>2</v>
      </c>
      <c r="BR33" s="102">
        <v>1</v>
      </c>
      <c r="BS33" s="103">
        <v>3</v>
      </c>
      <c r="BT33" s="413">
        <v>0</v>
      </c>
      <c r="BU33" s="102">
        <v>1</v>
      </c>
      <c r="BV33" s="102">
        <v>1</v>
      </c>
      <c r="BW33" s="102">
        <v>0</v>
      </c>
      <c r="BX33" s="102">
        <v>2</v>
      </c>
      <c r="BY33" s="102">
        <v>1</v>
      </c>
      <c r="BZ33" s="103">
        <v>5</v>
      </c>
      <c r="CA33" s="104">
        <v>8</v>
      </c>
      <c r="CB33" s="101">
        <v>0</v>
      </c>
      <c r="CC33" s="102">
        <v>0</v>
      </c>
      <c r="CD33" s="103">
        <v>0</v>
      </c>
      <c r="CE33" s="413">
        <v>0</v>
      </c>
      <c r="CF33" s="102">
        <v>0</v>
      </c>
      <c r="CG33" s="102">
        <v>0</v>
      </c>
      <c r="CH33" s="102">
        <v>0</v>
      </c>
      <c r="CI33" s="102">
        <v>0</v>
      </c>
      <c r="CJ33" s="102">
        <v>0</v>
      </c>
      <c r="CK33" s="103">
        <v>0</v>
      </c>
      <c r="CL33" s="104">
        <v>0</v>
      </c>
      <c r="CM33" s="101">
        <v>2</v>
      </c>
      <c r="CN33" s="102">
        <v>1</v>
      </c>
      <c r="CO33" s="103">
        <v>3</v>
      </c>
      <c r="CP33" s="413">
        <v>0</v>
      </c>
      <c r="CQ33" s="102">
        <v>5</v>
      </c>
      <c r="CR33" s="102">
        <v>3</v>
      </c>
      <c r="CS33" s="102">
        <v>3</v>
      </c>
      <c r="CT33" s="102">
        <v>4</v>
      </c>
      <c r="CU33" s="102">
        <v>2</v>
      </c>
      <c r="CV33" s="103">
        <v>17</v>
      </c>
      <c r="CW33" s="104">
        <v>20</v>
      </c>
      <c r="CX33" s="105">
        <v>0</v>
      </c>
      <c r="CY33" s="97">
        <v>2</v>
      </c>
      <c r="CZ33" s="98">
        <v>2</v>
      </c>
      <c r="DA33" s="413">
        <v>0</v>
      </c>
      <c r="DB33" s="97">
        <v>3</v>
      </c>
      <c r="DC33" s="97">
        <v>1</v>
      </c>
      <c r="DD33" s="97">
        <v>1</v>
      </c>
      <c r="DE33" s="97">
        <v>0</v>
      </c>
      <c r="DF33" s="97">
        <v>0</v>
      </c>
      <c r="DG33" s="99">
        <v>5</v>
      </c>
      <c r="DH33" s="100">
        <v>7</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1</v>
      </c>
      <c r="DY33" s="102">
        <v>0</v>
      </c>
      <c r="DZ33" s="102">
        <v>0</v>
      </c>
      <c r="EA33" s="102">
        <v>0</v>
      </c>
      <c r="EB33" s="102">
        <v>0</v>
      </c>
      <c r="EC33" s="103">
        <v>1</v>
      </c>
      <c r="ED33" s="104">
        <v>1</v>
      </c>
      <c r="EE33" s="101">
        <v>0</v>
      </c>
      <c r="EF33" s="102">
        <v>0</v>
      </c>
      <c r="EG33" s="103">
        <v>0</v>
      </c>
      <c r="EH33" s="413">
        <v>0</v>
      </c>
      <c r="EI33" s="102">
        <v>0</v>
      </c>
      <c r="EJ33" s="102">
        <v>0</v>
      </c>
      <c r="EK33" s="102">
        <v>0</v>
      </c>
      <c r="EL33" s="102">
        <v>0</v>
      </c>
      <c r="EM33" s="102">
        <v>0</v>
      </c>
      <c r="EN33" s="103">
        <v>0</v>
      </c>
      <c r="EO33" s="104">
        <v>0</v>
      </c>
      <c r="EP33" s="101">
        <v>0</v>
      </c>
      <c r="EQ33" s="102">
        <v>0</v>
      </c>
      <c r="ER33" s="103">
        <v>0</v>
      </c>
      <c r="ES33" s="413">
        <v>0</v>
      </c>
      <c r="ET33" s="102">
        <v>0</v>
      </c>
      <c r="EU33" s="102">
        <v>0</v>
      </c>
      <c r="EV33" s="102">
        <v>0</v>
      </c>
      <c r="EW33" s="102">
        <v>0</v>
      </c>
      <c r="EX33" s="102">
        <v>0</v>
      </c>
      <c r="EY33" s="103">
        <v>0</v>
      </c>
      <c r="EZ33" s="104">
        <v>0</v>
      </c>
      <c r="FA33" s="101">
        <v>0</v>
      </c>
      <c r="FB33" s="102">
        <v>1</v>
      </c>
      <c r="FC33" s="103">
        <v>1</v>
      </c>
      <c r="FD33" s="413">
        <v>0</v>
      </c>
      <c r="FE33" s="102">
        <v>2</v>
      </c>
      <c r="FF33" s="102">
        <v>0</v>
      </c>
      <c r="FG33" s="102">
        <v>0</v>
      </c>
      <c r="FH33" s="102">
        <v>0</v>
      </c>
      <c r="FI33" s="102">
        <v>0</v>
      </c>
      <c r="FJ33" s="103">
        <v>2</v>
      </c>
      <c r="FK33" s="104">
        <v>3</v>
      </c>
      <c r="FL33" s="101">
        <v>0</v>
      </c>
      <c r="FM33" s="102">
        <v>1</v>
      </c>
      <c r="FN33" s="103">
        <v>1</v>
      </c>
      <c r="FO33" s="413">
        <v>0</v>
      </c>
      <c r="FP33" s="102">
        <v>0</v>
      </c>
      <c r="FQ33" s="102">
        <v>1</v>
      </c>
      <c r="FR33" s="102">
        <v>1</v>
      </c>
      <c r="FS33" s="102">
        <v>0</v>
      </c>
      <c r="FT33" s="102">
        <v>0</v>
      </c>
      <c r="FU33" s="103">
        <v>2</v>
      </c>
      <c r="FV33" s="104">
        <v>3</v>
      </c>
      <c r="FW33" s="101">
        <v>0</v>
      </c>
      <c r="FX33" s="102">
        <v>0</v>
      </c>
      <c r="FY33" s="103">
        <v>0</v>
      </c>
      <c r="FZ33" s="413">
        <v>0</v>
      </c>
      <c r="GA33" s="102">
        <v>0</v>
      </c>
      <c r="GB33" s="102">
        <v>0</v>
      </c>
      <c r="GC33" s="102">
        <v>0</v>
      </c>
      <c r="GD33" s="102">
        <v>0</v>
      </c>
      <c r="GE33" s="102">
        <v>0</v>
      </c>
      <c r="GF33" s="103">
        <v>0</v>
      </c>
      <c r="GG33" s="104">
        <v>0</v>
      </c>
      <c r="GH33" s="101">
        <v>0</v>
      </c>
      <c r="GI33" s="102">
        <v>2</v>
      </c>
      <c r="GJ33" s="103">
        <v>2</v>
      </c>
      <c r="GK33" s="413">
        <v>0</v>
      </c>
      <c r="GL33" s="102">
        <v>3</v>
      </c>
      <c r="GM33" s="102">
        <v>1</v>
      </c>
      <c r="GN33" s="102">
        <v>1</v>
      </c>
      <c r="GO33" s="102">
        <v>0</v>
      </c>
      <c r="GP33" s="102">
        <v>0</v>
      </c>
      <c r="GQ33" s="103">
        <v>5</v>
      </c>
      <c r="GR33" s="104">
        <v>7</v>
      </c>
      <c r="GS33" s="105">
        <v>2</v>
      </c>
      <c r="GT33" s="97">
        <v>3</v>
      </c>
      <c r="GU33" s="98">
        <v>5</v>
      </c>
      <c r="GV33" s="413">
        <v>0</v>
      </c>
      <c r="GW33" s="97">
        <v>8</v>
      </c>
      <c r="GX33" s="97">
        <v>4</v>
      </c>
      <c r="GY33" s="97">
        <v>4</v>
      </c>
      <c r="GZ33" s="97">
        <v>4</v>
      </c>
      <c r="HA33" s="97">
        <v>2</v>
      </c>
      <c r="HB33" s="99">
        <v>22</v>
      </c>
      <c r="HC33" s="100">
        <v>27</v>
      </c>
      <c r="HD33" s="101">
        <v>0</v>
      </c>
      <c r="HE33" s="102">
        <v>0</v>
      </c>
      <c r="HF33" s="103">
        <v>0</v>
      </c>
      <c r="HG33" s="413">
        <v>0</v>
      </c>
      <c r="HH33" s="102">
        <v>0</v>
      </c>
      <c r="HI33" s="102">
        <v>0</v>
      </c>
      <c r="HJ33" s="102">
        <v>0</v>
      </c>
      <c r="HK33" s="102">
        <v>1</v>
      </c>
      <c r="HL33" s="102">
        <v>0</v>
      </c>
      <c r="HM33" s="103">
        <v>1</v>
      </c>
      <c r="HN33" s="104">
        <v>1</v>
      </c>
      <c r="HO33" s="101">
        <v>0</v>
      </c>
      <c r="HP33" s="102">
        <v>0</v>
      </c>
      <c r="HQ33" s="103">
        <v>0</v>
      </c>
      <c r="HR33" s="413">
        <v>0</v>
      </c>
      <c r="HS33" s="102">
        <v>1</v>
      </c>
      <c r="HT33" s="102">
        <v>0</v>
      </c>
      <c r="HU33" s="102">
        <v>1</v>
      </c>
      <c r="HV33" s="102">
        <v>0</v>
      </c>
      <c r="HW33" s="102">
        <v>0</v>
      </c>
      <c r="HX33" s="103">
        <v>2</v>
      </c>
      <c r="HY33" s="104">
        <v>2</v>
      </c>
      <c r="HZ33" s="101">
        <v>0</v>
      </c>
      <c r="IA33" s="102">
        <v>0</v>
      </c>
      <c r="IB33" s="103">
        <v>0</v>
      </c>
      <c r="IC33" s="413">
        <v>0</v>
      </c>
      <c r="ID33" s="102">
        <v>1</v>
      </c>
      <c r="IE33" s="102">
        <v>0</v>
      </c>
      <c r="IF33" s="102">
        <v>0</v>
      </c>
      <c r="IG33" s="102">
        <v>0</v>
      </c>
      <c r="IH33" s="102">
        <v>0</v>
      </c>
      <c r="II33" s="103">
        <v>1</v>
      </c>
      <c r="IJ33" s="104">
        <v>1</v>
      </c>
      <c r="IK33" s="101">
        <v>0</v>
      </c>
      <c r="IL33" s="102">
        <v>0</v>
      </c>
      <c r="IM33" s="103">
        <v>0</v>
      </c>
      <c r="IN33" s="413">
        <v>0</v>
      </c>
      <c r="IO33" s="102">
        <v>3</v>
      </c>
      <c r="IP33" s="102">
        <v>1</v>
      </c>
      <c r="IQ33" s="102">
        <v>0</v>
      </c>
      <c r="IR33" s="102">
        <v>0</v>
      </c>
      <c r="IS33" s="102">
        <v>0</v>
      </c>
      <c r="IT33" s="103">
        <v>4</v>
      </c>
      <c r="IU33" s="104">
        <v>4</v>
      </c>
      <c r="IV33" s="101">
        <v>0</v>
      </c>
      <c r="IW33" s="102">
        <v>1</v>
      </c>
      <c r="IX33" s="103">
        <v>1</v>
      </c>
      <c r="IY33" s="413">
        <v>0</v>
      </c>
      <c r="IZ33" s="102">
        <v>2</v>
      </c>
      <c r="JA33" s="102">
        <v>1</v>
      </c>
      <c r="JB33" s="102">
        <v>2</v>
      </c>
      <c r="JC33" s="102">
        <v>1</v>
      </c>
      <c r="JD33" s="102">
        <v>1</v>
      </c>
      <c r="JE33" s="103">
        <v>7</v>
      </c>
      <c r="JF33" s="104">
        <v>8</v>
      </c>
      <c r="JG33" s="101">
        <v>2</v>
      </c>
      <c r="JH33" s="102">
        <v>2</v>
      </c>
      <c r="JI33" s="103">
        <v>4</v>
      </c>
      <c r="JJ33" s="413">
        <v>0</v>
      </c>
      <c r="JK33" s="102">
        <v>1</v>
      </c>
      <c r="JL33" s="102">
        <v>2</v>
      </c>
      <c r="JM33" s="102">
        <v>1</v>
      </c>
      <c r="JN33" s="102">
        <v>2</v>
      </c>
      <c r="JO33" s="102">
        <v>1</v>
      </c>
      <c r="JP33" s="103">
        <v>7</v>
      </c>
      <c r="JQ33" s="104">
        <v>11</v>
      </c>
      <c r="JR33" s="101">
        <v>0</v>
      </c>
      <c r="JS33" s="102">
        <v>0</v>
      </c>
      <c r="JT33" s="103">
        <v>0</v>
      </c>
      <c r="JU33" s="413">
        <v>0</v>
      </c>
      <c r="JV33" s="102">
        <v>0</v>
      </c>
      <c r="JW33" s="102">
        <v>0</v>
      </c>
      <c r="JX33" s="102">
        <v>0</v>
      </c>
      <c r="JY33" s="102">
        <v>0</v>
      </c>
      <c r="JZ33" s="102">
        <v>0</v>
      </c>
      <c r="KA33" s="103">
        <v>0</v>
      </c>
      <c r="KB33" s="104">
        <v>0</v>
      </c>
      <c r="KC33" s="101">
        <v>2</v>
      </c>
      <c r="KD33" s="102">
        <v>3</v>
      </c>
      <c r="KE33" s="103">
        <v>5</v>
      </c>
      <c r="KF33" s="413">
        <v>0</v>
      </c>
      <c r="KG33" s="102">
        <v>8</v>
      </c>
      <c r="KH33" s="102">
        <v>4</v>
      </c>
      <c r="KI33" s="102">
        <v>4</v>
      </c>
      <c r="KJ33" s="102">
        <v>4</v>
      </c>
      <c r="KK33" s="102">
        <v>2</v>
      </c>
      <c r="KL33" s="103">
        <v>22</v>
      </c>
      <c r="KM33" s="104">
        <v>27</v>
      </c>
    </row>
    <row r="34" spans="2:299" s="70" customFormat="1" ht="21" customHeight="1" x14ac:dyDescent="0.2">
      <c r="B34" s="106" t="s">
        <v>31</v>
      </c>
      <c r="C34" s="96">
        <v>4</v>
      </c>
      <c r="D34" s="97">
        <v>4</v>
      </c>
      <c r="E34" s="98">
        <v>8</v>
      </c>
      <c r="F34" s="413">
        <v>0</v>
      </c>
      <c r="G34" s="97">
        <v>9</v>
      </c>
      <c r="H34" s="97">
        <v>3</v>
      </c>
      <c r="I34" s="97">
        <v>8</v>
      </c>
      <c r="J34" s="97">
        <v>2</v>
      </c>
      <c r="K34" s="97">
        <v>3</v>
      </c>
      <c r="L34" s="99">
        <v>25</v>
      </c>
      <c r="M34" s="100">
        <v>33</v>
      </c>
      <c r="N34" s="101">
        <v>0</v>
      </c>
      <c r="O34" s="102">
        <v>0</v>
      </c>
      <c r="P34" s="103">
        <v>0</v>
      </c>
      <c r="Q34" s="413">
        <v>0</v>
      </c>
      <c r="R34" s="102">
        <v>0</v>
      </c>
      <c r="S34" s="102">
        <v>1</v>
      </c>
      <c r="T34" s="102">
        <v>0</v>
      </c>
      <c r="U34" s="102">
        <v>0</v>
      </c>
      <c r="V34" s="102">
        <v>0</v>
      </c>
      <c r="W34" s="103">
        <v>1</v>
      </c>
      <c r="X34" s="104">
        <v>1</v>
      </c>
      <c r="Y34" s="101">
        <v>1</v>
      </c>
      <c r="Z34" s="102">
        <v>0</v>
      </c>
      <c r="AA34" s="103">
        <v>1</v>
      </c>
      <c r="AB34" s="413">
        <v>0</v>
      </c>
      <c r="AC34" s="102">
        <v>3</v>
      </c>
      <c r="AD34" s="102">
        <v>0</v>
      </c>
      <c r="AE34" s="102">
        <v>3</v>
      </c>
      <c r="AF34" s="102">
        <v>1</v>
      </c>
      <c r="AG34" s="102">
        <v>1</v>
      </c>
      <c r="AH34" s="103">
        <v>8</v>
      </c>
      <c r="AI34" s="104">
        <v>9</v>
      </c>
      <c r="AJ34" s="101">
        <v>0</v>
      </c>
      <c r="AK34" s="102">
        <v>1</v>
      </c>
      <c r="AL34" s="103">
        <v>1</v>
      </c>
      <c r="AM34" s="413">
        <v>0</v>
      </c>
      <c r="AN34" s="102">
        <v>2</v>
      </c>
      <c r="AO34" s="102">
        <v>1</v>
      </c>
      <c r="AP34" s="102">
        <v>1</v>
      </c>
      <c r="AQ34" s="102">
        <v>0</v>
      </c>
      <c r="AR34" s="102">
        <v>0</v>
      </c>
      <c r="AS34" s="103">
        <v>4</v>
      </c>
      <c r="AT34" s="104">
        <v>5</v>
      </c>
      <c r="AU34" s="101">
        <v>2</v>
      </c>
      <c r="AV34" s="102">
        <v>1</v>
      </c>
      <c r="AW34" s="103">
        <v>3</v>
      </c>
      <c r="AX34" s="413">
        <v>0</v>
      </c>
      <c r="AY34" s="102">
        <v>0</v>
      </c>
      <c r="AZ34" s="102">
        <v>0</v>
      </c>
      <c r="BA34" s="102">
        <v>0</v>
      </c>
      <c r="BB34" s="102">
        <v>0</v>
      </c>
      <c r="BC34" s="102">
        <v>0</v>
      </c>
      <c r="BD34" s="103">
        <v>0</v>
      </c>
      <c r="BE34" s="104">
        <v>3</v>
      </c>
      <c r="BF34" s="101">
        <v>0</v>
      </c>
      <c r="BG34" s="102">
        <v>1</v>
      </c>
      <c r="BH34" s="103">
        <v>1</v>
      </c>
      <c r="BI34" s="413">
        <v>0</v>
      </c>
      <c r="BJ34" s="102">
        <v>2</v>
      </c>
      <c r="BK34" s="102">
        <v>0</v>
      </c>
      <c r="BL34" s="102">
        <v>1</v>
      </c>
      <c r="BM34" s="102">
        <v>1</v>
      </c>
      <c r="BN34" s="102">
        <v>1</v>
      </c>
      <c r="BO34" s="103">
        <v>5</v>
      </c>
      <c r="BP34" s="104">
        <v>6</v>
      </c>
      <c r="BQ34" s="101">
        <v>1</v>
      </c>
      <c r="BR34" s="102">
        <v>1</v>
      </c>
      <c r="BS34" s="103">
        <v>2</v>
      </c>
      <c r="BT34" s="413">
        <v>0</v>
      </c>
      <c r="BU34" s="102">
        <v>2</v>
      </c>
      <c r="BV34" s="102">
        <v>1</v>
      </c>
      <c r="BW34" s="102">
        <v>3</v>
      </c>
      <c r="BX34" s="102">
        <v>0</v>
      </c>
      <c r="BY34" s="102">
        <v>1</v>
      </c>
      <c r="BZ34" s="103">
        <v>7</v>
      </c>
      <c r="CA34" s="104">
        <v>9</v>
      </c>
      <c r="CB34" s="101">
        <v>0</v>
      </c>
      <c r="CC34" s="102">
        <v>0</v>
      </c>
      <c r="CD34" s="103">
        <v>0</v>
      </c>
      <c r="CE34" s="413">
        <v>0</v>
      </c>
      <c r="CF34" s="102">
        <v>0</v>
      </c>
      <c r="CG34" s="102">
        <v>0</v>
      </c>
      <c r="CH34" s="102">
        <v>0</v>
      </c>
      <c r="CI34" s="102">
        <v>0</v>
      </c>
      <c r="CJ34" s="102">
        <v>0</v>
      </c>
      <c r="CK34" s="103">
        <v>0</v>
      </c>
      <c r="CL34" s="104">
        <v>0</v>
      </c>
      <c r="CM34" s="101">
        <v>4</v>
      </c>
      <c r="CN34" s="102">
        <v>4</v>
      </c>
      <c r="CO34" s="103">
        <v>8</v>
      </c>
      <c r="CP34" s="413">
        <v>0</v>
      </c>
      <c r="CQ34" s="102">
        <v>9</v>
      </c>
      <c r="CR34" s="102">
        <v>3</v>
      </c>
      <c r="CS34" s="102">
        <v>8</v>
      </c>
      <c r="CT34" s="102">
        <v>2</v>
      </c>
      <c r="CU34" s="102">
        <v>3</v>
      </c>
      <c r="CV34" s="103">
        <v>25</v>
      </c>
      <c r="CW34" s="104">
        <v>33</v>
      </c>
      <c r="CX34" s="105">
        <v>1</v>
      </c>
      <c r="CY34" s="97">
        <v>1</v>
      </c>
      <c r="CZ34" s="98">
        <v>2</v>
      </c>
      <c r="DA34" s="413">
        <v>0</v>
      </c>
      <c r="DB34" s="97">
        <v>1</v>
      </c>
      <c r="DC34" s="97">
        <v>1</v>
      </c>
      <c r="DD34" s="97">
        <v>2</v>
      </c>
      <c r="DE34" s="97">
        <v>1</v>
      </c>
      <c r="DF34" s="97">
        <v>0</v>
      </c>
      <c r="DG34" s="99">
        <v>5</v>
      </c>
      <c r="DH34" s="100">
        <v>7</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0</v>
      </c>
      <c r="EA34" s="102">
        <v>0</v>
      </c>
      <c r="EB34" s="102">
        <v>0</v>
      </c>
      <c r="EC34" s="103">
        <v>0</v>
      </c>
      <c r="ED34" s="104">
        <v>0</v>
      </c>
      <c r="EE34" s="101">
        <v>0</v>
      </c>
      <c r="EF34" s="102">
        <v>0</v>
      </c>
      <c r="EG34" s="103">
        <v>0</v>
      </c>
      <c r="EH34" s="413">
        <v>0</v>
      </c>
      <c r="EI34" s="102">
        <v>0</v>
      </c>
      <c r="EJ34" s="102">
        <v>0</v>
      </c>
      <c r="EK34" s="102">
        <v>0</v>
      </c>
      <c r="EL34" s="102">
        <v>1</v>
      </c>
      <c r="EM34" s="102">
        <v>0</v>
      </c>
      <c r="EN34" s="103">
        <v>1</v>
      </c>
      <c r="EO34" s="104">
        <v>1</v>
      </c>
      <c r="EP34" s="101">
        <v>0</v>
      </c>
      <c r="EQ34" s="102">
        <v>0</v>
      </c>
      <c r="ER34" s="103">
        <v>0</v>
      </c>
      <c r="ES34" s="413">
        <v>0</v>
      </c>
      <c r="ET34" s="102">
        <v>1</v>
      </c>
      <c r="EU34" s="102">
        <v>0</v>
      </c>
      <c r="EV34" s="102">
        <v>1</v>
      </c>
      <c r="EW34" s="102">
        <v>0</v>
      </c>
      <c r="EX34" s="102">
        <v>0</v>
      </c>
      <c r="EY34" s="103">
        <v>2</v>
      </c>
      <c r="EZ34" s="104">
        <v>2</v>
      </c>
      <c r="FA34" s="101">
        <v>1</v>
      </c>
      <c r="FB34" s="102">
        <v>1</v>
      </c>
      <c r="FC34" s="103">
        <v>2</v>
      </c>
      <c r="FD34" s="413">
        <v>0</v>
      </c>
      <c r="FE34" s="102">
        <v>0</v>
      </c>
      <c r="FF34" s="102">
        <v>0</v>
      </c>
      <c r="FG34" s="102">
        <v>0</v>
      </c>
      <c r="FH34" s="102">
        <v>0</v>
      </c>
      <c r="FI34" s="102">
        <v>0</v>
      </c>
      <c r="FJ34" s="103">
        <v>0</v>
      </c>
      <c r="FK34" s="104">
        <v>2</v>
      </c>
      <c r="FL34" s="101">
        <v>0</v>
      </c>
      <c r="FM34" s="102">
        <v>0</v>
      </c>
      <c r="FN34" s="103">
        <v>0</v>
      </c>
      <c r="FO34" s="413">
        <v>0</v>
      </c>
      <c r="FP34" s="102">
        <v>0</v>
      </c>
      <c r="FQ34" s="102">
        <v>1</v>
      </c>
      <c r="FR34" s="102">
        <v>1</v>
      </c>
      <c r="FS34" s="102">
        <v>0</v>
      </c>
      <c r="FT34" s="102">
        <v>0</v>
      </c>
      <c r="FU34" s="103">
        <v>2</v>
      </c>
      <c r="FV34" s="104">
        <v>2</v>
      </c>
      <c r="FW34" s="101">
        <v>0</v>
      </c>
      <c r="FX34" s="102">
        <v>0</v>
      </c>
      <c r="FY34" s="103">
        <v>0</v>
      </c>
      <c r="FZ34" s="413">
        <v>0</v>
      </c>
      <c r="GA34" s="102">
        <v>0</v>
      </c>
      <c r="GB34" s="102">
        <v>0</v>
      </c>
      <c r="GC34" s="102">
        <v>0</v>
      </c>
      <c r="GD34" s="102">
        <v>0</v>
      </c>
      <c r="GE34" s="102">
        <v>0</v>
      </c>
      <c r="GF34" s="103">
        <v>0</v>
      </c>
      <c r="GG34" s="104">
        <v>0</v>
      </c>
      <c r="GH34" s="101">
        <v>1</v>
      </c>
      <c r="GI34" s="102">
        <v>1</v>
      </c>
      <c r="GJ34" s="103">
        <v>2</v>
      </c>
      <c r="GK34" s="413">
        <v>0</v>
      </c>
      <c r="GL34" s="102">
        <v>1</v>
      </c>
      <c r="GM34" s="102">
        <v>1</v>
      </c>
      <c r="GN34" s="102">
        <v>2</v>
      </c>
      <c r="GO34" s="102">
        <v>1</v>
      </c>
      <c r="GP34" s="102">
        <v>0</v>
      </c>
      <c r="GQ34" s="103">
        <v>5</v>
      </c>
      <c r="GR34" s="104">
        <v>7</v>
      </c>
      <c r="GS34" s="105">
        <v>5</v>
      </c>
      <c r="GT34" s="97">
        <v>5</v>
      </c>
      <c r="GU34" s="98">
        <v>10</v>
      </c>
      <c r="GV34" s="413">
        <v>0</v>
      </c>
      <c r="GW34" s="97">
        <v>10</v>
      </c>
      <c r="GX34" s="97">
        <v>4</v>
      </c>
      <c r="GY34" s="97">
        <v>10</v>
      </c>
      <c r="GZ34" s="97">
        <v>3</v>
      </c>
      <c r="HA34" s="97">
        <v>3</v>
      </c>
      <c r="HB34" s="99">
        <v>30</v>
      </c>
      <c r="HC34" s="100">
        <v>40</v>
      </c>
      <c r="HD34" s="101">
        <v>0</v>
      </c>
      <c r="HE34" s="102">
        <v>0</v>
      </c>
      <c r="HF34" s="103">
        <v>0</v>
      </c>
      <c r="HG34" s="413">
        <v>0</v>
      </c>
      <c r="HH34" s="102">
        <v>0</v>
      </c>
      <c r="HI34" s="102">
        <v>1</v>
      </c>
      <c r="HJ34" s="102">
        <v>0</v>
      </c>
      <c r="HK34" s="102">
        <v>0</v>
      </c>
      <c r="HL34" s="102">
        <v>0</v>
      </c>
      <c r="HM34" s="103">
        <v>1</v>
      </c>
      <c r="HN34" s="104">
        <v>1</v>
      </c>
      <c r="HO34" s="101">
        <v>1</v>
      </c>
      <c r="HP34" s="102">
        <v>0</v>
      </c>
      <c r="HQ34" s="103">
        <v>1</v>
      </c>
      <c r="HR34" s="413">
        <v>0</v>
      </c>
      <c r="HS34" s="102">
        <v>3</v>
      </c>
      <c r="HT34" s="102">
        <v>0</v>
      </c>
      <c r="HU34" s="102">
        <v>3</v>
      </c>
      <c r="HV34" s="102">
        <v>1</v>
      </c>
      <c r="HW34" s="102">
        <v>1</v>
      </c>
      <c r="HX34" s="103">
        <v>8</v>
      </c>
      <c r="HY34" s="104">
        <v>9</v>
      </c>
      <c r="HZ34" s="101">
        <v>0</v>
      </c>
      <c r="IA34" s="102">
        <v>1</v>
      </c>
      <c r="IB34" s="103">
        <v>1</v>
      </c>
      <c r="IC34" s="413">
        <v>0</v>
      </c>
      <c r="ID34" s="102">
        <v>2</v>
      </c>
      <c r="IE34" s="102">
        <v>1</v>
      </c>
      <c r="IF34" s="102">
        <v>1</v>
      </c>
      <c r="IG34" s="102">
        <v>1</v>
      </c>
      <c r="IH34" s="102">
        <v>0</v>
      </c>
      <c r="II34" s="103">
        <v>5</v>
      </c>
      <c r="IJ34" s="104">
        <v>6</v>
      </c>
      <c r="IK34" s="101">
        <v>2</v>
      </c>
      <c r="IL34" s="102">
        <v>1</v>
      </c>
      <c r="IM34" s="103">
        <v>3</v>
      </c>
      <c r="IN34" s="413">
        <v>0</v>
      </c>
      <c r="IO34" s="102">
        <v>1</v>
      </c>
      <c r="IP34" s="102">
        <v>0</v>
      </c>
      <c r="IQ34" s="102">
        <v>1</v>
      </c>
      <c r="IR34" s="102">
        <v>0</v>
      </c>
      <c r="IS34" s="102">
        <v>0</v>
      </c>
      <c r="IT34" s="103">
        <v>2</v>
      </c>
      <c r="IU34" s="104">
        <v>5</v>
      </c>
      <c r="IV34" s="101">
        <v>1</v>
      </c>
      <c r="IW34" s="102">
        <v>2</v>
      </c>
      <c r="IX34" s="103">
        <v>3</v>
      </c>
      <c r="IY34" s="413">
        <v>0</v>
      </c>
      <c r="IZ34" s="102">
        <v>2</v>
      </c>
      <c r="JA34" s="102">
        <v>0</v>
      </c>
      <c r="JB34" s="102">
        <v>1</v>
      </c>
      <c r="JC34" s="102">
        <v>1</v>
      </c>
      <c r="JD34" s="102">
        <v>1</v>
      </c>
      <c r="JE34" s="103">
        <v>5</v>
      </c>
      <c r="JF34" s="104">
        <v>8</v>
      </c>
      <c r="JG34" s="101">
        <v>1</v>
      </c>
      <c r="JH34" s="102">
        <v>1</v>
      </c>
      <c r="JI34" s="103">
        <v>2</v>
      </c>
      <c r="JJ34" s="413">
        <v>0</v>
      </c>
      <c r="JK34" s="102">
        <v>2</v>
      </c>
      <c r="JL34" s="102">
        <v>2</v>
      </c>
      <c r="JM34" s="102">
        <v>4</v>
      </c>
      <c r="JN34" s="102">
        <v>0</v>
      </c>
      <c r="JO34" s="102">
        <v>1</v>
      </c>
      <c r="JP34" s="103">
        <v>9</v>
      </c>
      <c r="JQ34" s="104">
        <v>11</v>
      </c>
      <c r="JR34" s="101">
        <v>0</v>
      </c>
      <c r="JS34" s="102">
        <v>0</v>
      </c>
      <c r="JT34" s="103">
        <v>0</v>
      </c>
      <c r="JU34" s="413">
        <v>0</v>
      </c>
      <c r="JV34" s="102">
        <v>0</v>
      </c>
      <c r="JW34" s="102">
        <v>0</v>
      </c>
      <c r="JX34" s="102">
        <v>0</v>
      </c>
      <c r="JY34" s="102">
        <v>0</v>
      </c>
      <c r="JZ34" s="102">
        <v>0</v>
      </c>
      <c r="KA34" s="103">
        <v>0</v>
      </c>
      <c r="KB34" s="104">
        <v>0</v>
      </c>
      <c r="KC34" s="101">
        <v>5</v>
      </c>
      <c r="KD34" s="102">
        <v>5</v>
      </c>
      <c r="KE34" s="103">
        <v>10</v>
      </c>
      <c r="KF34" s="413">
        <v>0</v>
      </c>
      <c r="KG34" s="102">
        <v>10</v>
      </c>
      <c r="KH34" s="102">
        <v>4</v>
      </c>
      <c r="KI34" s="102">
        <v>10</v>
      </c>
      <c r="KJ34" s="102">
        <v>3</v>
      </c>
      <c r="KK34" s="102">
        <v>3</v>
      </c>
      <c r="KL34" s="103">
        <v>30</v>
      </c>
      <c r="KM34" s="104">
        <v>40</v>
      </c>
    </row>
    <row r="35" spans="2:299" s="70" customFormat="1" ht="21" customHeight="1" x14ac:dyDescent="0.2">
      <c r="B35" s="106" t="s">
        <v>32</v>
      </c>
      <c r="C35" s="96">
        <v>3</v>
      </c>
      <c r="D35" s="97">
        <v>4</v>
      </c>
      <c r="E35" s="98">
        <v>7</v>
      </c>
      <c r="F35" s="413">
        <v>0</v>
      </c>
      <c r="G35" s="97">
        <v>13</v>
      </c>
      <c r="H35" s="97">
        <v>4</v>
      </c>
      <c r="I35" s="97">
        <v>3</v>
      </c>
      <c r="J35" s="97">
        <v>5</v>
      </c>
      <c r="K35" s="97">
        <v>4</v>
      </c>
      <c r="L35" s="99">
        <v>29</v>
      </c>
      <c r="M35" s="100">
        <v>36</v>
      </c>
      <c r="N35" s="101">
        <v>0</v>
      </c>
      <c r="O35" s="102">
        <v>0</v>
      </c>
      <c r="P35" s="103">
        <v>0</v>
      </c>
      <c r="Q35" s="413">
        <v>0</v>
      </c>
      <c r="R35" s="102">
        <v>0</v>
      </c>
      <c r="S35" s="102">
        <v>0</v>
      </c>
      <c r="T35" s="102">
        <v>0</v>
      </c>
      <c r="U35" s="102">
        <v>0</v>
      </c>
      <c r="V35" s="102">
        <v>0</v>
      </c>
      <c r="W35" s="103">
        <v>0</v>
      </c>
      <c r="X35" s="104">
        <v>0</v>
      </c>
      <c r="Y35" s="101">
        <v>0</v>
      </c>
      <c r="Z35" s="102">
        <v>0</v>
      </c>
      <c r="AA35" s="103">
        <v>0</v>
      </c>
      <c r="AB35" s="413">
        <v>0</v>
      </c>
      <c r="AC35" s="102">
        <v>1</v>
      </c>
      <c r="AD35" s="102">
        <v>1</v>
      </c>
      <c r="AE35" s="102">
        <v>0</v>
      </c>
      <c r="AF35" s="102">
        <v>1</v>
      </c>
      <c r="AG35" s="102">
        <v>1</v>
      </c>
      <c r="AH35" s="103">
        <v>4</v>
      </c>
      <c r="AI35" s="104">
        <v>4</v>
      </c>
      <c r="AJ35" s="101">
        <v>2</v>
      </c>
      <c r="AK35" s="102">
        <v>0</v>
      </c>
      <c r="AL35" s="103">
        <v>2</v>
      </c>
      <c r="AM35" s="413">
        <v>0</v>
      </c>
      <c r="AN35" s="102">
        <v>2</v>
      </c>
      <c r="AO35" s="102">
        <v>0</v>
      </c>
      <c r="AP35" s="102">
        <v>0</v>
      </c>
      <c r="AQ35" s="102">
        <v>1</v>
      </c>
      <c r="AR35" s="102">
        <v>2</v>
      </c>
      <c r="AS35" s="103">
        <v>5</v>
      </c>
      <c r="AT35" s="104">
        <v>7</v>
      </c>
      <c r="AU35" s="101">
        <v>1</v>
      </c>
      <c r="AV35" s="102">
        <v>2</v>
      </c>
      <c r="AW35" s="103">
        <v>3</v>
      </c>
      <c r="AX35" s="413">
        <v>0</v>
      </c>
      <c r="AY35" s="102">
        <v>6</v>
      </c>
      <c r="AZ35" s="102">
        <v>0</v>
      </c>
      <c r="BA35" s="102">
        <v>0</v>
      </c>
      <c r="BB35" s="102">
        <v>0</v>
      </c>
      <c r="BC35" s="102">
        <v>1</v>
      </c>
      <c r="BD35" s="103">
        <v>7</v>
      </c>
      <c r="BE35" s="104">
        <v>10</v>
      </c>
      <c r="BF35" s="101">
        <v>0</v>
      </c>
      <c r="BG35" s="102">
        <v>1</v>
      </c>
      <c r="BH35" s="103">
        <v>1</v>
      </c>
      <c r="BI35" s="413">
        <v>0</v>
      </c>
      <c r="BJ35" s="102">
        <v>2</v>
      </c>
      <c r="BK35" s="102">
        <v>1</v>
      </c>
      <c r="BL35" s="102">
        <v>1</v>
      </c>
      <c r="BM35" s="102">
        <v>2</v>
      </c>
      <c r="BN35" s="102">
        <v>0</v>
      </c>
      <c r="BO35" s="103">
        <v>6</v>
      </c>
      <c r="BP35" s="104">
        <v>7</v>
      </c>
      <c r="BQ35" s="101">
        <v>0</v>
      </c>
      <c r="BR35" s="102">
        <v>1</v>
      </c>
      <c r="BS35" s="103">
        <v>1</v>
      </c>
      <c r="BT35" s="413">
        <v>0</v>
      </c>
      <c r="BU35" s="102">
        <v>2</v>
      </c>
      <c r="BV35" s="102">
        <v>2</v>
      </c>
      <c r="BW35" s="102">
        <v>2</v>
      </c>
      <c r="BX35" s="102">
        <v>1</v>
      </c>
      <c r="BY35" s="102">
        <v>0</v>
      </c>
      <c r="BZ35" s="103">
        <v>7</v>
      </c>
      <c r="CA35" s="104">
        <v>8</v>
      </c>
      <c r="CB35" s="101">
        <v>0</v>
      </c>
      <c r="CC35" s="102">
        <v>0</v>
      </c>
      <c r="CD35" s="103">
        <v>0</v>
      </c>
      <c r="CE35" s="413">
        <v>0</v>
      </c>
      <c r="CF35" s="102">
        <v>0</v>
      </c>
      <c r="CG35" s="102">
        <v>0</v>
      </c>
      <c r="CH35" s="102">
        <v>0</v>
      </c>
      <c r="CI35" s="102">
        <v>0</v>
      </c>
      <c r="CJ35" s="102">
        <v>0</v>
      </c>
      <c r="CK35" s="103">
        <v>0</v>
      </c>
      <c r="CL35" s="104">
        <v>0</v>
      </c>
      <c r="CM35" s="101">
        <v>3</v>
      </c>
      <c r="CN35" s="102">
        <v>4</v>
      </c>
      <c r="CO35" s="103">
        <v>7</v>
      </c>
      <c r="CP35" s="413">
        <v>0</v>
      </c>
      <c r="CQ35" s="102">
        <v>13</v>
      </c>
      <c r="CR35" s="102">
        <v>4</v>
      </c>
      <c r="CS35" s="102">
        <v>3</v>
      </c>
      <c r="CT35" s="102">
        <v>5</v>
      </c>
      <c r="CU35" s="102">
        <v>4</v>
      </c>
      <c r="CV35" s="103">
        <v>29</v>
      </c>
      <c r="CW35" s="104">
        <v>36</v>
      </c>
      <c r="CX35" s="105">
        <v>3</v>
      </c>
      <c r="CY35" s="97">
        <v>0</v>
      </c>
      <c r="CZ35" s="98">
        <v>3</v>
      </c>
      <c r="DA35" s="413">
        <v>0</v>
      </c>
      <c r="DB35" s="97">
        <v>2</v>
      </c>
      <c r="DC35" s="97">
        <v>3</v>
      </c>
      <c r="DD35" s="97">
        <v>1</v>
      </c>
      <c r="DE35" s="97">
        <v>2</v>
      </c>
      <c r="DF35" s="97">
        <v>0</v>
      </c>
      <c r="DG35" s="99">
        <v>8</v>
      </c>
      <c r="DH35" s="100">
        <v>11</v>
      </c>
      <c r="DI35" s="101">
        <v>0</v>
      </c>
      <c r="DJ35" s="102">
        <v>0</v>
      </c>
      <c r="DK35" s="103">
        <v>0</v>
      </c>
      <c r="DL35" s="413">
        <v>0</v>
      </c>
      <c r="DM35" s="102">
        <v>0</v>
      </c>
      <c r="DN35" s="102">
        <v>0</v>
      </c>
      <c r="DO35" s="102">
        <v>0</v>
      </c>
      <c r="DP35" s="102">
        <v>0</v>
      </c>
      <c r="DQ35" s="102">
        <v>0</v>
      </c>
      <c r="DR35" s="103">
        <v>0</v>
      </c>
      <c r="DS35" s="104">
        <v>0</v>
      </c>
      <c r="DT35" s="101">
        <v>1</v>
      </c>
      <c r="DU35" s="102">
        <v>0</v>
      </c>
      <c r="DV35" s="103">
        <v>1</v>
      </c>
      <c r="DW35" s="413">
        <v>0</v>
      </c>
      <c r="DX35" s="102">
        <v>0</v>
      </c>
      <c r="DY35" s="102">
        <v>0</v>
      </c>
      <c r="DZ35" s="102">
        <v>0</v>
      </c>
      <c r="EA35" s="102">
        <v>0</v>
      </c>
      <c r="EB35" s="102">
        <v>0</v>
      </c>
      <c r="EC35" s="103">
        <v>0</v>
      </c>
      <c r="ED35" s="104">
        <v>1</v>
      </c>
      <c r="EE35" s="101">
        <v>0</v>
      </c>
      <c r="EF35" s="102">
        <v>0</v>
      </c>
      <c r="EG35" s="103">
        <v>0</v>
      </c>
      <c r="EH35" s="413">
        <v>0</v>
      </c>
      <c r="EI35" s="102">
        <v>0</v>
      </c>
      <c r="EJ35" s="102">
        <v>0</v>
      </c>
      <c r="EK35" s="102">
        <v>1</v>
      </c>
      <c r="EL35" s="102">
        <v>0</v>
      </c>
      <c r="EM35" s="102">
        <v>0</v>
      </c>
      <c r="EN35" s="103">
        <v>1</v>
      </c>
      <c r="EO35" s="104">
        <v>1</v>
      </c>
      <c r="EP35" s="101">
        <v>1</v>
      </c>
      <c r="EQ35" s="102">
        <v>0</v>
      </c>
      <c r="ER35" s="103">
        <v>1</v>
      </c>
      <c r="ES35" s="413">
        <v>0</v>
      </c>
      <c r="ET35" s="102">
        <v>0</v>
      </c>
      <c r="EU35" s="102">
        <v>0</v>
      </c>
      <c r="EV35" s="102">
        <v>0</v>
      </c>
      <c r="EW35" s="102">
        <v>1</v>
      </c>
      <c r="EX35" s="102">
        <v>0</v>
      </c>
      <c r="EY35" s="103">
        <v>1</v>
      </c>
      <c r="EZ35" s="104">
        <v>2</v>
      </c>
      <c r="FA35" s="101">
        <v>1</v>
      </c>
      <c r="FB35" s="102">
        <v>0</v>
      </c>
      <c r="FC35" s="103">
        <v>1</v>
      </c>
      <c r="FD35" s="413">
        <v>0</v>
      </c>
      <c r="FE35" s="102">
        <v>0</v>
      </c>
      <c r="FF35" s="102">
        <v>1</v>
      </c>
      <c r="FG35" s="102">
        <v>0</v>
      </c>
      <c r="FH35" s="102">
        <v>0</v>
      </c>
      <c r="FI35" s="102">
        <v>0</v>
      </c>
      <c r="FJ35" s="103">
        <v>1</v>
      </c>
      <c r="FK35" s="104">
        <v>2</v>
      </c>
      <c r="FL35" s="101">
        <v>0</v>
      </c>
      <c r="FM35" s="102">
        <v>0</v>
      </c>
      <c r="FN35" s="103">
        <v>0</v>
      </c>
      <c r="FO35" s="413">
        <v>0</v>
      </c>
      <c r="FP35" s="102">
        <v>2</v>
      </c>
      <c r="FQ35" s="102">
        <v>2</v>
      </c>
      <c r="FR35" s="102">
        <v>0</v>
      </c>
      <c r="FS35" s="102">
        <v>1</v>
      </c>
      <c r="FT35" s="102">
        <v>0</v>
      </c>
      <c r="FU35" s="103">
        <v>5</v>
      </c>
      <c r="FV35" s="104">
        <v>5</v>
      </c>
      <c r="FW35" s="101">
        <v>0</v>
      </c>
      <c r="FX35" s="102">
        <v>0</v>
      </c>
      <c r="FY35" s="103">
        <v>0</v>
      </c>
      <c r="FZ35" s="413">
        <v>0</v>
      </c>
      <c r="GA35" s="102">
        <v>0</v>
      </c>
      <c r="GB35" s="102">
        <v>0</v>
      </c>
      <c r="GC35" s="102">
        <v>0</v>
      </c>
      <c r="GD35" s="102">
        <v>0</v>
      </c>
      <c r="GE35" s="102">
        <v>0</v>
      </c>
      <c r="GF35" s="103">
        <v>0</v>
      </c>
      <c r="GG35" s="104">
        <v>0</v>
      </c>
      <c r="GH35" s="101">
        <v>3</v>
      </c>
      <c r="GI35" s="102">
        <v>0</v>
      </c>
      <c r="GJ35" s="103">
        <v>3</v>
      </c>
      <c r="GK35" s="413">
        <v>0</v>
      </c>
      <c r="GL35" s="102">
        <v>2</v>
      </c>
      <c r="GM35" s="102">
        <v>3</v>
      </c>
      <c r="GN35" s="102">
        <v>1</v>
      </c>
      <c r="GO35" s="102">
        <v>2</v>
      </c>
      <c r="GP35" s="102">
        <v>0</v>
      </c>
      <c r="GQ35" s="103">
        <v>8</v>
      </c>
      <c r="GR35" s="104">
        <v>11</v>
      </c>
      <c r="GS35" s="105">
        <v>6</v>
      </c>
      <c r="GT35" s="97">
        <v>4</v>
      </c>
      <c r="GU35" s="98">
        <v>10</v>
      </c>
      <c r="GV35" s="413">
        <v>0</v>
      </c>
      <c r="GW35" s="97">
        <v>15</v>
      </c>
      <c r="GX35" s="97">
        <v>7</v>
      </c>
      <c r="GY35" s="97">
        <v>4</v>
      </c>
      <c r="GZ35" s="97">
        <v>7</v>
      </c>
      <c r="HA35" s="97">
        <v>4</v>
      </c>
      <c r="HB35" s="99">
        <v>37</v>
      </c>
      <c r="HC35" s="100">
        <v>47</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1</v>
      </c>
      <c r="HT35" s="102">
        <v>1</v>
      </c>
      <c r="HU35" s="102">
        <v>0</v>
      </c>
      <c r="HV35" s="102">
        <v>1</v>
      </c>
      <c r="HW35" s="102">
        <v>1</v>
      </c>
      <c r="HX35" s="103">
        <v>4</v>
      </c>
      <c r="HY35" s="104">
        <v>5</v>
      </c>
      <c r="HZ35" s="101">
        <v>2</v>
      </c>
      <c r="IA35" s="102">
        <v>0</v>
      </c>
      <c r="IB35" s="103">
        <v>2</v>
      </c>
      <c r="IC35" s="413">
        <v>0</v>
      </c>
      <c r="ID35" s="102">
        <v>2</v>
      </c>
      <c r="IE35" s="102">
        <v>0</v>
      </c>
      <c r="IF35" s="102">
        <v>1</v>
      </c>
      <c r="IG35" s="102">
        <v>1</v>
      </c>
      <c r="IH35" s="102">
        <v>2</v>
      </c>
      <c r="II35" s="103">
        <v>6</v>
      </c>
      <c r="IJ35" s="104">
        <v>8</v>
      </c>
      <c r="IK35" s="101">
        <v>2</v>
      </c>
      <c r="IL35" s="102">
        <v>2</v>
      </c>
      <c r="IM35" s="103">
        <v>4</v>
      </c>
      <c r="IN35" s="413">
        <v>0</v>
      </c>
      <c r="IO35" s="102">
        <v>6</v>
      </c>
      <c r="IP35" s="102">
        <v>0</v>
      </c>
      <c r="IQ35" s="102">
        <v>0</v>
      </c>
      <c r="IR35" s="102">
        <v>1</v>
      </c>
      <c r="IS35" s="102">
        <v>1</v>
      </c>
      <c r="IT35" s="103">
        <v>8</v>
      </c>
      <c r="IU35" s="104">
        <v>12</v>
      </c>
      <c r="IV35" s="101">
        <v>1</v>
      </c>
      <c r="IW35" s="102">
        <v>1</v>
      </c>
      <c r="IX35" s="103">
        <v>2</v>
      </c>
      <c r="IY35" s="413">
        <v>0</v>
      </c>
      <c r="IZ35" s="102">
        <v>2</v>
      </c>
      <c r="JA35" s="102">
        <v>2</v>
      </c>
      <c r="JB35" s="102">
        <v>1</v>
      </c>
      <c r="JC35" s="102">
        <v>2</v>
      </c>
      <c r="JD35" s="102">
        <v>0</v>
      </c>
      <c r="JE35" s="103">
        <v>7</v>
      </c>
      <c r="JF35" s="104">
        <v>9</v>
      </c>
      <c r="JG35" s="101">
        <v>0</v>
      </c>
      <c r="JH35" s="102">
        <v>1</v>
      </c>
      <c r="JI35" s="103">
        <v>1</v>
      </c>
      <c r="JJ35" s="413">
        <v>0</v>
      </c>
      <c r="JK35" s="102">
        <v>4</v>
      </c>
      <c r="JL35" s="102">
        <v>4</v>
      </c>
      <c r="JM35" s="102">
        <v>2</v>
      </c>
      <c r="JN35" s="102">
        <v>2</v>
      </c>
      <c r="JO35" s="102">
        <v>0</v>
      </c>
      <c r="JP35" s="103">
        <v>12</v>
      </c>
      <c r="JQ35" s="104">
        <v>13</v>
      </c>
      <c r="JR35" s="101">
        <v>0</v>
      </c>
      <c r="JS35" s="102">
        <v>0</v>
      </c>
      <c r="JT35" s="103">
        <v>0</v>
      </c>
      <c r="JU35" s="413">
        <v>0</v>
      </c>
      <c r="JV35" s="102">
        <v>0</v>
      </c>
      <c r="JW35" s="102">
        <v>0</v>
      </c>
      <c r="JX35" s="102">
        <v>0</v>
      </c>
      <c r="JY35" s="102">
        <v>0</v>
      </c>
      <c r="JZ35" s="102">
        <v>0</v>
      </c>
      <c r="KA35" s="103">
        <v>0</v>
      </c>
      <c r="KB35" s="104">
        <v>0</v>
      </c>
      <c r="KC35" s="101">
        <v>6</v>
      </c>
      <c r="KD35" s="102">
        <v>4</v>
      </c>
      <c r="KE35" s="103">
        <v>10</v>
      </c>
      <c r="KF35" s="413">
        <v>0</v>
      </c>
      <c r="KG35" s="102">
        <v>15</v>
      </c>
      <c r="KH35" s="102">
        <v>7</v>
      </c>
      <c r="KI35" s="102">
        <v>4</v>
      </c>
      <c r="KJ35" s="102">
        <v>7</v>
      </c>
      <c r="KK35" s="102">
        <v>4</v>
      </c>
      <c r="KL35" s="103">
        <v>37</v>
      </c>
      <c r="KM35" s="104">
        <v>47</v>
      </c>
    </row>
    <row r="36" spans="2:299" s="70" customFormat="1" ht="21" customHeight="1" x14ac:dyDescent="0.2">
      <c r="B36" s="106" t="s">
        <v>33</v>
      </c>
      <c r="C36" s="96">
        <v>1</v>
      </c>
      <c r="D36" s="97">
        <v>3</v>
      </c>
      <c r="E36" s="98">
        <v>4</v>
      </c>
      <c r="F36" s="413">
        <v>0</v>
      </c>
      <c r="G36" s="97">
        <v>9</v>
      </c>
      <c r="H36" s="97">
        <v>2</v>
      </c>
      <c r="I36" s="97">
        <v>4</v>
      </c>
      <c r="J36" s="97">
        <v>2</v>
      </c>
      <c r="K36" s="97">
        <v>4</v>
      </c>
      <c r="L36" s="99">
        <v>21</v>
      </c>
      <c r="M36" s="100">
        <v>25</v>
      </c>
      <c r="N36" s="101">
        <v>0</v>
      </c>
      <c r="O36" s="102">
        <v>0</v>
      </c>
      <c r="P36" s="103">
        <v>0</v>
      </c>
      <c r="Q36" s="413">
        <v>0</v>
      </c>
      <c r="R36" s="102">
        <v>2</v>
      </c>
      <c r="S36" s="102">
        <v>0</v>
      </c>
      <c r="T36" s="102">
        <v>0</v>
      </c>
      <c r="U36" s="102">
        <v>1</v>
      </c>
      <c r="V36" s="102">
        <v>0</v>
      </c>
      <c r="W36" s="103">
        <v>3</v>
      </c>
      <c r="X36" s="104">
        <v>3</v>
      </c>
      <c r="Y36" s="101">
        <v>0</v>
      </c>
      <c r="Z36" s="102">
        <v>0</v>
      </c>
      <c r="AA36" s="103">
        <v>0</v>
      </c>
      <c r="AB36" s="413">
        <v>0</v>
      </c>
      <c r="AC36" s="102">
        <v>1</v>
      </c>
      <c r="AD36" s="102">
        <v>0</v>
      </c>
      <c r="AE36" s="102">
        <v>1</v>
      </c>
      <c r="AF36" s="102">
        <v>0</v>
      </c>
      <c r="AG36" s="102">
        <v>1</v>
      </c>
      <c r="AH36" s="103">
        <v>3</v>
      </c>
      <c r="AI36" s="104">
        <v>3</v>
      </c>
      <c r="AJ36" s="101">
        <v>0</v>
      </c>
      <c r="AK36" s="102">
        <v>1</v>
      </c>
      <c r="AL36" s="103">
        <v>1</v>
      </c>
      <c r="AM36" s="413">
        <v>0</v>
      </c>
      <c r="AN36" s="102">
        <v>2</v>
      </c>
      <c r="AO36" s="102">
        <v>1</v>
      </c>
      <c r="AP36" s="102">
        <v>1</v>
      </c>
      <c r="AQ36" s="102">
        <v>0</v>
      </c>
      <c r="AR36" s="102">
        <v>1</v>
      </c>
      <c r="AS36" s="103">
        <v>5</v>
      </c>
      <c r="AT36" s="104">
        <v>6</v>
      </c>
      <c r="AU36" s="101">
        <v>1</v>
      </c>
      <c r="AV36" s="102">
        <v>1</v>
      </c>
      <c r="AW36" s="103">
        <v>2</v>
      </c>
      <c r="AX36" s="413">
        <v>0</v>
      </c>
      <c r="AY36" s="102">
        <v>1</v>
      </c>
      <c r="AZ36" s="102">
        <v>0</v>
      </c>
      <c r="BA36" s="102">
        <v>1</v>
      </c>
      <c r="BB36" s="102">
        <v>0</v>
      </c>
      <c r="BC36" s="102">
        <v>1</v>
      </c>
      <c r="BD36" s="103">
        <v>3</v>
      </c>
      <c r="BE36" s="104">
        <v>5</v>
      </c>
      <c r="BF36" s="101">
        <v>0</v>
      </c>
      <c r="BG36" s="102">
        <v>1</v>
      </c>
      <c r="BH36" s="103">
        <v>1</v>
      </c>
      <c r="BI36" s="413">
        <v>0</v>
      </c>
      <c r="BJ36" s="102">
        <v>1</v>
      </c>
      <c r="BK36" s="102">
        <v>1</v>
      </c>
      <c r="BL36" s="102">
        <v>0</v>
      </c>
      <c r="BM36" s="102">
        <v>0</v>
      </c>
      <c r="BN36" s="102">
        <v>1</v>
      </c>
      <c r="BO36" s="103">
        <v>3</v>
      </c>
      <c r="BP36" s="104">
        <v>4</v>
      </c>
      <c r="BQ36" s="101">
        <v>0</v>
      </c>
      <c r="BR36" s="102">
        <v>0</v>
      </c>
      <c r="BS36" s="103">
        <v>0</v>
      </c>
      <c r="BT36" s="413">
        <v>0</v>
      </c>
      <c r="BU36" s="102">
        <v>2</v>
      </c>
      <c r="BV36" s="102">
        <v>0</v>
      </c>
      <c r="BW36" s="102">
        <v>1</v>
      </c>
      <c r="BX36" s="102">
        <v>1</v>
      </c>
      <c r="BY36" s="102">
        <v>0</v>
      </c>
      <c r="BZ36" s="103">
        <v>4</v>
      </c>
      <c r="CA36" s="104">
        <v>4</v>
      </c>
      <c r="CB36" s="101">
        <v>0</v>
      </c>
      <c r="CC36" s="102">
        <v>0</v>
      </c>
      <c r="CD36" s="103">
        <v>0</v>
      </c>
      <c r="CE36" s="413">
        <v>0</v>
      </c>
      <c r="CF36" s="102">
        <v>0</v>
      </c>
      <c r="CG36" s="102">
        <v>0</v>
      </c>
      <c r="CH36" s="102">
        <v>0</v>
      </c>
      <c r="CI36" s="102">
        <v>0</v>
      </c>
      <c r="CJ36" s="102">
        <v>0</v>
      </c>
      <c r="CK36" s="103">
        <v>0</v>
      </c>
      <c r="CL36" s="104">
        <v>0</v>
      </c>
      <c r="CM36" s="101">
        <v>1</v>
      </c>
      <c r="CN36" s="102">
        <v>3</v>
      </c>
      <c r="CO36" s="103">
        <v>4</v>
      </c>
      <c r="CP36" s="413">
        <v>0</v>
      </c>
      <c r="CQ36" s="102">
        <v>9</v>
      </c>
      <c r="CR36" s="102">
        <v>2</v>
      </c>
      <c r="CS36" s="102">
        <v>4</v>
      </c>
      <c r="CT36" s="102">
        <v>2</v>
      </c>
      <c r="CU36" s="102">
        <v>4</v>
      </c>
      <c r="CV36" s="103">
        <v>21</v>
      </c>
      <c r="CW36" s="104">
        <v>25</v>
      </c>
      <c r="CX36" s="105">
        <v>0</v>
      </c>
      <c r="CY36" s="97">
        <v>3</v>
      </c>
      <c r="CZ36" s="98">
        <v>3</v>
      </c>
      <c r="DA36" s="413">
        <v>0</v>
      </c>
      <c r="DB36" s="97">
        <v>4</v>
      </c>
      <c r="DC36" s="97">
        <v>1</v>
      </c>
      <c r="DD36" s="97">
        <v>4</v>
      </c>
      <c r="DE36" s="97">
        <v>2</v>
      </c>
      <c r="DF36" s="97">
        <v>3</v>
      </c>
      <c r="DG36" s="99">
        <v>14</v>
      </c>
      <c r="DH36" s="100">
        <v>17</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2</v>
      </c>
      <c r="ER36" s="103">
        <v>2</v>
      </c>
      <c r="ES36" s="413">
        <v>0</v>
      </c>
      <c r="ET36" s="102">
        <v>0</v>
      </c>
      <c r="EU36" s="102">
        <v>0</v>
      </c>
      <c r="EV36" s="102">
        <v>0</v>
      </c>
      <c r="EW36" s="102">
        <v>0</v>
      </c>
      <c r="EX36" s="102">
        <v>0</v>
      </c>
      <c r="EY36" s="103">
        <v>0</v>
      </c>
      <c r="EZ36" s="104">
        <v>2</v>
      </c>
      <c r="FA36" s="101">
        <v>0</v>
      </c>
      <c r="FB36" s="102">
        <v>0</v>
      </c>
      <c r="FC36" s="103">
        <v>0</v>
      </c>
      <c r="FD36" s="413">
        <v>0</v>
      </c>
      <c r="FE36" s="102">
        <v>1</v>
      </c>
      <c r="FF36" s="102">
        <v>1</v>
      </c>
      <c r="FG36" s="102">
        <v>0</v>
      </c>
      <c r="FH36" s="102">
        <v>0</v>
      </c>
      <c r="FI36" s="102">
        <v>0</v>
      </c>
      <c r="FJ36" s="103">
        <v>2</v>
      </c>
      <c r="FK36" s="104">
        <v>2</v>
      </c>
      <c r="FL36" s="101">
        <v>0</v>
      </c>
      <c r="FM36" s="102">
        <v>1</v>
      </c>
      <c r="FN36" s="103">
        <v>1</v>
      </c>
      <c r="FO36" s="413">
        <v>0</v>
      </c>
      <c r="FP36" s="102">
        <v>3</v>
      </c>
      <c r="FQ36" s="102">
        <v>0</v>
      </c>
      <c r="FR36" s="102">
        <v>4</v>
      </c>
      <c r="FS36" s="102">
        <v>2</v>
      </c>
      <c r="FT36" s="102">
        <v>3</v>
      </c>
      <c r="FU36" s="103">
        <v>12</v>
      </c>
      <c r="FV36" s="104">
        <v>13</v>
      </c>
      <c r="FW36" s="101">
        <v>0</v>
      </c>
      <c r="FX36" s="102">
        <v>0</v>
      </c>
      <c r="FY36" s="103">
        <v>0</v>
      </c>
      <c r="FZ36" s="413">
        <v>0</v>
      </c>
      <c r="GA36" s="102">
        <v>0</v>
      </c>
      <c r="GB36" s="102">
        <v>0</v>
      </c>
      <c r="GC36" s="102">
        <v>0</v>
      </c>
      <c r="GD36" s="102">
        <v>0</v>
      </c>
      <c r="GE36" s="102">
        <v>0</v>
      </c>
      <c r="GF36" s="103">
        <v>0</v>
      </c>
      <c r="GG36" s="104">
        <v>0</v>
      </c>
      <c r="GH36" s="101">
        <v>0</v>
      </c>
      <c r="GI36" s="102">
        <v>3</v>
      </c>
      <c r="GJ36" s="103">
        <v>3</v>
      </c>
      <c r="GK36" s="413">
        <v>0</v>
      </c>
      <c r="GL36" s="102">
        <v>4</v>
      </c>
      <c r="GM36" s="102">
        <v>1</v>
      </c>
      <c r="GN36" s="102">
        <v>4</v>
      </c>
      <c r="GO36" s="102">
        <v>2</v>
      </c>
      <c r="GP36" s="102">
        <v>3</v>
      </c>
      <c r="GQ36" s="103">
        <v>14</v>
      </c>
      <c r="GR36" s="104">
        <v>17</v>
      </c>
      <c r="GS36" s="105">
        <v>1</v>
      </c>
      <c r="GT36" s="97">
        <v>6</v>
      </c>
      <c r="GU36" s="98">
        <v>7</v>
      </c>
      <c r="GV36" s="413">
        <v>0</v>
      </c>
      <c r="GW36" s="97">
        <v>13</v>
      </c>
      <c r="GX36" s="97">
        <v>3</v>
      </c>
      <c r="GY36" s="97">
        <v>8</v>
      </c>
      <c r="GZ36" s="97">
        <v>4</v>
      </c>
      <c r="HA36" s="97">
        <v>7</v>
      </c>
      <c r="HB36" s="99">
        <v>35</v>
      </c>
      <c r="HC36" s="100">
        <v>42</v>
      </c>
      <c r="HD36" s="101">
        <v>0</v>
      </c>
      <c r="HE36" s="102">
        <v>0</v>
      </c>
      <c r="HF36" s="103">
        <v>0</v>
      </c>
      <c r="HG36" s="413">
        <v>0</v>
      </c>
      <c r="HH36" s="102">
        <v>2</v>
      </c>
      <c r="HI36" s="102">
        <v>0</v>
      </c>
      <c r="HJ36" s="102">
        <v>0</v>
      </c>
      <c r="HK36" s="102">
        <v>1</v>
      </c>
      <c r="HL36" s="102">
        <v>0</v>
      </c>
      <c r="HM36" s="103">
        <v>3</v>
      </c>
      <c r="HN36" s="104">
        <v>3</v>
      </c>
      <c r="HO36" s="101">
        <v>0</v>
      </c>
      <c r="HP36" s="102">
        <v>0</v>
      </c>
      <c r="HQ36" s="103">
        <v>0</v>
      </c>
      <c r="HR36" s="413">
        <v>0</v>
      </c>
      <c r="HS36" s="102">
        <v>1</v>
      </c>
      <c r="HT36" s="102">
        <v>0</v>
      </c>
      <c r="HU36" s="102">
        <v>1</v>
      </c>
      <c r="HV36" s="102">
        <v>0</v>
      </c>
      <c r="HW36" s="102">
        <v>1</v>
      </c>
      <c r="HX36" s="103">
        <v>3</v>
      </c>
      <c r="HY36" s="104">
        <v>3</v>
      </c>
      <c r="HZ36" s="101">
        <v>0</v>
      </c>
      <c r="IA36" s="102">
        <v>1</v>
      </c>
      <c r="IB36" s="103">
        <v>1</v>
      </c>
      <c r="IC36" s="413">
        <v>0</v>
      </c>
      <c r="ID36" s="102">
        <v>2</v>
      </c>
      <c r="IE36" s="102">
        <v>1</v>
      </c>
      <c r="IF36" s="102">
        <v>1</v>
      </c>
      <c r="IG36" s="102">
        <v>0</v>
      </c>
      <c r="IH36" s="102">
        <v>1</v>
      </c>
      <c r="II36" s="103">
        <v>5</v>
      </c>
      <c r="IJ36" s="104">
        <v>6</v>
      </c>
      <c r="IK36" s="101">
        <v>1</v>
      </c>
      <c r="IL36" s="102">
        <v>3</v>
      </c>
      <c r="IM36" s="103">
        <v>4</v>
      </c>
      <c r="IN36" s="413">
        <v>0</v>
      </c>
      <c r="IO36" s="102">
        <v>1</v>
      </c>
      <c r="IP36" s="102">
        <v>0</v>
      </c>
      <c r="IQ36" s="102">
        <v>1</v>
      </c>
      <c r="IR36" s="102">
        <v>0</v>
      </c>
      <c r="IS36" s="102">
        <v>1</v>
      </c>
      <c r="IT36" s="103">
        <v>3</v>
      </c>
      <c r="IU36" s="104">
        <v>7</v>
      </c>
      <c r="IV36" s="101">
        <v>0</v>
      </c>
      <c r="IW36" s="102">
        <v>1</v>
      </c>
      <c r="IX36" s="103">
        <v>1</v>
      </c>
      <c r="IY36" s="413">
        <v>0</v>
      </c>
      <c r="IZ36" s="102">
        <v>2</v>
      </c>
      <c r="JA36" s="102">
        <v>2</v>
      </c>
      <c r="JB36" s="102">
        <v>0</v>
      </c>
      <c r="JC36" s="102">
        <v>0</v>
      </c>
      <c r="JD36" s="102">
        <v>1</v>
      </c>
      <c r="JE36" s="103">
        <v>5</v>
      </c>
      <c r="JF36" s="104">
        <v>6</v>
      </c>
      <c r="JG36" s="101">
        <v>0</v>
      </c>
      <c r="JH36" s="102">
        <v>1</v>
      </c>
      <c r="JI36" s="103">
        <v>1</v>
      </c>
      <c r="JJ36" s="413">
        <v>0</v>
      </c>
      <c r="JK36" s="102">
        <v>5</v>
      </c>
      <c r="JL36" s="102">
        <v>0</v>
      </c>
      <c r="JM36" s="102">
        <v>5</v>
      </c>
      <c r="JN36" s="102">
        <v>3</v>
      </c>
      <c r="JO36" s="102">
        <v>3</v>
      </c>
      <c r="JP36" s="103">
        <v>16</v>
      </c>
      <c r="JQ36" s="104">
        <v>17</v>
      </c>
      <c r="JR36" s="101">
        <v>0</v>
      </c>
      <c r="JS36" s="102">
        <v>0</v>
      </c>
      <c r="JT36" s="103">
        <v>0</v>
      </c>
      <c r="JU36" s="413">
        <v>0</v>
      </c>
      <c r="JV36" s="102">
        <v>0</v>
      </c>
      <c r="JW36" s="102">
        <v>0</v>
      </c>
      <c r="JX36" s="102">
        <v>0</v>
      </c>
      <c r="JY36" s="102">
        <v>0</v>
      </c>
      <c r="JZ36" s="102">
        <v>0</v>
      </c>
      <c r="KA36" s="103">
        <v>0</v>
      </c>
      <c r="KB36" s="104">
        <v>0</v>
      </c>
      <c r="KC36" s="101">
        <v>1</v>
      </c>
      <c r="KD36" s="102">
        <v>6</v>
      </c>
      <c r="KE36" s="103">
        <v>7</v>
      </c>
      <c r="KF36" s="413">
        <v>0</v>
      </c>
      <c r="KG36" s="102">
        <v>13</v>
      </c>
      <c r="KH36" s="102">
        <v>3</v>
      </c>
      <c r="KI36" s="102">
        <v>8</v>
      </c>
      <c r="KJ36" s="102">
        <v>4</v>
      </c>
      <c r="KK36" s="102">
        <v>7</v>
      </c>
      <c r="KL36" s="103">
        <v>35</v>
      </c>
      <c r="KM36" s="104">
        <v>42</v>
      </c>
    </row>
    <row r="37" spans="2:299" s="70" customFormat="1" ht="21" customHeight="1" x14ac:dyDescent="0.2">
      <c r="B37" s="106" t="s">
        <v>34</v>
      </c>
      <c r="C37" s="96">
        <v>3</v>
      </c>
      <c r="D37" s="97">
        <v>2</v>
      </c>
      <c r="E37" s="98">
        <v>5</v>
      </c>
      <c r="F37" s="413">
        <v>0</v>
      </c>
      <c r="G37" s="97">
        <v>3</v>
      </c>
      <c r="H37" s="97">
        <v>2</v>
      </c>
      <c r="I37" s="97">
        <v>3</v>
      </c>
      <c r="J37" s="97">
        <v>1</v>
      </c>
      <c r="K37" s="97">
        <v>0</v>
      </c>
      <c r="L37" s="99">
        <v>9</v>
      </c>
      <c r="M37" s="100">
        <v>14</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0</v>
      </c>
      <c r="AD37" s="102">
        <v>1</v>
      </c>
      <c r="AE37" s="102">
        <v>0</v>
      </c>
      <c r="AF37" s="102">
        <v>0</v>
      </c>
      <c r="AG37" s="102">
        <v>0</v>
      </c>
      <c r="AH37" s="103">
        <v>1</v>
      </c>
      <c r="AI37" s="104">
        <v>1</v>
      </c>
      <c r="AJ37" s="101">
        <v>2</v>
      </c>
      <c r="AK37" s="102">
        <v>0</v>
      </c>
      <c r="AL37" s="103">
        <v>2</v>
      </c>
      <c r="AM37" s="413">
        <v>0</v>
      </c>
      <c r="AN37" s="102">
        <v>0</v>
      </c>
      <c r="AO37" s="102">
        <v>0</v>
      </c>
      <c r="AP37" s="102">
        <v>0</v>
      </c>
      <c r="AQ37" s="102">
        <v>0</v>
      </c>
      <c r="AR37" s="102">
        <v>0</v>
      </c>
      <c r="AS37" s="103">
        <v>0</v>
      </c>
      <c r="AT37" s="104">
        <v>2</v>
      </c>
      <c r="AU37" s="101">
        <v>1</v>
      </c>
      <c r="AV37" s="102">
        <v>2</v>
      </c>
      <c r="AW37" s="103">
        <v>3</v>
      </c>
      <c r="AX37" s="413">
        <v>0</v>
      </c>
      <c r="AY37" s="102">
        <v>1</v>
      </c>
      <c r="AZ37" s="102">
        <v>1</v>
      </c>
      <c r="BA37" s="102">
        <v>0</v>
      </c>
      <c r="BB37" s="102">
        <v>1</v>
      </c>
      <c r="BC37" s="102">
        <v>0</v>
      </c>
      <c r="BD37" s="103">
        <v>3</v>
      </c>
      <c r="BE37" s="104">
        <v>6</v>
      </c>
      <c r="BF37" s="101">
        <v>0</v>
      </c>
      <c r="BG37" s="102">
        <v>0</v>
      </c>
      <c r="BH37" s="103">
        <v>0</v>
      </c>
      <c r="BI37" s="413">
        <v>0</v>
      </c>
      <c r="BJ37" s="102">
        <v>1</v>
      </c>
      <c r="BK37" s="102">
        <v>0</v>
      </c>
      <c r="BL37" s="102">
        <v>0</v>
      </c>
      <c r="BM37" s="102">
        <v>0</v>
      </c>
      <c r="BN37" s="102">
        <v>0</v>
      </c>
      <c r="BO37" s="103">
        <v>1</v>
      </c>
      <c r="BP37" s="104">
        <v>1</v>
      </c>
      <c r="BQ37" s="101">
        <v>0</v>
      </c>
      <c r="BR37" s="102">
        <v>0</v>
      </c>
      <c r="BS37" s="103">
        <v>0</v>
      </c>
      <c r="BT37" s="413">
        <v>0</v>
      </c>
      <c r="BU37" s="102">
        <v>1</v>
      </c>
      <c r="BV37" s="102">
        <v>0</v>
      </c>
      <c r="BW37" s="102">
        <v>3</v>
      </c>
      <c r="BX37" s="102">
        <v>0</v>
      </c>
      <c r="BY37" s="102">
        <v>0</v>
      </c>
      <c r="BZ37" s="103">
        <v>4</v>
      </c>
      <c r="CA37" s="104">
        <v>4</v>
      </c>
      <c r="CB37" s="101">
        <v>0</v>
      </c>
      <c r="CC37" s="102">
        <v>0</v>
      </c>
      <c r="CD37" s="103">
        <v>0</v>
      </c>
      <c r="CE37" s="413">
        <v>0</v>
      </c>
      <c r="CF37" s="102">
        <v>0</v>
      </c>
      <c r="CG37" s="102">
        <v>0</v>
      </c>
      <c r="CH37" s="102">
        <v>0</v>
      </c>
      <c r="CI37" s="102">
        <v>0</v>
      </c>
      <c r="CJ37" s="102">
        <v>0</v>
      </c>
      <c r="CK37" s="103">
        <v>0</v>
      </c>
      <c r="CL37" s="104">
        <v>0</v>
      </c>
      <c r="CM37" s="101">
        <v>3</v>
      </c>
      <c r="CN37" s="102">
        <v>2</v>
      </c>
      <c r="CO37" s="103">
        <v>5</v>
      </c>
      <c r="CP37" s="413">
        <v>0</v>
      </c>
      <c r="CQ37" s="102">
        <v>3</v>
      </c>
      <c r="CR37" s="102">
        <v>2</v>
      </c>
      <c r="CS37" s="102">
        <v>3</v>
      </c>
      <c r="CT37" s="102">
        <v>1</v>
      </c>
      <c r="CU37" s="102">
        <v>0</v>
      </c>
      <c r="CV37" s="103">
        <v>9</v>
      </c>
      <c r="CW37" s="104">
        <v>14</v>
      </c>
      <c r="CX37" s="105">
        <v>1</v>
      </c>
      <c r="CY37" s="97">
        <v>3</v>
      </c>
      <c r="CZ37" s="98">
        <v>4</v>
      </c>
      <c r="DA37" s="413">
        <v>0</v>
      </c>
      <c r="DB37" s="97">
        <v>2</v>
      </c>
      <c r="DC37" s="97">
        <v>0</v>
      </c>
      <c r="DD37" s="97">
        <v>1</v>
      </c>
      <c r="DE37" s="97">
        <v>1</v>
      </c>
      <c r="DF37" s="97">
        <v>0</v>
      </c>
      <c r="DG37" s="99">
        <v>4</v>
      </c>
      <c r="DH37" s="100">
        <v>8</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1</v>
      </c>
      <c r="EF37" s="102">
        <v>1</v>
      </c>
      <c r="EG37" s="103">
        <v>2</v>
      </c>
      <c r="EH37" s="413">
        <v>0</v>
      </c>
      <c r="EI37" s="102">
        <v>1</v>
      </c>
      <c r="EJ37" s="102">
        <v>0</v>
      </c>
      <c r="EK37" s="102">
        <v>1</v>
      </c>
      <c r="EL37" s="102">
        <v>0</v>
      </c>
      <c r="EM37" s="102">
        <v>0</v>
      </c>
      <c r="EN37" s="103">
        <v>2</v>
      </c>
      <c r="EO37" s="104">
        <v>4</v>
      </c>
      <c r="EP37" s="101">
        <v>0</v>
      </c>
      <c r="EQ37" s="102">
        <v>1</v>
      </c>
      <c r="ER37" s="103">
        <v>1</v>
      </c>
      <c r="ES37" s="413">
        <v>0</v>
      </c>
      <c r="ET37" s="102">
        <v>0</v>
      </c>
      <c r="EU37" s="102">
        <v>0</v>
      </c>
      <c r="EV37" s="102">
        <v>0</v>
      </c>
      <c r="EW37" s="102">
        <v>0</v>
      </c>
      <c r="EX37" s="102">
        <v>0</v>
      </c>
      <c r="EY37" s="103">
        <v>0</v>
      </c>
      <c r="EZ37" s="104">
        <v>1</v>
      </c>
      <c r="FA37" s="101">
        <v>0</v>
      </c>
      <c r="FB37" s="102">
        <v>1</v>
      </c>
      <c r="FC37" s="103">
        <v>1</v>
      </c>
      <c r="FD37" s="413">
        <v>0</v>
      </c>
      <c r="FE37" s="102">
        <v>1</v>
      </c>
      <c r="FF37" s="102">
        <v>0</v>
      </c>
      <c r="FG37" s="102">
        <v>0</v>
      </c>
      <c r="FH37" s="102">
        <v>1</v>
      </c>
      <c r="FI37" s="102">
        <v>0</v>
      </c>
      <c r="FJ37" s="103">
        <v>2</v>
      </c>
      <c r="FK37" s="104">
        <v>3</v>
      </c>
      <c r="FL37" s="101">
        <v>0</v>
      </c>
      <c r="FM37" s="102">
        <v>0</v>
      </c>
      <c r="FN37" s="103">
        <v>0</v>
      </c>
      <c r="FO37" s="413">
        <v>0</v>
      </c>
      <c r="FP37" s="102">
        <v>0</v>
      </c>
      <c r="FQ37" s="102">
        <v>0</v>
      </c>
      <c r="FR37" s="102">
        <v>0</v>
      </c>
      <c r="FS37" s="102">
        <v>0</v>
      </c>
      <c r="FT37" s="102">
        <v>0</v>
      </c>
      <c r="FU37" s="103">
        <v>0</v>
      </c>
      <c r="FV37" s="104">
        <v>0</v>
      </c>
      <c r="FW37" s="101">
        <v>0</v>
      </c>
      <c r="FX37" s="102">
        <v>0</v>
      </c>
      <c r="FY37" s="103">
        <v>0</v>
      </c>
      <c r="FZ37" s="413">
        <v>0</v>
      </c>
      <c r="GA37" s="102">
        <v>0</v>
      </c>
      <c r="GB37" s="102">
        <v>0</v>
      </c>
      <c r="GC37" s="102">
        <v>0</v>
      </c>
      <c r="GD37" s="102">
        <v>0</v>
      </c>
      <c r="GE37" s="102">
        <v>0</v>
      </c>
      <c r="GF37" s="103">
        <v>0</v>
      </c>
      <c r="GG37" s="104">
        <v>0</v>
      </c>
      <c r="GH37" s="101">
        <v>1</v>
      </c>
      <c r="GI37" s="102">
        <v>3</v>
      </c>
      <c r="GJ37" s="103">
        <v>4</v>
      </c>
      <c r="GK37" s="413">
        <v>0</v>
      </c>
      <c r="GL37" s="102">
        <v>2</v>
      </c>
      <c r="GM37" s="102">
        <v>0</v>
      </c>
      <c r="GN37" s="102">
        <v>1</v>
      </c>
      <c r="GO37" s="102">
        <v>1</v>
      </c>
      <c r="GP37" s="102">
        <v>0</v>
      </c>
      <c r="GQ37" s="103">
        <v>4</v>
      </c>
      <c r="GR37" s="104">
        <v>8</v>
      </c>
      <c r="GS37" s="105">
        <v>4</v>
      </c>
      <c r="GT37" s="97">
        <v>5</v>
      </c>
      <c r="GU37" s="98">
        <v>9</v>
      </c>
      <c r="GV37" s="413">
        <v>0</v>
      </c>
      <c r="GW37" s="97">
        <v>5</v>
      </c>
      <c r="GX37" s="97">
        <v>2</v>
      </c>
      <c r="GY37" s="97">
        <v>4</v>
      </c>
      <c r="GZ37" s="97">
        <v>2</v>
      </c>
      <c r="HA37" s="97">
        <v>0</v>
      </c>
      <c r="HB37" s="99">
        <v>13</v>
      </c>
      <c r="HC37" s="100">
        <v>22</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0</v>
      </c>
      <c r="HT37" s="102">
        <v>1</v>
      </c>
      <c r="HU37" s="102">
        <v>0</v>
      </c>
      <c r="HV37" s="102">
        <v>0</v>
      </c>
      <c r="HW37" s="102">
        <v>0</v>
      </c>
      <c r="HX37" s="103">
        <v>1</v>
      </c>
      <c r="HY37" s="104">
        <v>1</v>
      </c>
      <c r="HZ37" s="101">
        <v>3</v>
      </c>
      <c r="IA37" s="102">
        <v>1</v>
      </c>
      <c r="IB37" s="103">
        <v>4</v>
      </c>
      <c r="IC37" s="413">
        <v>0</v>
      </c>
      <c r="ID37" s="102">
        <v>1</v>
      </c>
      <c r="IE37" s="102">
        <v>0</v>
      </c>
      <c r="IF37" s="102">
        <v>1</v>
      </c>
      <c r="IG37" s="102">
        <v>0</v>
      </c>
      <c r="IH37" s="102">
        <v>0</v>
      </c>
      <c r="II37" s="103">
        <v>2</v>
      </c>
      <c r="IJ37" s="104">
        <v>6</v>
      </c>
      <c r="IK37" s="101">
        <v>1</v>
      </c>
      <c r="IL37" s="102">
        <v>3</v>
      </c>
      <c r="IM37" s="103">
        <v>4</v>
      </c>
      <c r="IN37" s="413">
        <v>0</v>
      </c>
      <c r="IO37" s="102">
        <v>1</v>
      </c>
      <c r="IP37" s="102">
        <v>1</v>
      </c>
      <c r="IQ37" s="102">
        <v>0</v>
      </c>
      <c r="IR37" s="102">
        <v>1</v>
      </c>
      <c r="IS37" s="102">
        <v>0</v>
      </c>
      <c r="IT37" s="103">
        <v>3</v>
      </c>
      <c r="IU37" s="104">
        <v>7</v>
      </c>
      <c r="IV37" s="101">
        <v>0</v>
      </c>
      <c r="IW37" s="102">
        <v>1</v>
      </c>
      <c r="IX37" s="103">
        <v>1</v>
      </c>
      <c r="IY37" s="413">
        <v>0</v>
      </c>
      <c r="IZ37" s="102">
        <v>2</v>
      </c>
      <c r="JA37" s="102">
        <v>0</v>
      </c>
      <c r="JB37" s="102">
        <v>0</v>
      </c>
      <c r="JC37" s="102">
        <v>1</v>
      </c>
      <c r="JD37" s="102">
        <v>0</v>
      </c>
      <c r="JE37" s="103">
        <v>3</v>
      </c>
      <c r="JF37" s="104">
        <v>4</v>
      </c>
      <c r="JG37" s="101">
        <v>0</v>
      </c>
      <c r="JH37" s="102">
        <v>0</v>
      </c>
      <c r="JI37" s="103">
        <v>0</v>
      </c>
      <c r="JJ37" s="413">
        <v>0</v>
      </c>
      <c r="JK37" s="102">
        <v>1</v>
      </c>
      <c r="JL37" s="102">
        <v>0</v>
      </c>
      <c r="JM37" s="102">
        <v>3</v>
      </c>
      <c r="JN37" s="102">
        <v>0</v>
      </c>
      <c r="JO37" s="102">
        <v>0</v>
      </c>
      <c r="JP37" s="103">
        <v>4</v>
      </c>
      <c r="JQ37" s="104">
        <v>4</v>
      </c>
      <c r="JR37" s="101">
        <v>0</v>
      </c>
      <c r="JS37" s="102">
        <v>0</v>
      </c>
      <c r="JT37" s="103">
        <v>0</v>
      </c>
      <c r="JU37" s="413">
        <v>0</v>
      </c>
      <c r="JV37" s="102">
        <v>0</v>
      </c>
      <c r="JW37" s="102">
        <v>0</v>
      </c>
      <c r="JX37" s="102">
        <v>0</v>
      </c>
      <c r="JY37" s="102">
        <v>0</v>
      </c>
      <c r="JZ37" s="102">
        <v>0</v>
      </c>
      <c r="KA37" s="103">
        <v>0</v>
      </c>
      <c r="KB37" s="104">
        <v>0</v>
      </c>
      <c r="KC37" s="101">
        <v>4</v>
      </c>
      <c r="KD37" s="102">
        <v>5</v>
      </c>
      <c r="KE37" s="103">
        <v>9</v>
      </c>
      <c r="KF37" s="413">
        <v>0</v>
      </c>
      <c r="KG37" s="102">
        <v>5</v>
      </c>
      <c r="KH37" s="102">
        <v>2</v>
      </c>
      <c r="KI37" s="102">
        <v>4</v>
      </c>
      <c r="KJ37" s="102">
        <v>2</v>
      </c>
      <c r="KK37" s="102">
        <v>0</v>
      </c>
      <c r="KL37" s="103">
        <v>13</v>
      </c>
      <c r="KM37" s="104">
        <v>22</v>
      </c>
    </row>
    <row r="38" spans="2:299" s="70" customFormat="1" ht="21" customHeight="1" x14ac:dyDescent="0.2">
      <c r="B38" s="106" t="s">
        <v>35</v>
      </c>
      <c r="C38" s="96">
        <v>11</v>
      </c>
      <c r="D38" s="97">
        <v>11</v>
      </c>
      <c r="E38" s="98">
        <v>22</v>
      </c>
      <c r="F38" s="413">
        <v>0</v>
      </c>
      <c r="G38" s="97">
        <v>12</v>
      </c>
      <c r="H38" s="97">
        <v>10</v>
      </c>
      <c r="I38" s="97">
        <v>6</v>
      </c>
      <c r="J38" s="97">
        <v>1</v>
      </c>
      <c r="K38" s="97">
        <v>0</v>
      </c>
      <c r="L38" s="99">
        <v>29</v>
      </c>
      <c r="M38" s="100">
        <v>51</v>
      </c>
      <c r="N38" s="101">
        <v>1</v>
      </c>
      <c r="O38" s="102">
        <v>0</v>
      </c>
      <c r="P38" s="103">
        <v>1</v>
      </c>
      <c r="Q38" s="413">
        <v>0</v>
      </c>
      <c r="R38" s="102">
        <v>0</v>
      </c>
      <c r="S38" s="102">
        <v>1</v>
      </c>
      <c r="T38" s="102">
        <v>0</v>
      </c>
      <c r="U38" s="102">
        <v>0</v>
      </c>
      <c r="V38" s="102">
        <v>0</v>
      </c>
      <c r="W38" s="103">
        <v>1</v>
      </c>
      <c r="X38" s="104">
        <v>2</v>
      </c>
      <c r="Y38" s="101">
        <v>1</v>
      </c>
      <c r="Z38" s="102">
        <v>0</v>
      </c>
      <c r="AA38" s="103">
        <v>1</v>
      </c>
      <c r="AB38" s="413">
        <v>0</v>
      </c>
      <c r="AC38" s="102">
        <v>0</v>
      </c>
      <c r="AD38" s="102">
        <v>0</v>
      </c>
      <c r="AE38" s="102">
        <v>1</v>
      </c>
      <c r="AF38" s="102">
        <v>0</v>
      </c>
      <c r="AG38" s="102">
        <v>0</v>
      </c>
      <c r="AH38" s="103">
        <v>1</v>
      </c>
      <c r="AI38" s="104">
        <v>2</v>
      </c>
      <c r="AJ38" s="101">
        <v>0</v>
      </c>
      <c r="AK38" s="102">
        <v>2</v>
      </c>
      <c r="AL38" s="103">
        <v>2</v>
      </c>
      <c r="AM38" s="413">
        <v>0</v>
      </c>
      <c r="AN38" s="102">
        <v>3</v>
      </c>
      <c r="AO38" s="102">
        <v>1</v>
      </c>
      <c r="AP38" s="102">
        <v>4</v>
      </c>
      <c r="AQ38" s="102">
        <v>0</v>
      </c>
      <c r="AR38" s="102">
        <v>0</v>
      </c>
      <c r="AS38" s="103">
        <v>8</v>
      </c>
      <c r="AT38" s="104">
        <v>10</v>
      </c>
      <c r="AU38" s="101">
        <v>3</v>
      </c>
      <c r="AV38" s="102">
        <v>3</v>
      </c>
      <c r="AW38" s="103">
        <v>6</v>
      </c>
      <c r="AX38" s="413">
        <v>0</v>
      </c>
      <c r="AY38" s="102">
        <v>3</v>
      </c>
      <c r="AZ38" s="102">
        <v>4</v>
      </c>
      <c r="BA38" s="102">
        <v>0</v>
      </c>
      <c r="BB38" s="102">
        <v>0</v>
      </c>
      <c r="BC38" s="102">
        <v>0</v>
      </c>
      <c r="BD38" s="103">
        <v>7</v>
      </c>
      <c r="BE38" s="104">
        <v>13</v>
      </c>
      <c r="BF38" s="101">
        <v>2</v>
      </c>
      <c r="BG38" s="102">
        <v>5</v>
      </c>
      <c r="BH38" s="103">
        <v>7</v>
      </c>
      <c r="BI38" s="413">
        <v>0</v>
      </c>
      <c r="BJ38" s="102">
        <v>4</v>
      </c>
      <c r="BK38" s="102">
        <v>1</v>
      </c>
      <c r="BL38" s="102">
        <v>1</v>
      </c>
      <c r="BM38" s="102">
        <v>0</v>
      </c>
      <c r="BN38" s="102">
        <v>0</v>
      </c>
      <c r="BO38" s="103">
        <v>6</v>
      </c>
      <c r="BP38" s="104">
        <v>13</v>
      </c>
      <c r="BQ38" s="101">
        <v>4</v>
      </c>
      <c r="BR38" s="102">
        <v>1</v>
      </c>
      <c r="BS38" s="103">
        <v>5</v>
      </c>
      <c r="BT38" s="413">
        <v>0</v>
      </c>
      <c r="BU38" s="102">
        <v>2</v>
      </c>
      <c r="BV38" s="102">
        <v>3</v>
      </c>
      <c r="BW38" s="102">
        <v>0</v>
      </c>
      <c r="BX38" s="102">
        <v>1</v>
      </c>
      <c r="BY38" s="102">
        <v>0</v>
      </c>
      <c r="BZ38" s="103">
        <v>6</v>
      </c>
      <c r="CA38" s="104">
        <v>11</v>
      </c>
      <c r="CB38" s="101">
        <v>0</v>
      </c>
      <c r="CC38" s="102">
        <v>0</v>
      </c>
      <c r="CD38" s="103">
        <v>0</v>
      </c>
      <c r="CE38" s="413">
        <v>0</v>
      </c>
      <c r="CF38" s="102">
        <v>0</v>
      </c>
      <c r="CG38" s="102">
        <v>0</v>
      </c>
      <c r="CH38" s="102">
        <v>0</v>
      </c>
      <c r="CI38" s="102">
        <v>0</v>
      </c>
      <c r="CJ38" s="102">
        <v>0</v>
      </c>
      <c r="CK38" s="103">
        <v>0</v>
      </c>
      <c r="CL38" s="104">
        <v>0</v>
      </c>
      <c r="CM38" s="101">
        <v>11</v>
      </c>
      <c r="CN38" s="102">
        <v>11</v>
      </c>
      <c r="CO38" s="103">
        <v>22</v>
      </c>
      <c r="CP38" s="413">
        <v>0</v>
      </c>
      <c r="CQ38" s="102">
        <v>12</v>
      </c>
      <c r="CR38" s="102">
        <v>10</v>
      </c>
      <c r="CS38" s="102">
        <v>6</v>
      </c>
      <c r="CT38" s="102">
        <v>1</v>
      </c>
      <c r="CU38" s="102">
        <v>0</v>
      </c>
      <c r="CV38" s="103">
        <v>29</v>
      </c>
      <c r="CW38" s="104">
        <v>51</v>
      </c>
      <c r="CX38" s="105">
        <v>3</v>
      </c>
      <c r="CY38" s="97">
        <v>3</v>
      </c>
      <c r="CZ38" s="98">
        <v>6</v>
      </c>
      <c r="DA38" s="413">
        <v>0</v>
      </c>
      <c r="DB38" s="97">
        <v>5</v>
      </c>
      <c r="DC38" s="97">
        <v>4</v>
      </c>
      <c r="DD38" s="97">
        <v>1</v>
      </c>
      <c r="DE38" s="97">
        <v>2</v>
      </c>
      <c r="DF38" s="97">
        <v>3</v>
      </c>
      <c r="DG38" s="99">
        <v>15</v>
      </c>
      <c r="DH38" s="100">
        <v>21</v>
      </c>
      <c r="DI38" s="101">
        <v>0</v>
      </c>
      <c r="DJ38" s="102">
        <v>0</v>
      </c>
      <c r="DK38" s="103">
        <v>0</v>
      </c>
      <c r="DL38" s="413">
        <v>0</v>
      </c>
      <c r="DM38" s="102">
        <v>0</v>
      </c>
      <c r="DN38" s="102">
        <v>1</v>
      </c>
      <c r="DO38" s="102">
        <v>0</v>
      </c>
      <c r="DP38" s="102">
        <v>0</v>
      </c>
      <c r="DQ38" s="102">
        <v>0</v>
      </c>
      <c r="DR38" s="103">
        <v>1</v>
      </c>
      <c r="DS38" s="104">
        <v>1</v>
      </c>
      <c r="DT38" s="101">
        <v>1</v>
      </c>
      <c r="DU38" s="102">
        <v>0</v>
      </c>
      <c r="DV38" s="103">
        <v>1</v>
      </c>
      <c r="DW38" s="413">
        <v>0</v>
      </c>
      <c r="DX38" s="102">
        <v>1</v>
      </c>
      <c r="DY38" s="102">
        <v>0</v>
      </c>
      <c r="DZ38" s="102">
        <v>0</v>
      </c>
      <c r="EA38" s="102">
        <v>0</v>
      </c>
      <c r="EB38" s="102">
        <v>0</v>
      </c>
      <c r="EC38" s="103">
        <v>1</v>
      </c>
      <c r="ED38" s="104">
        <v>2</v>
      </c>
      <c r="EE38" s="101">
        <v>1</v>
      </c>
      <c r="EF38" s="102">
        <v>0</v>
      </c>
      <c r="EG38" s="103">
        <v>1</v>
      </c>
      <c r="EH38" s="413">
        <v>0</v>
      </c>
      <c r="EI38" s="102">
        <v>0</v>
      </c>
      <c r="EJ38" s="102">
        <v>1</v>
      </c>
      <c r="EK38" s="102">
        <v>0</v>
      </c>
      <c r="EL38" s="102">
        <v>0</v>
      </c>
      <c r="EM38" s="102">
        <v>0</v>
      </c>
      <c r="EN38" s="103">
        <v>1</v>
      </c>
      <c r="EO38" s="104">
        <v>2</v>
      </c>
      <c r="EP38" s="101">
        <v>0</v>
      </c>
      <c r="EQ38" s="102">
        <v>1</v>
      </c>
      <c r="ER38" s="103">
        <v>1</v>
      </c>
      <c r="ES38" s="413">
        <v>0</v>
      </c>
      <c r="ET38" s="102">
        <v>1</v>
      </c>
      <c r="EU38" s="102">
        <v>0</v>
      </c>
      <c r="EV38" s="102">
        <v>0</v>
      </c>
      <c r="EW38" s="102">
        <v>1</v>
      </c>
      <c r="EX38" s="102">
        <v>0</v>
      </c>
      <c r="EY38" s="103">
        <v>2</v>
      </c>
      <c r="EZ38" s="104">
        <v>3</v>
      </c>
      <c r="FA38" s="101">
        <v>0</v>
      </c>
      <c r="FB38" s="102">
        <v>1</v>
      </c>
      <c r="FC38" s="103">
        <v>1</v>
      </c>
      <c r="FD38" s="413">
        <v>0</v>
      </c>
      <c r="FE38" s="102">
        <v>1</v>
      </c>
      <c r="FF38" s="102">
        <v>0</v>
      </c>
      <c r="FG38" s="102">
        <v>0</v>
      </c>
      <c r="FH38" s="102">
        <v>0</v>
      </c>
      <c r="FI38" s="102">
        <v>1</v>
      </c>
      <c r="FJ38" s="103">
        <v>2</v>
      </c>
      <c r="FK38" s="104">
        <v>3</v>
      </c>
      <c r="FL38" s="101">
        <v>1</v>
      </c>
      <c r="FM38" s="102">
        <v>1</v>
      </c>
      <c r="FN38" s="103">
        <v>2</v>
      </c>
      <c r="FO38" s="413">
        <v>0</v>
      </c>
      <c r="FP38" s="102">
        <v>2</v>
      </c>
      <c r="FQ38" s="102">
        <v>2</v>
      </c>
      <c r="FR38" s="102">
        <v>1</v>
      </c>
      <c r="FS38" s="102">
        <v>1</v>
      </c>
      <c r="FT38" s="102">
        <v>2</v>
      </c>
      <c r="FU38" s="103">
        <v>8</v>
      </c>
      <c r="FV38" s="104">
        <v>10</v>
      </c>
      <c r="FW38" s="101">
        <v>0</v>
      </c>
      <c r="FX38" s="102">
        <v>0</v>
      </c>
      <c r="FY38" s="103">
        <v>0</v>
      </c>
      <c r="FZ38" s="413">
        <v>0</v>
      </c>
      <c r="GA38" s="102">
        <v>0</v>
      </c>
      <c r="GB38" s="102">
        <v>0</v>
      </c>
      <c r="GC38" s="102">
        <v>0</v>
      </c>
      <c r="GD38" s="102">
        <v>0</v>
      </c>
      <c r="GE38" s="102">
        <v>0</v>
      </c>
      <c r="GF38" s="103">
        <v>0</v>
      </c>
      <c r="GG38" s="104">
        <v>0</v>
      </c>
      <c r="GH38" s="101">
        <v>3</v>
      </c>
      <c r="GI38" s="102">
        <v>3</v>
      </c>
      <c r="GJ38" s="103">
        <v>6</v>
      </c>
      <c r="GK38" s="413">
        <v>0</v>
      </c>
      <c r="GL38" s="102">
        <v>5</v>
      </c>
      <c r="GM38" s="102">
        <v>4</v>
      </c>
      <c r="GN38" s="102">
        <v>1</v>
      </c>
      <c r="GO38" s="102">
        <v>2</v>
      </c>
      <c r="GP38" s="102">
        <v>3</v>
      </c>
      <c r="GQ38" s="103">
        <v>15</v>
      </c>
      <c r="GR38" s="104">
        <v>21</v>
      </c>
      <c r="GS38" s="105">
        <v>14</v>
      </c>
      <c r="GT38" s="97">
        <v>14</v>
      </c>
      <c r="GU38" s="98">
        <v>28</v>
      </c>
      <c r="GV38" s="413">
        <v>0</v>
      </c>
      <c r="GW38" s="97">
        <v>17</v>
      </c>
      <c r="GX38" s="97">
        <v>14</v>
      </c>
      <c r="GY38" s="97">
        <v>7</v>
      </c>
      <c r="GZ38" s="97">
        <v>3</v>
      </c>
      <c r="HA38" s="97">
        <v>3</v>
      </c>
      <c r="HB38" s="99">
        <v>44</v>
      </c>
      <c r="HC38" s="100">
        <v>72</v>
      </c>
      <c r="HD38" s="101">
        <v>1</v>
      </c>
      <c r="HE38" s="102">
        <v>0</v>
      </c>
      <c r="HF38" s="103">
        <v>1</v>
      </c>
      <c r="HG38" s="413">
        <v>0</v>
      </c>
      <c r="HH38" s="102">
        <v>0</v>
      </c>
      <c r="HI38" s="102">
        <v>2</v>
      </c>
      <c r="HJ38" s="102">
        <v>0</v>
      </c>
      <c r="HK38" s="102">
        <v>0</v>
      </c>
      <c r="HL38" s="102">
        <v>0</v>
      </c>
      <c r="HM38" s="103">
        <v>2</v>
      </c>
      <c r="HN38" s="104">
        <v>3</v>
      </c>
      <c r="HO38" s="101">
        <v>2</v>
      </c>
      <c r="HP38" s="102">
        <v>0</v>
      </c>
      <c r="HQ38" s="103">
        <v>2</v>
      </c>
      <c r="HR38" s="413">
        <v>0</v>
      </c>
      <c r="HS38" s="102">
        <v>1</v>
      </c>
      <c r="HT38" s="102">
        <v>0</v>
      </c>
      <c r="HU38" s="102">
        <v>1</v>
      </c>
      <c r="HV38" s="102">
        <v>0</v>
      </c>
      <c r="HW38" s="102">
        <v>0</v>
      </c>
      <c r="HX38" s="103">
        <v>2</v>
      </c>
      <c r="HY38" s="104">
        <v>4</v>
      </c>
      <c r="HZ38" s="101">
        <v>1</v>
      </c>
      <c r="IA38" s="102">
        <v>2</v>
      </c>
      <c r="IB38" s="103">
        <v>3</v>
      </c>
      <c r="IC38" s="413">
        <v>0</v>
      </c>
      <c r="ID38" s="102">
        <v>3</v>
      </c>
      <c r="IE38" s="102">
        <v>2</v>
      </c>
      <c r="IF38" s="102">
        <v>4</v>
      </c>
      <c r="IG38" s="102">
        <v>0</v>
      </c>
      <c r="IH38" s="102">
        <v>0</v>
      </c>
      <c r="II38" s="103">
        <v>9</v>
      </c>
      <c r="IJ38" s="104">
        <v>12</v>
      </c>
      <c r="IK38" s="101">
        <v>3</v>
      </c>
      <c r="IL38" s="102">
        <v>4</v>
      </c>
      <c r="IM38" s="103">
        <v>7</v>
      </c>
      <c r="IN38" s="413">
        <v>0</v>
      </c>
      <c r="IO38" s="102">
        <v>4</v>
      </c>
      <c r="IP38" s="102">
        <v>4</v>
      </c>
      <c r="IQ38" s="102">
        <v>0</v>
      </c>
      <c r="IR38" s="102">
        <v>1</v>
      </c>
      <c r="IS38" s="102">
        <v>0</v>
      </c>
      <c r="IT38" s="103">
        <v>9</v>
      </c>
      <c r="IU38" s="104">
        <v>16</v>
      </c>
      <c r="IV38" s="101">
        <v>2</v>
      </c>
      <c r="IW38" s="102">
        <v>6</v>
      </c>
      <c r="IX38" s="103">
        <v>8</v>
      </c>
      <c r="IY38" s="413">
        <v>0</v>
      </c>
      <c r="IZ38" s="102">
        <v>5</v>
      </c>
      <c r="JA38" s="102">
        <v>1</v>
      </c>
      <c r="JB38" s="102">
        <v>1</v>
      </c>
      <c r="JC38" s="102">
        <v>0</v>
      </c>
      <c r="JD38" s="102">
        <v>1</v>
      </c>
      <c r="JE38" s="103">
        <v>8</v>
      </c>
      <c r="JF38" s="104">
        <v>16</v>
      </c>
      <c r="JG38" s="101">
        <v>5</v>
      </c>
      <c r="JH38" s="102">
        <v>2</v>
      </c>
      <c r="JI38" s="103">
        <v>7</v>
      </c>
      <c r="JJ38" s="413">
        <v>0</v>
      </c>
      <c r="JK38" s="102">
        <v>4</v>
      </c>
      <c r="JL38" s="102">
        <v>5</v>
      </c>
      <c r="JM38" s="102">
        <v>1</v>
      </c>
      <c r="JN38" s="102">
        <v>2</v>
      </c>
      <c r="JO38" s="102">
        <v>2</v>
      </c>
      <c r="JP38" s="103">
        <v>14</v>
      </c>
      <c r="JQ38" s="104">
        <v>21</v>
      </c>
      <c r="JR38" s="101">
        <v>0</v>
      </c>
      <c r="JS38" s="102">
        <v>0</v>
      </c>
      <c r="JT38" s="103">
        <v>0</v>
      </c>
      <c r="JU38" s="413">
        <v>0</v>
      </c>
      <c r="JV38" s="102">
        <v>0</v>
      </c>
      <c r="JW38" s="102">
        <v>0</v>
      </c>
      <c r="JX38" s="102">
        <v>0</v>
      </c>
      <c r="JY38" s="102">
        <v>0</v>
      </c>
      <c r="JZ38" s="102">
        <v>0</v>
      </c>
      <c r="KA38" s="103">
        <v>0</v>
      </c>
      <c r="KB38" s="104">
        <v>0</v>
      </c>
      <c r="KC38" s="101">
        <v>14</v>
      </c>
      <c r="KD38" s="102">
        <v>14</v>
      </c>
      <c r="KE38" s="103">
        <v>28</v>
      </c>
      <c r="KF38" s="413">
        <v>0</v>
      </c>
      <c r="KG38" s="102">
        <v>17</v>
      </c>
      <c r="KH38" s="102">
        <v>14</v>
      </c>
      <c r="KI38" s="102">
        <v>7</v>
      </c>
      <c r="KJ38" s="102">
        <v>3</v>
      </c>
      <c r="KK38" s="102">
        <v>3</v>
      </c>
      <c r="KL38" s="103">
        <v>44</v>
      </c>
      <c r="KM38" s="104">
        <v>72</v>
      </c>
    </row>
    <row r="39" spans="2:299" s="70" customFormat="1" ht="21" customHeight="1" x14ac:dyDescent="0.2">
      <c r="B39" s="106" t="s">
        <v>36</v>
      </c>
      <c r="C39" s="96">
        <v>5</v>
      </c>
      <c r="D39" s="97">
        <v>8</v>
      </c>
      <c r="E39" s="98">
        <v>13</v>
      </c>
      <c r="F39" s="413">
        <v>0</v>
      </c>
      <c r="G39" s="97">
        <v>10</v>
      </c>
      <c r="H39" s="97">
        <v>10</v>
      </c>
      <c r="I39" s="97">
        <v>11</v>
      </c>
      <c r="J39" s="97">
        <v>3</v>
      </c>
      <c r="K39" s="97">
        <v>0</v>
      </c>
      <c r="L39" s="99">
        <v>34</v>
      </c>
      <c r="M39" s="100">
        <v>47</v>
      </c>
      <c r="N39" s="101">
        <v>0</v>
      </c>
      <c r="O39" s="102">
        <v>1</v>
      </c>
      <c r="P39" s="103">
        <v>1</v>
      </c>
      <c r="Q39" s="413">
        <v>0</v>
      </c>
      <c r="R39" s="102">
        <v>0</v>
      </c>
      <c r="S39" s="102">
        <v>0</v>
      </c>
      <c r="T39" s="102">
        <v>1</v>
      </c>
      <c r="U39" s="102">
        <v>0</v>
      </c>
      <c r="V39" s="102">
        <v>0</v>
      </c>
      <c r="W39" s="103">
        <v>1</v>
      </c>
      <c r="X39" s="104">
        <v>2</v>
      </c>
      <c r="Y39" s="101">
        <v>1</v>
      </c>
      <c r="Z39" s="102">
        <v>1</v>
      </c>
      <c r="AA39" s="103">
        <v>2</v>
      </c>
      <c r="AB39" s="413">
        <v>0</v>
      </c>
      <c r="AC39" s="102">
        <v>0</v>
      </c>
      <c r="AD39" s="102">
        <v>3</v>
      </c>
      <c r="AE39" s="102">
        <v>0</v>
      </c>
      <c r="AF39" s="102">
        <v>0</v>
      </c>
      <c r="AG39" s="102">
        <v>0</v>
      </c>
      <c r="AH39" s="103">
        <v>3</v>
      </c>
      <c r="AI39" s="104">
        <v>5</v>
      </c>
      <c r="AJ39" s="101">
        <v>0</v>
      </c>
      <c r="AK39" s="102">
        <v>0</v>
      </c>
      <c r="AL39" s="103">
        <v>0</v>
      </c>
      <c r="AM39" s="413">
        <v>0</v>
      </c>
      <c r="AN39" s="102">
        <v>1</v>
      </c>
      <c r="AO39" s="102">
        <v>1</v>
      </c>
      <c r="AP39" s="102">
        <v>0</v>
      </c>
      <c r="AQ39" s="102">
        <v>1</v>
      </c>
      <c r="AR39" s="102">
        <v>0</v>
      </c>
      <c r="AS39" s="103">
        <v>3</v>
      </c>
      <c r="AT39" s="104">
        <v>3</v>
      </c>
      <c r="AU39" s="101">
        <v>3</v>
      </c>
      <c r="AV39" s="102">
        <v>1</v>
      </c>
      <c r="AW39" s="103">
        <v>4</v>
      </c>
      <c r="AX39" s="413">
        <v>0</v>
      </c>
      <c r="AY39" s="102">
        <v>5</v>
      </c>
      <c r="AZ39" s="102">
        <v>2</v>
      </c>
      <c r="BA39" s="102">
        <v>4</v>
      </c>
      <c r="BB39" s="102">
        <v>1</v>
      </c>
      <c r="BC39" s="102">
        <v>0</v>
      </c>
      <c r="BD39" s="103">
        <v>12</v>
      </c>
      <c r="BE39" s="104">
        <v>16</v>
      </c>
      <c r="BF39" s="101">
        <v>1</v>
      </c>
      <c r="BG39" s="102">
        <v>3</v>
      </c>
      <c r="BH39" s="103">
        <v>4</v>
      </c>
      <c r="BI39" s="413">
        <v>0</v>
      </c>
      <c r="BJ39" s="102">
        <v>2</v>
      </c>
      <c r="BK39" s="102">
        <v>1</v>
      </c>
      <c r="BL39" s="102">
        <v>3</v>
      </c>
      <c r="BM39" s="102">
        <v>0</v>
      </c>
      <c r="BN39" s="102">
        <v>0</v>
      </c>
      <c r="BO39" s="103">
        <v>6</v>
      </c>
      <c r="BP39" s="104">
        <v>10</v>
      </c>
      <c r="BQ39" s="101">
        <v>0</v>
      </c>
      <c r="BR39" s="102">
        <v>2</v>
      </c>
      <c r="BS39" s="103">
        <v>2</v>
      </c>
      <c r="BT39" s="413">
        <v>0</v>
      </c>
      <c r="BU39" s="102">
        <v>2</v>
      </c>
      <c r="BV39" s="102">
        <v>3</v>
      </c>
      <c r="BW39" s="102">
        <v>3</v>
      </c>
      <c r="BX39" s="102">
        <v>1</v>
      </c>
      <c r="BY39" s="102">
        <v>0</v>
      </c>
      <c r="BZ39" s="103">
        <v>9</v>
      </c>
      <c r="CA39" s="104">
        <v>11</v>
      </c>
      <c r="CB39" s="101">
        <v>0</v>
      </c>
      <c r="CC39" s="102">
        <v>0</v>
      </c>
      <c r="CD39" s="103">
        <v>0</v>
      </c>
      <c r="CE39" s="413">
        <v>0</v>
      </c>
      <c r="CF39" s="102">
        <v>0</v>
      </c>
      <c r="CG39" s="102">
        <v>0</v>
      </c>
      <c r="CH39" s="102">
        <v>0</v>
      </c>
      <c r="CI39" s="102">
        <v>0</v>
      </c>
      <c r="CJ39" s="102">
        <v>0</v>
      </c>
      <c r="CK39" s="103">
        <v>0</v>
      </c>
      <c r="CL39" s="104">
        <v>0</v>
      </c>
      <c r="CM39" s="101">
        <v>5</v>
      </c>
      <c r="CN39" s="102">
        <v>8</v>
      </c>
      <c r="CO39" s="103">
        <v>13</v>
      </c>
      <c r="CP39" s="413">
        <v>0</v>
      </c>
      <c r="CQ39" s="102">
        <v>10</v>
      </c>
      <c r="CR39" s="102">
        <v>10</v>
      </c>
      <c r="CS39" s="102">
        <v>11</v>
      </c>
      <c r="CT39" s="102">
        <v>3</v>
      </c>
      <c r="CU39" s="102">
        <v>0</v>
      </c>
      <c r="CV39" s="103">
        <v>34</v>
      </c>
      <c r="CW39" s="104">
        <v>47</v>
      </c>
      <c r="CX39" s="105">
        <v>1</v>
      </c>
      <c r="CY39" s="97">
        <v>5</v>
      </c>
      <c r="CZ39" s="98">
        <v>6</v>
      </c>
      <c r="DA39" s="413">
        <v>0</v>
      </c>
      <c r="DB39" s="97">
        <v>3</v>
      </c>
      <c r="DC39" s="97">
        <v>7</v>
      </c>
      <c r="DD39" s="97">
        <v>2</v>
      </c>
      <c r="DE39" s="97">
        <v>3</v>
      </c>
      <c r="DF39" s="97">
        <v>2</v>
      </c>
      <c r="DG39" s="99">
        <v>17</v>
      </c>
      <c r="DH39" s="100">
        <v>23</v>
      </c>
      <c r="DI39" s="101">
        <v>0</v>
      </c>
      <c r="DJ39" s="102">
        <v>0</v>
      </c>
      <c r="DK39" s="103">
        <v>0</v>
      </c>
      <c r="DL39" s="413">
        <v>0</v>
      </c>
      <c r="DM39" s="102">
        <v>0</v>
      </c>
      <c r="DN39" s="102">
        <v>0</v>
      </c>
      <c r="DO39" s="102">
        <v>0</v>
      </c>
      <c r="DP39" s="102">
        <v>0</v>
      </c>
      <c r="DQ39" s="102">
        <v>0</v>
      </c>
      <c r="DR39" s="103">
        <v>0</v>
      </c>
      <c r="DS39" s="104">
        <v>0</v>
      </c>
      <c r="DT39" s="101">
        <v>0</v>
      </c>
      <c r="DU39" s="102">
        <v>0</v>
      </c>
      <c r="DV39" s="103">
        <v>0</v>
      </c>
      <c r="DW39" s="413">
        <v>0</v>
      </c>
      <c r="DX39" s="102">
        <v>0</v>
      </c>
      <c r="DY39" s="102">
        <v>0</v>
      </c>
      <c r="DZ39" s="102">
        <v>0</v>
      </c>
      <c r="EA39" s="102">
        <v>0</v>
      </c>
      <c r="EB39" s="102">
        <v>0</v>
      </c>
      <c r="EC39" s="103">
        <v>0</v>
      </c>
      <c r="ED39" s="104">
        <v>0</v>
      </c>
      <c r="EE39" s="101">
        <v>0</v>
      </c>
      <c r="EF39" s="102">
        <v>0</v>
      </c>
      <c r="EG39" s="103">
        <v>0</v>
      </c>
      <c r="EH39" s="413">
        <v>0</v>
      </c>
      <c r="EI39" s="102">
        <v>0</v>
      </c>
      <c r="EJ39" s="102">
        <v>0</v>
      </c>
      <c r="EK39" s="102">
        <v>0</v>
      </c>
      <c r="EL39" s="102">
        <v>0</v>
      </c>
      <c r="EM39" s="102">
        <v>0</v>
      </c>
      <c r="EN39" s="103">
        <v>0</v>
      </c>
      <c r="EO39" s="104">
        <v>0</v>
      </c>
      <c r="EP39" s="101">
        <v>0</v>
      </c>
      <c r="EQ39" s="102">
        <v>0</v>
      </c>
      <c r="ER39" s="103">
        <v>0</v>
      </c>
      <c r="ES39" s="413">
        <v>0</v>
      </c>
      <c r="ET39" s="102">
        <v>0</v>
      </c>
      <c r="EU39" s="102">
        <v>0</v>
      </c>
      <c r="EV39" s="102">
        <v>0</v>
      </c>
      <c r="EW39" s="102">
        <v>0</v>
      </c>
      <c r="EX39" s="102">
        <v>0</v>
      </c>
      <c r="EY39" s="103">
        <v>0</v>
      </c>
      <c r="EZ39" s="104">
        <v>0</v>
      </c>
      <c r="FA39" s="101">
        <v>0</v>
      </c>
      <c r="FB39" s="102">
        <v>4</v>
      </c>
      <c r="FC39" s="103">
        <v>4</v>
      </c>
      <c r="FD39" s="413">
        <v>0</v>
      </c>
      <c r="FE39" s="102">
        <v>2</v>
      </c>
      <c r="FF39" s="102">
        <v>4</v>
      </c>
      <c r="FG39" s="102">
        <v>1</v>
      </c>
      <c r="FH39" s="102">
        <v>2</v>
      </c>
      <c r="FI39" s="102">
        <v>0</v>
      </c>
      <c r="FJ39" s="103">
        <v>9</v>
      </c>
      <c r="FK39" s="104">
        <v>13</v>
      </c>
      <c r="FL39" s="101">
        <v>1</v>
      </c>
      <c r="FM39" s="102">
        <v>1</v>
      </c>
      <c r="FN39" s="103">
        <v>2</v>
      </c>
      <c r="FO39" s="413">
        <v>0</v>
      </c>
      <c r="FP39" s="102">
        <v>1</v>
      </c>
      <c r="FQ39" s="102">
        <v>3</v>
      </c>
      <c r="FR39" s="102">
        <v>1</v>
      </c>
      <c r="FS39" s="102">
        <v>1</v>
      </c>
      <c r="FT39" s="102">
        <v>2</v>
      </c>
      <c r="FU39" s="103">
        <v>8</v>
      </c>
      <c r="FV39" s="104">
        <v>10</v>
      </c>
      <c r="FW39" s="101">
        <v>0</v>
      </c>
      <c r="FX39" s="102">
        <v>0</v>
      </c>
      <c r="FY39" s="103">
        <v>0</v>
      </c>
      <c r="FZ39" s="413">
        <v>0</v>
      </c>
      <c r="GA39" s="102">
        <v>0</v>
      </c>
      <c r="GB39" s="102">
        <v>0</v>
      </c>
      <c r="GC39" s="102">
        <v>0</v>
      </c>
      <c r="GD39" s="102">
        <v>0</v>
      </c>
      <c r="GE39" s="102">
        <v>0</v>
      </c>
      <c r="GF39" s="103">
        <v>0</v>
      </c>
      <c r="GG39" s="104">
        <v>0</v>
      </c>
      <c r="GH39" s="101">
        <v>1</v>
      </c>
      <c r="GI39" s="102">
        <v>5</v>
      </c>
      <c r="GJ39" s="103">
        <v>6</v>
      </c>
      <c r="GK39" s="413">
        <v>0</v>
      </c>
      <c r="GL39" s="102">
        <v>3</v>
      </c>
      <c r="GM39" s="102">
        <v>7</v>
      </c>
      <c r="GN39" s="102">
        <v>2</v>
      </c>
      <c r="GO39" s="102">
        <v>3</v>
      </c>
      <c r="GP39" s="102">
        <v>2</v>
      </c>
      <c r="GQ39" s="103">
        <v>17</v>
      </c>
      <c r="GR39" s="104">
        <v>23</v>
      </c>
      <c r="GS39" s="105">
        <v>6</v>
      </c>
      <c r="GT39" s="97">
        <v>13</v>
      </c>
      <c r="GU39" s="98">
        <v>19</v>
      </c>
      <c r="GV39" s="413">
        <v>0</v>
      </c>
      <c r="GW39" s="97">
        <v>13</v>
      </c>
      <c r="GX39" s="97">
        <v>17</v>
      </c>
      <c r="GY39" s="97">
        <v>13</v>
      </c>
      <c r="GZ39" s="97">
        <v>6</v>
      </c>
      <c r="HA39" s="97">
        <v>2</v>
      </c>
      <c r="HB39" s="99">
        <v>51</v>
      </c>
      <c r="HC39" s="100">
        <v>70</v>
      </c>
      <c r="HD39" s="101">
        <v>0</v>
      </c>
      <c r="HE39" s="102">
        <v>1</v>
      </c>
      <c r="HF39" s="103">
        <v>1</v>
      </c>
      <c r="HG39" s="413">
        <v>0</v>
      </c>
      <c r="HH39" s="102">
        <v>0</v>
      </c>
      <c r="HI39" s="102">
        <v>0</v>
      </c>
      <c r="HJ39" s="102">
        <v>1</v>
      </c>
      <c r="HK39" s="102">
        <v>0</v>
      </c>
      <c r="HL39" s="102">
        <v>0</v>
      </c>
      <c r="HM39" s="103">
        <v>1</v>
      </c>
      <c r="HN39" s="104">
        <v>2</v>
      </c>
      <c r="HO39" s="101">
        <v>1</v>
      </c>
      <c r="HP39" s="102">
        <v>1</v>
      </c>
      <c r="HQ39" s="103">
        <v>2</v>
      </c>
      <c r="HR39" s="413">
        <v>0</v>
      </c>
      <c r="HS39" s="102">
        <v>0</v>
      </c>
      <c r="HT39" s="102">
        <v>3</v>
      </c>
      <c r="HU39" s="102">
        <v>0</v>
      </c>
      <c r="HV39" s="102">
        <v>0</v>
      </c>
      <c r="HW39" s="102">
        <v>0</v>
      </c>
      <c r="HX39" s="103">
        <v>3</v>
      </c>
      <c r="HY39" s="104">
        <v>5</v>
      </c>
      <c r="HZ39" s="101">
        <v>0</v>
      </c>
      <c r="IA39" s="102">
        <v>0</v>
      </c>
      <c r="IB39" s="103">
        <v>0</v>
      </c>
      <c r="IC39" s="413">
        <v>0</v>
      </c>
      <c r="ID39" s="102">
        <v>1</v>
      </c>
      <c r="IE39" s="102">
        <v>1</v>
      </c>
      <c r="IF39" s="102">
        <v>0</v>
      </c>
      <c r="IG39" s="102">
        <v>1</v>
      </c>
      <c r="IH39" s="102">
        <v>0</v>
      </c>
      <c r="II39" s="103">
        <v>3</v>
      </c>
      <c r="IJ39" s="104">
        <v>3</v>
      </c>
      <c r="IK39" s="101">
        <v>3</v>
      </c>
      <c r="IL39" s="102">
        <v>1</v>
      </c>
      <c r="IM39" s="103">
        <v>4</v>
      </c>
      <c r="IN39" s="413">
        <v>0</v>
      </c>
      <c r="IO39" s="102">
        <v>5</v>
      </c>
      <c r="IP39" s="102">
        <v>2</v>
      </c>
      <c r="IQ39" s="102">
        <v>4</v>
      </c>
      <c r="IR39" s="102">
        <v>1</v>
      </c>
      <c r="IS39" s="102">
        <v>0</v>
      </c>
      <c r="IT39" s="103">
        <v>12</v>
      </c>
      <c r="IU39" s="104">
        <v>16</v>
      </c>
      <c r="IV39" s="101">
        <v>1</v>
      </c>
      <c r="IW39" s="102">
        <v>7</v>
      </c>
      <c r="IX39" s="103">
        <v>8</v>
      </c>
      <c r="IY39" s="413">
        <v>0</v>
      </c>
      <c r="IZ39" s="102">
        <v>4</v>
      </c>
      <c r="JA39" s="102">
        <v>5</v>
      </c>
      <c r="JB39" s="102">
        <v>4</v>
      </c>
      <c r="JC39" s="102">
        <v>2</v>
      </c>
      <c r="JD39" s="102">
        <v>0</v>
      </c>
      <c r="JE39" s="103">
        <v>15</v>
      </c>
      <c r="JF39" s="104">
        <v>23</v>
      </c>
      <c r="JG39" s="101">
        <v>1</v>
      </c>
      <c r="JH39" s="102">
        <v>3</v>
      </c>
      <c r="JI39" s="103">
        <v>4</v>
      </c>
      <c r="JJ39" s="413">
        <v>0</v>
      </c>
      <c r="JK39" s="102">
        <v>3</v>
      </c>
      <c r="JL39" s="102">
        <v>6</v>
      </c>
      <c r="JM39" s="102">
        <v>4</v>
      </c>
      <c r="JN39" s="102">
        <v>2</v>
      </c>
      <c r="JO39" s="102">
        <v>2</v>
      </c>
      <c r="JP39" s="103">
        <v>17</v>
      </c>
      <c r="JQ39" s="104">
        <v>21</v>
      </c>
      <c r="JR39" s="101">
        <v>0</v>
      </c>
      <c r="JS39" s="102">
        <v>0</v>
      </c>
      <c r="JT39" s="103">
        <v>0</v>
      </c>
      <c r="JU39" s="413">
        <v>0</v>
      </c>
      <c r="JV39" s="102">
        <v>0</v>
      </c>
      <c r="JW39" s="102">
        <v>0</v>
      </c>
      <c r="JX39" s="102">
        <v>0</v>
      </c>
      <c r="JY39" s="102">
        <v>0</v>
      </c>
      <c r="JZ39" s="102">
        <v>0</v>
      </c>
      <c r="KA39" s="103">
        <v>0</v>
      </c>
      <c r="KB39" s="104">
        <v>0</v>
      </c>
      <c r="KC39" s="101">
        <v>6</v>
      </c>
      <c r="KD39" s="102">
        <v>13</v>
      </c>
      <c r="KE39" s="103">
        <v>19</v>
      </c>
      <c r="KF39" s="413">
        <v>0</v>
      </c>
      <c r="KG39" s="102">
        <v>13</v>
      </c>
      <c r="KH39" s="102">
        <v>17</v>
      </c>
      <c r="KI39" s="102">
        <v>13</v>
      </c>
      <c r="KJ39" s="102">
        <v>6</v>
      </c>
      <c r="KK39" s="102">
        <v>2</v>
      </c>
      <c r="KL39" s="103">
        <v>51</v>
      </c>
      <c r="KM39" s="104">
        <v>70</v>
      </c>
    </row>
    <row r="40" spans="2:299" s="70" customFormat="1" ht="21" customHeight="1" thickBot="1" x14ac:dyDescent="0.25">
      <c r="B40" s="108" t="s">
        <v>37</v>
      </c>
      <c r="C40" s="109">
        <v>0</v>
      </c>
      <c r="D40" s="110">
        <v>0</v>
      </c>
      <c r="E40" s="111">
        <v>0</v>
      </c>
      <c r="F40" s="414">
        <v>0</v>
      </c>
      <c r="G40" s="110">
        <v>0</v>
      </c>
      <c r="H40" s="110">
        <v>0</v>
      </c>
      <c r="I40" s="110">
        <v>0</v>
      </c>
      <c r="J40" s="110">
        <v>1</v>
      </c>
      <c r="K40" s="110">
        <v>0</v>
      </c>
      <c r="L40" s="112">
        <v>1</v>
      </c>
      <c r="M40" s="113">
        <v>1</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0</v>
      </c>
      <c r="AF40" s="115">
        <v>1</v>
      </c>
      <c r="AG40" s="115">
        <v>0</v>
      </c>
      <c r="AH40" s="116">
        <v>1</v>
      </c>
      <c r="AI40" s="117">
        <v>1</v>
      </c>
      <c r="AJ40" s="114">
        <v>0</v>
      </c>
      <c r="AK40" s="115">
        <v>0</v>
      </c>
      <c r="AL40" s="116">
        <v>0</v>
      </c>
      <c r="AM40" s="414">
        <v>0</v>
      </c>
      <c r="AN40" s="115">
        <v>0</v>
      </c>
      <c r="AO40" s="115">
        <v>0</v>
      </c>
      <c r="AP40" s="115">
        <v>0</v>
      </c>
      <c r="AQ40" s="115">
        <v>0</v>
      </c>
      <c r="AR40" s="115">
        <v>0</v>
      </c>
      <c r="AS40" s="116">
        <v>0</v>
      </c>
      <c r="AT40" s="117">
        <v>0</v>
      </c>
      <c r="AU40" s="114">
        <v>0</v>
      </c>
      <c r="AV40" s="115">
        <v>0</v>
      </c>
      <c r="AW40" s="116">
        <v>0</v>
      </c>
      <c r="AX40" s="414">
        <v>0</v>
      </c>
      <c r="AY40" s="115">
        <v>0</v>
      </c>
      <c r="AZ40" s="115">
        <v>0</v>
      </c>
      <c r="BA40" s="115">
        <v>0</v>
      </c>
      <c r="BB40" s="115">
        <v>0</v>
      </c>
      <c r="BC40" s="115">
        <v>0</v>
      </c>
      <c r="BD40" s="116">
        <v>0</v>
      </c>
      <c r="BE40" s="117">
        <v>0</v>
      </c>
      <c r="BF40" s="114">
        <v>0</v>
      </c>
      <c r="BG40" s="115">
        <v>0</v>
      </c>
      <c r="BH40" s="116">
        <v>0</v>
      </c>
      <c r="BI40" s="414">
        <v>0</v>
      </c>
      <c r="BJ40" s="115">
        <v>0</v>
      </c>
      <c r="BK40" s="115">
        <v>0</v>
      </c>
      <c r="BL40" s="115">
        <v>0</v>
      </c>
      <c r="BM40" s="115">
        <v>0</v>
      </c>
      <c r="BN40" s="115">
        <v>0</v>
      </c>
      <c r="BO40" s="116">
        <v>0</v>
      </c>
      <c r="BP40" s="117">
        <v>0</v>
      </c>
      <c r="BQ40" s="114">
        <v>0</v>
      </c>
      <c r="BR40" s="115">
        <v>0</v>
      </c>
      <c r="BS40" s="116">
        <v>0</v>
      </c>
      <c r="BT40" s="414">
        <v>0</v>
      </c>
      <c r="BU40" s="115">
        <v>0</v>
      </c>
      <c r="BV40" s="115">
        <v>0</v>
      </c>
      <c r="BW40" s="115">
        <v>0</v>
      </c>
      <c r="BX40" s="115">
        <v>0</v>
      </c>
      <c r="BY40" s="115">
        <v>0</v>
      </c>
      <c r="BZ40" s="116">
        <v>0</v>
      </c>
      <c r="CA40" s="117">
        <v>0</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0</v>
      </c>
      <c r="CR40" s="115">
        <v>0</v>
      </c>
      <c r="CS40" s="115">
        <v>0</v>
      </c>
      <c r="CT40" s="115">
        <v>1</v>
      </c>
      <c r="CU40" s="115">
        <v>0</v>
      </c>
      <c r="CV40" s="116">
        <v>1</v>
      </c>
      <c r="CW40" s="117">
        <v>1</v>
      </c>
      <c r="CX40" s="118">
        <v>1</v>
      </c>
      <c r="CY40" s="110">
        <v>0</v>
      </c>
      <c r="CZ40" s="111">
        <v>1</v>
      </c>
      <c r="DA40" s="414">
        <v>0</v>
      </c>
      <c r="DB40" s="110">
        <v>0</v>
      </c>
      <c r="DC40" s="110">
        <v>0</v>
      </c>
      <c r="DD40" s="110">
        <v>0</v>
      </c>
      <c r="DE40" s="110">
        <v>0</v>
      </c>
      <c r="DF40" s="110">
        <v>1</v>
      </c>
      <c r="DG40" s="112">
        <v>1</v>
      </c>
      <c r="DH40" s="113">
        <v>2</v>
      </c>
      <c r="DI40" s="114">
        <v>0</v>
      </c>
      <c r="DJ40" s="115">
        <v>0</v>
      </c>
      <c r="DK40" s="116">
        <v>0</v>
      </c>
      <c r="DL40" s="414">
        <v>0</v>
      </c>
      <c r="DM40" s="115">
        <v>0</v>
      </c>
      <c r="DN40" s="115">
        <v>0</v>
      </c>
      <c r="DO40" s="115">
        <v>0</v>
      </c>
      <c r="DP40" s="115">
        <v>0</v>
      </c>
      <c r="DQ40" s="115">
        <v>0</v>
      </c>
      <c r="DR40" s="116">
        <v>0</v>
      </c>
      <c r="DS40" s="117">
        <v>0</v>
      </c>
      <c r="DT40" s="114">
        <v>1</v>
      </c>
      <c r="DU40" s="115">
        <v>0</v>
      </c>
      <c r="DV40" s="116">
        <v>1</v>
      </c>
      <c r="DW40" s="414">
        <v>0</v>
      </c>
      <c r="DX40" s="115">
        <v>0</v>
      </c>
      <c r="DY40" s="115">
        <v>0</v>
      </c>
      <c r="DZ40" s="115">
        <v>0</v>
      </c>
      <c r="EA40" s="115">
        <v>0</v>
      </c>
      <c r="EB40" s="115">
        <v>0</v>
      </c>
      <c r="EC40" s="116">
        <v>0</v>
      </c>
      <c r="ED40" s="117">
        <v>1</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1</v>
      </c>
      <c r="FU40" s="116">
        <v>1</v>
      </c>
      <c r="FV40" s="117">
        <v>1</v>
      </c>
      <c r="FW40" s="114">
        <v>0</v>
      </c>
      <c r="FX40" s="115">
        <v>0</v>
      </c>
      <c r="FY40" s="116">
        <v>0</v>
      </c>
      <c r="FZ40" s="414">
        <v>0</v>
      </c>
      <c r="GA40" s="115">
        <v>0</v>
      </c>
      <c r="GB40" s="115">
        <v>0</v>
      </c>
      <c r="GC40" s="115">
        <v>0</v>
      </c>
      <c r="GD40" s="115">
        <v>0</v>
      </c>
      <c r="GE40" s="115">
        <v>0</v>
      </c>
      <c r="GF40" s="116">
        <v>0</v>
      </c>
      <c r="GG40" s="117">
        <v>0</v>
      </c>
      <c r="GH40" s="114">
        <v>1</v>
      </c>
      <c r="GI40" s="115">
        <v>0</v>
      </c>
      <c r="GJ40" s="116">
        <v>1</v>
      </c>
      <c r="GK40" s="414">
        <v>0</v>
      </c>
      <c r="GL40" s="115">
        <v>0</v>
      </c>
      <c r="GM40" s="115">
        <v>0</v>
      </c>
      <c r="GN40" s="115">
        <v>0</v>
      </c>
      <c r="GO40" s="115">
        <v>0</v>
      </c>
      <c r="GP40" s="115">
        <v>1</v>
      </c>
      <c r="GQ40" s="116">
        <v>1</v>
      </c>
      <c r="GR40" s="117">
        <v>2</v>
      </c>
      <c r="GS40" s="118">
        <v>1</v>
      </c>
      <c r="GT40" s="110">
        <v>0</v>
      </c>
      <c r="GU40" s="111">
        <v>1</v>
      </c>
      <c r="GV40" s="414">
        <v>0</v>
      </c>
      <c r="GW40" s="110">
        <v>0</v>
      </c>
      <c r="GX40" s="110">
        <v>0</v>
      </c>
      <c r="GY40" s="110">
        <v>0</v>
      </c>
      <c r="GZ40" s="110">
        <v>1</v>
      </c>
      <c r="HA40" s="110">
        <v>1</v>
      </c>
      <c r="HB40" s="112">
        <v>2</v>
      </c>
      <c r="HC40" s="113">
        <v>3</v>
      </c>
      <c r="HD40" s="114">
        <v>0</v>
      </c>
      <c r="HE40" s="115">
        <v>0</v>
      </c>
      <c r="HF40" s="116">
        <v>0</v>
      </c>
      <c r="HG40" s="414">
        <v>0</v>
      </c>
      <c r="HH40" s="115">
        <v>0</v>
      </c>
      <c r="HI40" s="115">
        <v>0</v>
      </c>
      <c r="HJ40" s="115">
        <v>0</v>
      </c>
      <c r="HK40" s="115">
        <v>0</v>
      </c>
      <c r="HL40" s="115">
        <v>0</v>
      </c>
      <c r="HM40" s="116">
        <v>0</v>
      </c>
      <c r="HN40" s="117">
        <v>0</v>
      </c>
      <c r="HO40" s="114">
        <v>1</v>
      </c>
      <c r="HP40" s="115">
        <v>0</v>
      </c>
      <c r="HQ40" s="116">
        <v>1</v>
      </c>
      <c r="HR40" s="414">
        <v>0</v>
      </c>
      <c r="HS40" s="115">
        <v>0</v>
      </c>
      <c r="HT40" s="115">
        <v>0</v>
      </c>
      <c r="HU40" s="115">
        <v>0</v>
      </c>
      <c r="HV40" s="115">
        <v>1</v>
      </c>
      <c r="HW40" s="115">
        <v>0</v>
      </c>
      <c r="HX40" s="116">
        <v>1</v>
      </c>
      <c r="HY40" s="117">
        <v>2</v>
      </c>
      <c r="HZ40" s="114">
        <v>0</v>
      </c>
      <c r="IA40" s="115">
        <v>0</v>
      </c>
      <c r="IB40" s="116">
        <v>0</v>
      </c>
      <c r="IC40" s="414">
        <v>0</v>
      </c>
      <c r="ID40" s="115">
        <v>0</v>
      </c>
      <c r="IE40" s="115">
        <v>0</v>
      </c>
      <c r="IF40" s="115">
        <v>0</v>
      </c>
      <c r="IG40" s="115">
        <v>0</v>
      </c>
      <c r="IH40" s="115">
        <v>0</v>
      </c>
      <c r="II40" s="116">
        <v>0</v>
      </c>
      <c r="IJ40" s="117">
        <v>0</v>
      </c>
      <c r="IK40" s="114">
        <v>0</v>
      </c>
      <c r="IL40" s="115">
        <v>0</v>
      </c>
      <c r="IM40" s="116">
        <v>0</v>
      </c>
      <c r="IN40" s="414">
        <v>0</v>
      </c>
      <c r="IO40" s="115">
        <v>0</v>
      </c>
      <c r="IP40" s="115">
        <v>0</v>
      </c>
      <c r="IQ40" s="115">
        <v>0</v>
      </c>
      <c r="IR40" s="115">
        <v>0</v>
      </c>
      <c r="IS40" s="115">
        <v>0</v>
      </c>
      <c r="IT40" s="116">
        <v>0</v>
      </c>
      <c r="IU40" s="117">
        <v>0</v>
      </c>
      <c r="IV40" s="114">
        <v>0</v>
      </c>
      <c r="IW40" s="115">
        <v>0</v>
      </c>
      <c r="IX40" s="116">
        <v>0</v>
      </c>
      <c r="IY40" s="414">
        <v>0</v>
      </c>
      <c r="IZ40" s="115">
        <v>0</v>
      </c>
      <c r="JA40" s="115">
        <v>0</v>
      </c>
      <c r="JB40" s="115">
        <v>0</v>
      </c>
      <c r="JC40" s="115">
        <v>0</v>
      </c>
      <c r="JD40" s="115">
        <v>0</v>
      </c>
      <c r="JE40" s="116">
        <v>0</v>
      </c>
      <c r="JF40" s="117">
        <v>0</v>
      </c>
      <c r="JG40" s="114">
        <v>0</v>
      </c>
      <c r="JH40" s="115">
        <v>0</v>
      </c>
      <c r="JI40" s="116">
        <v>0</v>
      </c>
      <c r="JJ40" s="414">
        <v>0</v>
      </c>
      <c r="JK40" s="115">
        <v>0</v>
      </c>
      <c r="JL40" s="115">
        <v>0</v>
      </c>
      <c r="JM40" s="115">
        <v>0</v>
      </c>
      <c r="JN40" s="115">
        <v>0</v>
      </c>
      <c r="JO40" s="115">
        <v>1</v>
      </c>
      <c r="JP40" s="116">
        <v>1</v>
      </c>
      <c r="JQ40" s="117">
        <v>1</v>
      </c>
      <c r="JR40" s="114">
        <v>0</v>
      </c>
      <c r="JS40" s="115">
        <v>0</v>
      </c>
      <c r="JT40" s="116">
        <v>0</v>
      </c>
      <c r="JU40" s="414">
        <v>0</v>
      </c>
      <c r="JV40" s="115">
        <v>0</v>
      </c>
      <c r="JW40" s="115">
        <v>0</v>
      </c>
      <c r="JX40" s="115">
        <v>0</v>
      </c>
      <c r="JY40" s="115">
        <v>0</v>
      </c>
      <c r="JZ40" s="115">
        <v>0</v>
      </c>
      <c r="KA40" s="116">
        <v>0</v>
      </c>
      <c r="KB40" s="117">
        <v>0</v>
      </c>
      <c r="KC40" s="114">
        <v>1</v>
      </c>
      <c r="KD40" s="115">
        <v>0</v>
      </c>
      <c r="KE40" s="116">
        <v>1</v>
      </c>
      <c r="KF40" s="414">
        <v>0</v>
      </c>
      <c r="KG40" s="115">
        <v>0</v>
      </c>
      <c r="KH40" s="115">
        <v>0</v>
      </c>
      <c r="KI40" s="115">
        <v>0</v>
      </c>
      <c r="KJ40" s="115">
        <v>1</v>
      </c>
      <c r="KK40" s="115">
        <v>1</v>
      </c>
      <c r="KL40" s="116">
        <v>2</v>
      </c>
      <c r="KM40" s="117">
        <v>3</v>
      </c>
    </row>
    <row r="41" spans="2:299" ht="32.25" customHeight="1" x14ac:dyDescent="0.2">
      <c r="C41" s="70" t="s">
        <v>124</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3" customWidth="1"/>
    <col min="2" max="2" width="9.77734375" style="13" customWidth="1"/>
    <col min="3" max="6" width="7.77734375" style="11" customWidth="1"/>
    <col min="7" max="7" width="8.109375" style="11" customWidth="1"/>
    <col min="8" max="8" width="7.44140625" style="11" customWidth="1"/>
    <col min="9" max="9" width="9.109375" style="11" customWidth="1"/>
    <col min="10" max="10" width="7.77734375" style="11" customWidth="1"/>
    <col min="11" max="11" width="8.6640625" style="11" customWidth="1"/>
    <col min="12" max="12" width="9.33203125" style="11" customWidth="1"/>
    <col min="13" max="13" width="8.33203125" style="11" customWidth="1"/>
    <col min="14" max="26" width="7.77734375" style="11" customWidth="1"/>
    <col min="27" max="33" width="7.77734375" style="13" customWidth="1"/>
    <col min="34" max="34" width="9" style="13"/>
    <col min="35" max="35" width="8.6640625" style="13" customWidth="1"/>
    <col min="36" max="16384" width="9" style="13"/>
  </cols>
  <sheetData>
    <row r="1" spans="2:35" ht="24" customHeight="1" x14ac:dyDescent="0.2">
      <c r="B1" s="10" t="s">
        <v>131</v>
      </c>
      <c r="F1" s="12"/>
      <c r="G1" s="441">
        <f>第１表!F2</f>
        <v>6</v>
      </c>
      <c r="H1" s="441"/>
      <c r="I1" s="18">
        <f>第１表!G2</f>
        <v>6</v>
      </c>
      <c r="J1" s="445">
        <f>IF(I1&lt;3,I1+12-2,I1-2)</f>
        <v>4</v>
      </c>
      <c r="K1" s="445"/>
    </row>
    <row r="2" spans="2:35" ht="24" customHeight="1" thickBot="1" x14ac:dyDescent="0.25">
      <c r="B2" s="71"/>
      <c r="J2" s="14"/>
      <c r="K2" s="14"/>
      <c r="L2" s="14"/>
      <c r="M2" s="14"/>
      <c r="N2" s="14"/>
      <c r="O2" s="14"/>
      <c r="P2" s="15"/>
      <c r="Q2" s="15"/>
      <c r="R2" s="15"/>
    </row>
    <row r="3" spans="2:35" s="71" customFormat="1" ht="21" customHeight="1" thickBot="1" x14ac:dyDescent="0.25">
      <c r="B3" s="119"/>
      <c r="C3" s="442" t="s">
        <v>53</v>
      </c>
      <c r="D3" s="443"/>
      <c r="E3" s="443"/>
      <c r="F3" s="443"/>
      <c r="G3" s="443"/>
      <c r="H3" s="443"/>
      <c r="I3" s="443"/>
      <c r="J3" s="443"/>
      <c r="K3" s="443"/>
      <c r="L3" s="443"/>
      <c r="M3" s="444"/>
      <c r="N3" s="442" t="s">
        <v>54</v>
      </c>
      <c r="O3" s="443"/>
      <c r="P3" s="443"/>
      <c r="Q3" s="443"/>
      <c r="R3" s="443"/>
      <c r="S3" s="443"/>
      <c r="T3" s="443"/>
      <c r="U3" s="443"/>
      <c r="V3" s="443"/>
      <c r="W3" s="443"/>
      <c r="X3" s="444"/>
      <c r="Y3" s="442" t="s">
        <v>55</v>
      </c>
      <c r="Z3" s="443"/>
      <c r="AA3" s="443"/>
      <c r="AB3" s="443"/>
      <c r="AC3" s="443"/>
      <c r="AD3" s="443"/>
      <c r="AE3" s="443"/>
      <c r="AF3" s="443"/>
      <c r="AG3" s="443"/>
      <c r="AH3" s="443"/>
      <c r="AI3" s="444"/>
    </row>
    <row r="4" spans="2:35" s="71" customFormat="1"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124">
        <v>17597</v>
      </c>
      <c r="D5" s="125">
        <v>31805</v>
      </c>
      <c r="E5" s="126">
        <v>49402</v>
      </c>
      <c r="F5" s="127">
        <v>0</v>
      </c>
      <c r="G5" s="125">
        <v>61524</v>
      </c>
      <c r="H5" s="125">
        <v>63800</v>
      </c>
      <c r="I5" s="125">
        <v>36372</v>
      </c>
      <c r="J5" s="125">
        <v>27570</v>
      </c>
      <c r="K5" s="125">
        <v>16375</v>
      </c>
      <c r="L5" s="126">
        <v>205641</v>
      </c>
      <c r="M5" s="128">
        <v>255043</v>
      </c>
      <c r="N5" s="129">
        <v>344</v>
      </c>
      <c r="O5" s="125">
        <v>896</v>
      </c>
      <c r="P5" s="126">
        <v>1240</v>
      </c>
      <c r="Q5" s="127">
        <v>0</v>
      </c>
      <c r="R5" s="125">
        <v>1070</v>
      </c>
      <c r="S5" s="125">
        <v>2003</v>
      </c>
      <c r="T5" s="125">
        <v>1008</v>
      </c>
      <c r="U5" s="125">
        <v>795</v>
      </c>
      <c r="V5" s="125">
        <v>775</v>
      </c>
      <c r="W5" s="126">
        <v>5651</v>
      </c>
      <c r="X5" s="128">
        <v>6891</v>
      </c>
      <c r="Y5" s="124">
        <v>17941</v>
      </c>
      <c r="Z5" s="125">
        <v>32701</v>
      </c>
      <c r="AA5" s="126">
        <v>50642</v>
      </c>
      <c r="AB5" s="127">
        <v>0</v>
      </c>
      <c r="AC5" s="125">
        <v>62594</v>
      </c>
      <c r="AD5" s="125">
        <v>65803</v>
      </c>
      <c r="AE5" s="125">
        <v>37380</v>
      </c>
      <c r="AF5" s="125">
        <v>28365</v>
      </c>
      <c r="AG5" s="125">
        <v>17150</v>
      </c>
      <c r="AH5" s="126">
        <v>211292</v>
      </c>
      <c r="AI5" s="128">
        <v>261934</v>
      </c>
    </row>
    <row r="6" spans="2:35" ht="21" customHeight="1" x14ac:dyDescent="0.2">
      <c r="B6" s="95" t="s">
        <v>5</v>
      </c>
      <c r="C6" s="130">
        <v>6412</v>
      </c>
      <c r="D6" s="131">
        <v>14162</v>
      </c>
      <c r="E6" s="132">
        <v>20574</v>
      </c>
      <c r="F6" s="133">
        <v>0</v>
      </c>
      <c r="G6" s="131">
        <v>16307</v>
      </c>
      <c r="H6" s="131">
        <v>24052</v>
      </c>
      <c r="I6" s="131">
        <v>12111</v>
      </c>
      <c r="J6" s="131">
        <v>9384</v>
      </c>
      <c r="K6" s="131">
        <v>5476</v>
      </c>
      <c r="L6" s="132">
        <v>67330</v>
      </c>
      <c r="M6" s="134">
        <v>87904</v>
      </c>
      <c r="N6" s="135">
        <v>112</v>
      </c>
      <c r="O6" s="131">
        <v>388</v>
      </c>
      <c r="P6" s="132">
        <v>500</v>
      </c>
      <c r="Q6" s="133">
        <v>0</v>
      </c>
      <c r="R6" s="131">
        <v>246</v>
      </c>
      <c r="S6" s="131">
        <v>814</v>
      </c>
      <c r="T6" s="131">
        <v>374</v>
      </c>
      <c r="U6" s="131">
        <v>290</v>
      </c>
      <c r="V6" s="131">
        <v>313</v>
      </c>
      <c r="W6" s="132">
        <v>2037</v>
      </c>
      <c r="X6" s="134">
        <v>2537</v>
      </c>
      <c r="Y6" s="130">
        <v>6524</v>
      </c>
      <c r="Z6" s="131">
        <v>14550</v>
      </c>
      <c r="AA6" s="132">
        <v>21074</v>
      </c>
      <c r="AB6" s="133">
        <v>0</v>
      </c>
      <c r="AC6" s="131">
        <v>16553</v>
      </c>
      <c r="AD6" s="131">
        <v>24866</v>
      </c>
      <c r="AE6" s="131">
        <v>12485</v>
      </c>
      <c r="AF6" s="131">
        <v>9674</v>
      </c>
      <c r="AG6" s="131">
        <v>5789</v>
      </c>
      <c r="AH6" s="132">
        <v>69367</v>
      </c>
      <c r="AI6" s="134">
        <v>90441</v>
      </c>
    </row>
    <row r="7" spans="2:35" ht="21" customHeight="1" x14ac:dyDescent="0.2">
      <c r="B7" s="106" t="s">
        <v>6</v>
      </c>
      <c r="C7" s="130">
        <v>2474</v>
      </c>
      <c r="D7" s="131">
        <v>3792</v>
      </c>
      <c r="E7" s="132">
        <v>6266</v>
      </c>
      <c r="F7" s="133">
        <v>0</v>
      </c>
      <c r="G7" s="131">
        <v>11137</v>
      </c>
      <c r="H7" s="131">
        <v>9587</v>
      </c>
      <c r="I7" s="131">
        <v>5689</v>
      </c>
      <c r="J7" s="131">
        <v>4378</v>
      </c>
      <c r="K7" s="131">
        <v>2832</v>
      </c>
      <c r="L7" s="132">
        <v>33623</v>
      </c>
      <c r="M7" s="134">
        <v>39889</v>
      </c>
      <c r="N7" s="135">
        <v>72</v>
      </c>
      <c r="O7" s="131">
        <v>117</v>
      </c>
      <c r="P7" s="132">
        <v>189</v>
      </c>
      <c r="Q7" s="133">
        <v>0</v>
      </c>
      <c r="R7" s="131">
        <v>223</v>
      </c>
      <c r="S7" s="131">
        <v>277</v>
      </c>
      <c r="T7" s="131">
        <v>156</v>
      </c>
      <c r="U7" s="131">
        <v>141</v>
      </c>
      <c r="V7" s="131">
        <v>132</v>
      </c>
      <c r="W7" s="132">
        <v>929</v>
      </c>
      <c r="X7" s="134">
        <v>1118</v>
      </c>
      <c r="Y7" s="130">
        <v>2546</v>
      </c>
      <c r="Z7" s="131">
        <v>3909</v>
      </c>
      <c r="AA7" s="132">
        <v>6455</v>
      </c>
      <c r="AB7" s="133">
        <v>0</v>
      </c>
      <c r="AC7" s="131">
        <v>11360</v>
      </c>
      <c r="AD7" s="131">
        <v>9864</v>
      </c>
      <c r="AE7" s="131">
        <v>5845</v>
      </c>
      <c r="AF7" s="131">
        <v>4519</v>
      </c>
      <c r="AG7" s="131">
        <v>2964</v>
      </c>
      <c r="AH7" s="132">
        <v>34552</v>
      </c>
      <c r="AI7" s="134">
        <v>41007</v>
      </c>
    </row>
    <row r="8" spans="2:35" ht="21" customHeight="1" x14ac:dyDescent="0.2">
      <c r="B8" s="106" t="s">
        <v>14</v>
      </c>
      <c r="C8" s="130">
        <v>1216</v>
      </c>
      <c r="D8" s="131">
        <v>2838</v>
      </c>
      <c r="E8" s="132">
        <v>4054</v>
      </c>
      <c r="F8" s="133">
        <v>0</v>
      </c>
      <c r="G8" s="131">
        <v>4695</v>
      </c>
      <c r="H8" s="131">
        <v>5793</v>
      </c>
      <c r="I8" s="131">
        <v>3683</v>
      </c>
      <c r="J8" s="131">
        <v>2441</v>
      </c>
      <c r="K8" s="131">
        <v>1302</v>
      </c>
      <c r="L8" s="132">
        <v>17914</v>
      </c>
      <c r="M8" s="134">
        <v>21968</v>
      </c>
      <c r="N8" s="135">
        <v>20</v>
      </c>
      <c r="O8" s="131">
        <v>101</v>
      </c>
      <c r="P8" s="132">
        <v>121</v>
      </c>
      <c r="Q8" s="133">
        <v>0</v>
      </c>
      <c r="R8" s="131">
        <v>62</v>
      </c>
      <c r="S8" s="131">
        <v>187</v>
      </c>
      <c r="T8" s="131">
        <v>82</v>
      </c>
      <c r="U8" s="131">
        <v>69</v>
      </c>
      <c r="V8" s="131">
        <v>62</v>
      </c>
      <c r="W8" s="132">
        <v>462</v>
      </c>
      <c r="X8" s="134">
        <v>583</v>
      </c>
      <c r="Y8" s="130">
        <v>1236</v>
      </c>
      <c r="Z8" s="131">
        <v>2939</v>
      </c>
      <c r="AA8" s="132">
        <v>4175</v>
      </c>
      <c r="AB8" s="133">
        <v>0</v>
      </c>
      <c r="AC8" s="131">
        <v>4757</v>
      </c>
      <c r="AD8" s="131">
        <v>5980</v>
      </c>
      <c r="AE8" s="131">
        <v>3765</v>
      </c>
      <c r="AF8" s="131">
        <v>2510</v>
      </c>
      <c r="AG8" s="131">
        <v>1364</v>
      </c>
      <c r="AH8" s="132">
        <v>18376</v>
      </c>
      <c r="AI8" s="134">
        <v>22551</v>
      </c>
    </row>
    <row r="9" spans="2:35" ht="21" customHeight="1" x14ac:dyDescent="0.2">
      <c r="B9" s="106" t="s">
        <v>7</v>
      </c>
      <c r="C9" s="130">
        <v>657</v>
      </c>
      <c r="D9" s="131">
        <v>963</v>
      </c>
      <c r="E9" s="132">
        <v>1620</v>
      </c>
      <c r="F9" s="133">
        <v>0</v>
      </c>
      <c r="G9" s="131">
        <v>5090</v>
      </c>
      <c r="H9" s="131">
        <v>3454</v>
      </c>
      <c r="I9" s="131">
        <v>1889</v>
      </c>
      <c r="J9" s="131">
        <v>1500</v>
      </c>
      <c r="K9" s="131">
        <v>884</v>
      </c>
      <c r="L9" s="132">
        <v>12817</v>
      </c>
      <c r="M9" s="134">
        <v>14437</v>
      </c>
      <c r="N9" s="135">
        <v>8</v>
      </c>
      <c r="O9" s="131">
        <v>20</v>
      </c>
      <c r="P9" s="132">
        <v>28</v>
      </c>
      <c r="Q9" s="133">
        <v>0</v>
      </c>
      <c r="R9" s="131">
        <v>94</v>
      </c>
      <c r="S9" s="131">
        <v>96</v>
      </c>
      <c r="T9" s="131">
        <v>46</v>
      </c>
      <c r="U9" s="131">
        <v>37</v>
      </c>
      <c r="V9" s="131">
        <v>26</v>
      </c>
      <c r="W9" s="132">
        <v>299</v>
      </c>
      <c r="X9" s="134">
        <v>327</v>
      </c>
      <c r="Y9" s="130">
        <v>665</v>
      </c>
      <c r="Z9" s="131">
        <v>983</v>
      </c>
      <c r="AA9" s="132">
        <v>1648</v>
      </c>
      <c r="AB9" s="133">
        <v>0</v>
      </c>
      <c r="AC9" s="131">
        <v>5184</v>
      </c>
      <c r="AD9" s="131">
        <v>3550</v>
      </c>
      <c r="AE9" s="131">
        <v>1935</v>
      </c>
      <c r="AF9" s="131">
        <v>1537</v>
      </c>
      <c r="AG9" s="131">
        <v>910</v>
      </c>
      <c r="AH9" s="132">
        <v>13116</v>
      </c>
      <c r="AI9" s="134">
        <v>14764</v>
      </c>
    </row>
    <row r="10" spans="2:35" ht="21" customHeight="1" x14ac:dyDescent="0.2">
      <c r="B10" s="106" t="s">
        <v>8</v>
      </c>
      <c r="C10" s="130">
        <v>628</v>
      </c>
      <c r="D10" s="131">
        <v>717</v>
      </c>
      <c r="E10" s="132">
        <v>1345</v>
      </c>
      <c r="F10" s="133">
        <v>0</v>
      </c>
      <c r="G10" s="131">
        <v>2118</v>
      </c>
      <c r="H10" s="131">
        <v>2140</v>
      </c>
      <c r="I10" s="131">
        <v>1254</v>
      </c>
      <c r="J10" s="131">
        <v>914</v>
      </c>
      <c r="K10" s="131">
        <v>562</v>
      </c>
      <c r="L10" s="132">
        <v>6988</v>
      </c>
      <c r="M10" s="134">
        <v>8333</v>
      </c>
      <c r="N10" s="135">
        <v>10</v>
      </c>
      <c r="O10" s="131">
        <v>24</v>
      </c>
      <c r="P10" s="132">
        <v>34</v>
      </c>
      <c r="Q10" s="133">
        <v>0</v>
      </c>
      <c r="R10" s="131">
        <v>43</v>
      </c>
      <c r="S10" s="131">
        <v>74</v>
      </c>
      <c r="T10" s="131">
        <v>33</v>
      </c>
      <c r="U10" s="131">
        <v>29</v>
      </c>
      <c r="V10" s="131">
        <v>16</v>
      </c>
      <c r="W10" s="132">
        <v>195</v>
      </c>
      <c r="X10" s="134">
        <v>229</v>
      </c>
      <c r="Y10" s="130">
        <v>638</v>
      </c>
      <c r="Z10" s="131">
        <v>741</v>
      </c>
      <c r="AA10" s="132">
        <v>1379</v>
      </c>
      <c r="AB10" s="133">
        <v>0</v>
      </c>
      <c r="AC10" s="131">
        <v>2161</v>
      </c>
      <c r="AD10" s="131">
        <v>2214</v>
      </c>
      <c r="AE10" s="131">
        <v>1287</v>
      </c>
      <c r="AF10" s="131">
        <v>943</v>
      </c>
      <c r="AG10" s="131">
        <v>578</v>
      </c>
      <c r="AH10" s="132">
        <v>7183</v>
      </c>
      <c r="AI10" s="134">
        <v>8562</v>
      </c>
    </row>
    <row r="11" spans="2:35" ht="21" customHeight="1" x14ac:dyDescent="0.2">
      <c r="B11" s="106" t="s">
        <v>9</v>
      </c>
      <c r="C11" s="130">
        <v>527</v>
      </c>
      <c r="D11" s="131">
        <v>587</v>
      </c>
      <c r="E11" s="132">
        <v>1114</v>
      </c>
      <c r="F11" s="133">
        <v>0</v>
      </c>
      <c r="G11" s="131">
        <v>2003</v>
      </c>
      <c r="H11" s="131">
        <v>1508</v>
      </c>
      <c r="I11" s="131">
        <v>1073</v>
      </c>
      <c r="J11" s="131">
        <v>887</v>
      </c>
      <c r="K11" s="131">
        <v>573</v>
      </c>
      <c r="L11" s="132">
        <v>6044</v>
      </c>
      <c r="M11" s="134">
        <v>7158</v>
      </c>
      <c r="N11" s="135">
        <v>4</v>
      </c>
      <c r="O11" s="131">
        <v>12</v>
      </c>
      <c r="P11" s="132">
        <v>16</v>
      </c>
      <c r="Q11" s="133">
        <v>0</v>
      </c>
      <c r="R11" s="131">
        <v>33</v>
      </c>
      <c r="S11" s="131">
        <v>34</v>
      </c>
      <c r="T11" s="131">
        <v>16</v>
      </c>
      <c r="U11" s="131">
        <v>17</v>
      </c>
      <c r="V11" s="131">
        <v>16</v>
      </c>
      <c r="W11" s="132">
        <v>116</v>
      </c>
      <c r="X11" s="134">
        <v>132</v>
      </c>
      <c r="Y11" s="130">
        <v>531</v>
      </c>
      <c r="Z11" s="131">
        <v>599</v>
      </c>
      <c r="AA11" s="132">
        <v>1130</v>
      </c>
      <c r="AB11" s="133">
        <v>0</v>
      </c>
      <c r="AC11" s="131">
        <v>2036</v>
      </c>
      <c r="AD11" s="131">
        <v>1542</v>
      </c>
      <c r="AE11" s="131">
        <v>1089</v>
      </c>
      <c r="AF11" s="131">
        <v>904</v>
      </c>
      <c r="AG11" s="131">
        <v>589</v>
      </c>
      <c r="AH11" s="132">
        <v>6160</v>
      </c>
      <c r="AI11" s="134">
        <v>7290</v>
      </c>
    </row>
    <row r="12" spans="2:35" ht="21" customHeight="1" x14ac:dyDescent="0.2">
      <c r="B12" s="106" t="s">
        <v>10</v>
      </c>
      <c r="C12" s="130">
        <v>1353</v>
      </c>
      <c r="D12" s="131">
        <v>1662</v>
      </c>
      <c r="E12" s="132">
        <v>3015</v>
      </c>
      <c r="F12" s="133">
        <v>0</v>
      </c>
      <c r="G12" s="131">
        <v>4212</v>
      </c>
      <c r="H12" s="131">
        <v>2450</v>
      </c>
      <c r="I12" s="131">
        <v>1613</v>
      </c>
      <c r="J12" s="131">
        <v>1354</v>
      </c>
      <c r="K12" s="131">
        <v>880</v>
      </c>
      <c r="L12" s="132">
        <v>10509</v>
      </c>
      <c r="M12" s="134">
        <v>13524</v>
      </c>
      <c r="N12" s="135">
        <v>31</v>
      </c>
      <c r="O12" s="131">
        <v>39</v>
      </c>
      <c r="P12" s="132">
        <v>70</v>
      </c>
      <c r="Q12" s="133">
        <v>0</v>
      </c>
      <c r="R12" s="131">
        <v>81</v>
      </c>
      <c r="S12" s="131">
        <v>86</v>
      </c>
      <c r="T12" s="131">
        <v>51</v>
      </c>
      <c r="U12" s="131">
        <v>42</v>
      </c>
      <c r="V12" s="131">
        <v>31</v>
      </c>
      <c r="W12" s="132">
        <v>291</v>
      </c>
      <c r="X12" s="134">
        <v>361</v>
      </c>
      <c r="Y12" s="130">
        <v>1384</v>
      </c>
      <c r="Z12" s="131">
        <v>1701</v>
      </c>
      <c r="AA12" s="132">
        <v>3085</v>
      </c>
      <c r="AB12" s="133">
        <v>0</v>
      </c>
      <c r="AC12" s="131">
        <v>4293</v>
      </c>
      <c r="AD12" s="131">
        <v>2536</v>
      </c>
      <c r="AE12" s="131">
        <v>1664</v>
      </c>
      <c r="AF12" s="131">
        <v>1396</v>
      </c>
      <c r="AG12" s="131">
        <v>911</v>
      </c>
      <c r="AH12" s="132">
        <v>10800</v>
      </c>
      <c r="AI12" s="134">
        <v>13885</v>
      </c>
    </row>
    <row r="13" spans="2:35" ht="21" customHeight="1" x14ac:dyDescent="0.2">
      <c r="B13" s="106" t="s">
        <v>11</v>
      </c>
      <c r="C13" s="130">
        <v>569</v>
      </c>
      <c r="D13" s="131">
        <v>621</v>
      </c>
      <c r="E13" s="132">
        <v>1190</v>
      </c>
      <c r="F13" s="133">
        <v>0</v>
      </c>
      <c r="G13" s="131">
        <v>2121</v>
      </c>
      <c r="H13" s="131">
        <v>1404</v>
      </c>
      <c r="I13" s="131">
        <v>970</v>
      </c>
      <c r="J13" s="131">
        <v>805</v>
      </c>
      <c r="K13" s="131">
        <v>393</v>
      </c>
      <c r="L13" s="132">
        <v>5693</v>
      </c>
      <c r="M13" s="134">
        <v>6883</v>
      </c>
      <c r="N13" s="135">
        <v>12</v>
      </c>
      <c r="O13" s="131">
        <v>12</v>
      </c>
      <c r="P13" s="132">
        <v>24</v>
      </c>
      <c r="Q13" s="133">
        <v>0</v>
      </c>
      <c r="R13" s="131">
        <v>48</v>
      </c>
      <c r="S13" s="131">
        <v>25</v>
      </c>
      <c r="T13" s="131">
        <v>30</v>
      </c>
      <c r="U13" s="131">
        <v>18</v>
      </c>
      <c r="V13" s="131">
        <v>19</v>
      </c>
      <c r="W13" s="132">
        <v>140</v>
      </c>
      <c r="X13" s="134">
        <v>164</v>
      </c>
      <c r="Y13" s="130">
        <v>581</v>
      </c>
      <c r="Z13" s="131">
        <v>633</v>
      </c>
      <c r="AA13" s="132">
        <v>1214</v>
      </c>
      <c r="AB13" s="133">
        <v>0</v>
      </c>
      <c r="AC13" s="131">
        <v>2169</v>
      </c>
      <c r="AD13" s="131">
        <v>1429</v>
      </c>
      <c r="AE13" s="131">
        <v>1000</v>
      </c>
      <c r="AF13" s="131">
        <v>823</v>
      </c>
      <c r="AG13" s="131">
        <v>412</v>
      </c>
      <c r="AH13" s="132">
        <v>5833</v>
      </c>
      <c r="AI13" s="134">
        <v>7047</v>
      </c>
    </row>
    <row r="14" spans="2:35" ht="21" customHeight="1" x14ac:dyDescent="0.2">
      <c r="B14" s="106" t="s">
        <v>12</v>
      </c>
      <c r="C14" s="130">
        <v>729</v>
      </c>
      <c r="D14" s="131">
        <v>1201</v>
      </c>
      <c r="E14" s="132">
        <v>1930</v>
      </c>
      <c r="F14" s="133">
        <v>0</v>
      </c>
      <c r="G14" s="131">
        <v>1781</v>
      </c>
      <c r="H14" s="131">
        <v>1538</v>
      </c>
      <c r="I14" s="131">
        <v>990</v>
      </c>
      <c r="J14" s="131">
        <v>853</v>
      </c>
      <c r="K14" s="131">
        <v>526</v>
      </c>
      <c r="L14" s="132">
        <v>5688</v>
      </c>
      <c r="M14" s="134">
        <v>7618</v>
      </c>
      <c r="N14" s="135">
        <v>11</v>
      </c>
      <c r="O14" s="131">
        <v>33</v>
      </c>
      <c r="P14" s="132">
        <v>44</v>
      </c>
      <c r="Q14" s="133">
        <v>0</v>
      </c>
      <c r="R14" s="131">
        <v>27</v>
      </c>
      <c r="S14" s="131">
        <v>46</v>
      </c>
      <c r="T14" s="131">
        <v>31</v>
      </c>
      <c r="U14" s="131">
        <v>20</v>
      </c>
      <c r="V14" s="131">
        <v>18</v>
      </c>
      <c r="W14" s="132">
        <v>142</v>
      </c>
      <c r="X14" s="134">
        <v>186</v>
      </c>
      <c r="Y14" s="130">
        <v>740</v>
      </c>
      <c r="Z14" s="131">
        <v>1234</v>
      </c>
      <c r="AA14" s="132">
        <v>1974</v>
      </c>
      <c r="AB14" s="133">
        <v>0</v>
      </c>
      <c r="AC14" s="131">
        <v>1808</v>
      </c>
      <c r="AD14" s="131">
        <v>1584</v>
      </c>
      <c r="AE14" s="131">
        <v>1021</v>
      </c>
      <c r="AF14" s="131">
        <v>873</v>
      </c>
      <c r="AG14" s="131">
        <v>544</v>
      </c>
      <c r="AH14" s="132">
        <v>5830</v>
      </c>
      <c r="AI14" s="134">
        <v>7804</v>
      </c>
    </row>
    <row r="15" spans="2:35" ht="21" customHeight="1" x14ac:dyDescent="0.2">
      <c r="B15" s="106" t="s">
        <v>13</v>
      </c>
      <c r="C15" s="130">
        <v>125</v>
      </c>
      <c r="D15" s="131">
        <v>222</v>
      </c>
      <c r="E15" s="132">
        <v>347</v>
      </c>
      <c r="F15" s="133">
        <v>0</v>
      </c>
      <c r="G15" s="131">
        <v>720</v>
      </c>
      <c r="H15" s="131">
        <v>679</v>
      </c>
      <c r="I15" s="131">
        <v>392</v>
      </c>
      <c r="J15" s="131">
        <v>299</v>
      </c>
      <c r="K15" s="131">
        <v>212</v>
      </c>
      <c r="L15" s="132">
        <v>2302</v>
      </c>
      <c r="M15" s="134">
        <v>2649</v>
      </c>
      <c r="N15" s="135">
        <v>0</v>
      </c>
      <c r="O15" s="131">
        <v>1</v>
      </c>
      <c r="P15" s="132">
        <v>1</v>
      </c>
      <c r="Q15" s="133">
        <v>0</v>
      </c>
      <c r="R15" s="131">
        <v>11</v>
      </c>
      <c r="S15" s="131">
        <v>17</v>
      </c>
      <c r="T15" s="131">
        <v>10</v>
      </c>
      <c r="U15" s="131">
        <v>1</v>
      </c>
      <c r="V15" s="131">
        <v>9</v>
      </c>
      <c r="W15" s="132">
        <v>48</v>
      </c>
      <c r="X15" s="134">
        <v>49</v>
      </c>
      <c r="Y15" s="130">
        <v>125</v>
      </c>
      <c r="Z15" s="131">
        <v>223</v>
      </c>
      <c r="AA15" s="132">
        <v>348</v>
      </c>
      <c r="AB15" s="133">
        <v>0</v>
      </c>
      <c r="AC15" s="131">
        <v>731</v>
      </c>
      <c r="AD15" s="131">
        <v>696</v>
      </c>
      <c r="AE15" s="131">
        <v>402</v>
      </c>
      <c r="AF15" s="131">
        <v>300</v>
      </c>
      <c r="AG15" s="131">
        <v>221</v>
      </c>
      <c r="AH15" s="132">
        <v>2350</v>
      </c>
      <c r="AI15" s="134">
        <v>2698</v>
      </c>
    </row>
    <row r="16" spans="2:35" ht="21" customHeight="1" x14ac:dyDescent="0.2">
      <c r="B16" s="106" t="s">
        <v>15</v>
      </c>
      <c r="C16" s="130">
        <v>101</v>
      </c>
      <c r="D16" s="131">
        <v>197</v>
      </c>
      <c r="E16" s="132">
        <v>298</v>
      </c>
      <c r="F16" s="133">
        <v>0</v>
      </c>
      <c r="G16" s="131">
        <v>540</v>
      </c>
      <c r="H16" s="131">
        <v>547</v>
      </c>
      <c r="I16" s="131">
        <v>308</v>
      </c>
      <c r="J16" s="131">
        <v>233</v>
      </c>
      <c r="K16" s="131">
        <v>120</v>
      </c>
      <c r="L16" s="132">
        <v>1748</v>
      </c>
      <c r="M16" s="134">
        <v>2046</v>
      </c>
      <c r="N16" s="135">
        <v>2</v>
      </c>
      <c r="O16" s="131">
        <v>5</v>
      </c>
      <c r="P16" s="132">
        <v>7</v>
      </c>
      <c r="Q16" s="133">
        <v>0</v>
      </c>
      <c r="R16" s="131">
        <v>9</v>
      </c>
      <c r="S16" s="131">
        <v>12</v>
      </c>
      <c r="T16" s="131">
        <v>4</v>
      </c>
      <c r="U16" s="131">
        <v>2</v>
      </c>
      <c r="V16" s="131">
        <v>4</v>
      </c>
      <c r="W16" s="132">
        <v>31</v>
      </c>
      <c r="X16" s="134">
        <v>38</v>
      </c>
      <c r="Y16" s="130">
        <v>103</v>
      </c>
      <c r="Z16" s="131">
        <v>202</v>
      </c>
      <c r="AA16" s="132">
        <v>305</v>
      </c>
      <c r="AB16" s="133">
        <v>0</v>
      </c>
      <c r="AC16" s="131">
        <v>549</v>
      </c>
      <c r="AD16" s="131">
        <v>559</v>
      </c>
      <c r="AE16" s="131">
        <v>312</v>
      </c>
      <c r="AF16" s="131">
        <v>235</v>
      </c>
      <c r="AG16" s="131">
        <v>124</v>
      </c>
      <c r="AH16" s="132">
        <v>1779</v>
      </c>
      <c r="AI16" s="134">
        <v>2084</v>
      </c>
    </row>
    <row r="17" spans="2:35" ht="21" customHeight="1" x14ac:dyDescent="0.2">
      <c r="B17" s="106" t="s">
        <v>16</v>
      </c>
      <c r="C17" s="130">
        <v>261</v>
      </c>
      <c r="D17" s="131">
        <v>508</v>
      </c>
      <c r="E17" s="132">
        <v>769</v>
      </c>
      <c r="F17" s="133">
        <v>0</v>
      </c>
      <c r="G17" s="131">
        <v>933</v>
      </c>
      <c r="H17" s="131">
        <v>1275</v>
      </c>
      <c r="I17" s="131">
        <v>661</v>
      </c>
      <c r="J17" s="131">
        <v>538</v>
      </c>
      <c r="K17" s="131">
        <v>309</v>
      </c>
      <c r="L17" s="132">
        <v>3716</v>
      </c>
      <c r="M17" s="134">
        <v>4485</v>
      </c>
      <c r="N17" s="135">
        <v>5</v>
      </c>
      <c r="O17" s="131">
        <v>16</v>
      </c>
      <c r="P17" s="132">
        <v>21</v>
      </c>
      <c r="Q17" s="133">
        <v>0</v>
      </c>
      <c r="R17" s="131">
        <v>11</v>
      </c>
      <c r="S17" s="131">
        <v>40</v>
      </c>
      <c r="T17" s="131">
        <v>22</v>
      </c>
      <c r="U17" s="131">
        <v>16</v>
      </c>
      <c r="V17" s="131">
        <v>17</v>
      </c>
      <c r="W17" s="132">
        <v>106</v>
      </c>
      <c r="X17" s="134">
        <v>127</v>
      </c>
      <c r="Y17" s="130">
        <v>266</v>
      </c>
      <c r="Z17" s="131">
        <v>524</v>
      </c>
      <c r="AA17" s="132">
        <v>790</v>
      </c>
      <c r="AB17" s="133">
        <v>0</v>
      </c>
      <c r="AC17" s="131">
        <v>944</v>
      </c>
      <c r="AD17" s="131">
        <v>1315</v>
      </c>
      <c r="AE17" s="131">
        <v>683</v>
      </c>
      <c r="AF17" s="131">
        <v>554</v>
      </c>
      <c r="AG17" s="131">
        <v>326</v>
      </c>
      <c r="AH17" s="132">
        <v>3822</v>
      </c>
      <c r="AI17" s="134">
        <v>4612</v>
      </c>
    </row>
    <row r="18" spans="2:35" ht="21" customHeight="1" x14ac:dyDescent="0.2">
      <c r="B18" s="106" t="s">
        <v>17</v>
      </c>
      <c r="C18" s="130">
        <v>316</v>
      </c>
      <c r="D18" s="131">
        <v>657</v>
      </c>
      <c r="E18" s="132">
        <v>973</v>
      </c>
      <c r="F18" s="133">
        <v>0</v>
      </c>
      <c r="G18" s="131">
        <v>1078</v>
      </c>
      <c r="H18" s="131">
        <v>1788</v>
      </c>
      <c r="I18" s="131">
        <v>1078</v>
      </c>
      <c r="J18" s="131">
        <v>782</v>
      </c>
      <c r="K18" s="131">
        <v>416</v>
      </c>
      <c r="L18" s="132">
        <v>5142</v>
      </c>
      <c r="M18" s="134">
        <v>6115</v>
      </c>
      <c r="N18" s="135">
        <v>4</v>
      </c>
      <c r="O18" s="131">
        <v>24</v>
      </c>
      <c r="P18" s="132">
        <v>28</v>
      </c>
      <c r="Q18" s="133">
        <v>0</v>
      </c>
      <c r="R18" s="131">
        <v>21</v>
      </c>
      <c r="S18" s="131">
        <v>66</v>
      </c>
      <c r="T18" s="131">
        <v>35</v>
      </c>
      <c r="U18" s="131">
        <v>20</v>
      </c>
      <c r="V18" s="131">
        <v>20</v>
      </c>
      <c r="W18" s="132">
        <v>162</v>
      </c>
      <c r="X18" s="134">
        <v>190</v>
      </c>
      <c r="Y18" s="130">
        <v>320</v>
      </c>
      <c r="Z18" s="131">
        <v>681</v>
      </c>
      <c r="AA18" s="132">
        <v>1001</v>
      </c>
      <c r="AB18" s="133">
        <v>0</v>
      </c>
      <c r="AC18" s="131">
        <v>1099</v>
      </c>
      <c r="AD18" s="131">
        <v>1854</v>
      </c>
      <c r="AE18" s="131">
        <v>1113</v>
      </c>
      <c r="AF18" s="131">
        <v>802</v>
      </c>
      <c r="AG18" s="131">
        <v>436</v>
      </c>
      <c r="AH18" s="132">
        <v>5304</v>
      </c>
      <c r="AI18" s="134">
        <v>6305</v>
      </c>
    </row>
    <row r="19" spans="2:35" ht="21" customHeight="1" x14ac:dyDescent="0.2">
      <c r="B19" s="106" t="s">
        <v>18</v>
      </c>
      <c r="C19" s="130">
        <v>396</v>
      </c>
      <c r="D19" s="131">
        <v>730</v>
      </c>
      <c r="E19" s="132">
        <v>1126</v>
      </c>
      <c r="F19" s="133">
        <v>0</v>
      </c>
      <c r="G19" s="131">
        <v>1855</v>
      </c>
      <c r="H19" s="131">
        <v>1772</v>
      </c>
      <c r="I19" s="131">
        <v>1093</v>
      </c>
      <c r="J19" s="131">
        <v>774</v>
      </c>
      <c r="K19" s="131">
        <v>453</v>
      </c>
      <c r="L19" s="132">
        <v>5947</v>
      </c>
      <c r="M19" s="134">
        <v>7073</v>
      </c>
      <c r="N19" s="135">
        <v>14</v>
      </c>
      <c r="O19" s="131">
        <v>24</v>
      </c>
      <c r="P19" s="132">
        <v>38</v>
      </c>
      <c r="Q19" s="133">
        <v>0</v>
      </c>
      <c r="R19" s="131">
        <v>42</v>
      </c>
      <c r="S19" s="131">
        <v>64</v>
      </c>
      <c r="T19" s="131">
        <v>27</v>
      </c>
      <c r="U19" s="131">
        <v>28</v>
      </c>
      <c r="V19" s="131">
        <v>29</v>
      </c>
      <c r="W19" s="132">
        <v>190</v>
      </c>
      <c r="X19" s="134">
        <v>228</v>
      </c>
      <c r="Y19" s="130">
        <v>410</v>
      </c>
      <c r="Z19" s="131">
        <v>754</v>
      </c>
      <c r="AA19" s="132">
        <v>1164</v>
      </c>
      <c r="AB19" s="133">
        <v>0</v>
      </c>
      <c r="AC19" s="131">
        <v>1897</v>
      </c>
      <c r="AD19" s="131">
        <v>1836</v>
      </c>
      <c r="AE19" s="131">
        <v>1120</v>
      </c>
      <c r="AF19" s="131">
        <v>802</v>
      </c>
      <c r="AG19" s="131">
        <v>482</v>
      </c>
      <c r="AH19" s="132">
        <v>6137</v>
      </c>
      <c r="AI19" s="134">
        <v>7301</v>
      </c>
    </row>
    <row r="20" spans="2:35" ht="21" customHeight="1" x14ac:dyDescent="0.2">
      <c r="B20" s="106" t="s">
        <v>19</v>
      </c>
      <c r="C20" s="130">
        <v>253</v>
      </c>
      <c r="D20" s="131">
        <v>325</v>
      </c>
      <c r="E20" s="132">
        <v>578</v>
      </c>
      <c r="F20" s="133">
        <v>0</v>
      </c>
      <c r="G20" s="131">
        <v>843</v>
      </c>
      <c r="H20" s="131">
        <v>707</v>
      </c>
      <c r="I20" s="131">
        <v>428</v>
      </c>
      <c r="J20" s="131">
        <v>282</v>
      </c>
      <c r="K20" s="131">
        <v>179</v>
      </c>
      <c r="L20" s="132">
        <v>2439</v>
      </c>
      <c r="M20" s="134">
        <v>3017</v>
      </c>
      <c r="N20" s="135">
        <v>5</v>
      </c>
      <c r="O20" s="131">
        <v>10</v>
      </c>
      <c r="P20" s="132">
        <v>15</v>
      </c>
      <c r="Q20" s="133">
        <v>0</v>
      </c>
      <c r="R20" s="131">
        <v>26</v>
      </c>
      <c r="S20" s="131">
        <v>17</v>
      </c>
      <c r="T20" s="131">
        <v>13</v>
      </c>
      <c r="U20" s="131">
        <v>8</v>
      </c>
      <c r="V20" s="131">
        <v>6</v>
      </c>
      <c r="W20" s="132">
        <v>70</v>
      </c>
      <c r="X20" s="134">
        <v>85</v>
      </c>
      <c r="Y20" s="130">
        <v>258</v>
      </c>
      <c r="Z20" s="131">
        <v>335</v>
      </c>
      <c r="AA20" s="132">
        <v>593</v>
      </c>
      <c r="AB20" s="133">
        <v>0</v>
      </c>
      <c r="AC20" s="131">
        <v>869</v>
      </c>
      <c r="AD20" s="131">
        <v>724</v>
      </c>
      <c r="AE20" s="131">
        <v>441</v>
      </c>
      <c r="AF20" s="131">
        <v>290</v>
      </c>
      <c r="AG20" s="131">
        <v>185</v>
      </c>
      <c r="AH20" s="132">
        <v>2509</v>
      </c>
      <c r="AI20" s="134">
        <v>3102</v>
      </c>
    </row>
    <row r="21" spans="2:35" ht="21" customHeight="1" x14ac:dyDescent="0.2">
      <c r="B21" s="106" t="s">
        <v>20</v>
      </c>
      <c r="C21" s="130">
        <v>227</v>
      </c>
      <c r="D21" s="131">
        <v>439</v>
      </c>
      <c r="E21" s="132">
        <v>666</v>
      </c>
      <c r="F21" s="133">
        <v>0</v>
      </c>
      <c r="G21" s="131">
        <v>1190</v>
      </c>
      <c r="H21" s="131">
        <v>793</v>
      </c>
      <c r="I21" s="131">
        <v>528</v>
      </c>
      <c r="J21" s="131">
        <v>339</v>
      </c>
      <c r="K21" s="131">
        <v>194</v>
      </c>
      <c r="L21" s="132">
        <v>3044</v>
      </c>
      <c r="M21" s="134">
        <v>3710</v>
      </c>
      <c r="N21" s="135">
        <v>6</v>
      </c>
      <c r="O21" s="131">
        <v>17</v>
      </c>
      <c r="P21" s="132">
        <v>23</v>
      </c>
      <c r="Q21" s="133">
        <v>0</v>
      </c>
      <c r="R21" s="131">
        <v>23</v>
      </c>
      <c r="S21" s="131">
        <v>20</v>
      </c>
      <c r="T21" s="131">
        <v>16</v>
      </c>
      <c r="U21" s="131">
        <v>14</v>
      </c>
      <c r="V21" s="131">
        <v>10</v>
      </c>
      <c r="W21" s="132">
        <v>83</v>
      </c>
      <c r="X21" s="134">
        <v>106</v>
      </c>
      <c r="Y21" s="130">
        <v>233</v>
      </c>
      <c r="Z21" s="131">
        <v>456</v>
      </c>
      <c r="AA21" s="132">
        <v>689</v>
      </c>
      <c r="AB21" s="133">
        <v>0</v>
      </c>
      <c r="AC21" s="131">
        <v>1213</v>
      </c>
      <c r="AD21" s="131">
        <v>813</v>
      </c>
      <c r="AE21" s="131">
        <v>544</v>
      </c>
      <c r="AF21" s="131">
        <v>353</v>
      </c>
      <c r="AG21" s="131">
        <v>204</v>
      </c>
      <c r="AH21" s="132">
        <v>3127</v>
      </c>
      <c r="AI21" s="134">
        <v>3816</v>
      </c>
    </row>
    <row r="22" spans="2:35" ht="21" customHeight="1" x14ac:dyDescent="0.2">
      <c r="B22" s="106" t="s">
        <v>21</v>
      </c>
      <c r="C22" s="130">
        <v>321</v>
      </c>
      <c r="D22" s="131">
        <v>459</v>
      </c>
      <c r="E22" s="132">
        <v>780</v>
      </c>
      <c r="F22" s="133">
        <v>0</v>
      </c>
      <c r="G22" s="131">
        <v>1062</v>
      </c>
      <c r="H22" s="131">
        <v>1087</v>
      </c>
      <c r="I22" s="131">
        <v>668</v>
      </c>
      <c r="J22" s="131">
        <v>421</v>
      </c>
      <c r="K22" s="131">
        <v>249</v>
      </c>
      <c r="L22" s="132">
        <v>3487</v>
      </c>
      <c r="M22" s="134">
        <v>4267</v>
      </c>
      <c r="N22" s="135">
        <v>8</v>
      </c>
      <c r="O22" s="131">
        <v>17</v>
      </c>
      <c r="P22" s="132">
        <v>25</v>
      </c>
      <c r="Q22" s="133">
        <v>0</v>
      </c>
      <c r="R22" s="131">
        <v>7</v>
      </c>
      <c r="S22" s="131">
        <v>37</v>
      </c>
      <c r="T22" s="131">
        <v>20</v>
      </c>
      <c r="U22" s="131">
        <v>8</v>
      </c>
      <c r="V22" s="131">
        <v>10</v>
      </c>
      <c r="W22" s="132">
        <v>82</v>
      </c>
      <c r="X22" s="134">
        <v>107</v>
      </c>
      <c r="Y22" s="130">
        <v>329</v>
      </c>
      <c r="Z22" s="131">
        <v>476</v>
      </c>
      <c r="AA22" s="132">
        <v>805</v>
      </c>
      <c r="AB22" s="133">
        <v>0</v>
      </c>
      <c r="AC22" s="131">
        <v>1069</v>
      </c>
      <c r="AD22" s="131">
        <v>1124</v>
      </c>
      <c r="AE22" s="131">
        <v>688</v>
      </c>
      <c r="AF22" s="131">
        <v>429</v>
      </c>
      <c r="AG22" s="131">
        <v>259</v>
      </c>
      <c r="AH22" s="132">
        <v>3569</v>
      </c>
      <c r="AI22" s="134">
        <v>4374</v>
      </c>
    </row>
    <row r="23" spans="2:35" ht="21" customHeight="1" x14ac:dyDescent="0.2">
      <c r="B23" s="106" t="s">
        <v>22</v>
      </c>
      <c r="C23" s="130">
        <v>71</v>
      </c>
      <c r="D23" s="131">
        <v>179</v>
      </c>
      <c r="E23" s="132">
        <v>250</v>
      </c>
      <c r="F23" s="133">
        <v>0</v>
      </c>
      <c r="G23" s="131">
        <v>402</v>
      </c>
      <c r="H23" s="131">
        <v>391</v>
      </c>
      <c r="I23" s="131">
        <v>214</v>
      </c>
      <c r="J23" s="131">
        <v>164</v>
      </c>
      <c r="K23" s="131">
        <v>84</v>
      </c>
      <c r="L23" s="132">
        <v>1255</v>
      </c>
      <c r="M23" s="134">
        <v>1505</v>
      </c>
      <c r="N23" s="135">
        <v>2</v>
      </c>
      <c r="O23" s="131">
        <v>5</v>
      </c>
      <c r="P23" s="132">
        <v>7</v>
      </c>
      <c r="Q23" s="133">
        <v>0</v>
      </c>
      <c r="R23" s="131">
        <v>10</v>
      </c>
      <c r="S23" s="131">
        <v>11</v>
      </c>
      <c r="T23" s="131">
        <v>2</v>
      </c>
      <c r="U23" s="131">
        <v>1</v>
      </c>
      <c r="V23" s="131">
        <v>4</v>
      </c>
      <c r="W23" s="132">
        <v>28</v>
      </c>
      <c r="X23" s="134">
        <v>35</v>
      </c>
      <c r="Y23" s="130">
        <v>73</v>
      </c>
      <c r="Z23" s="131">
        <v>184</v>
      </c>
      <c r="AA23" s="132">
        <v>257</v>
      </c>
      <c r="AB23" s="133">
        <v>0</v>
      </c>
      <c r="AC23" s="131">
        <v>412</v>
      </c>
      <c r="AD23" s="131">
        <v>402</v>
      </c>
      <c r="AE23" s="131">
        <v>216</v>
      </c>
      <c r="AF23" s="131">
        <v>165</v>
      </c>
      <c r="AG23" s="131">
        <v>88</v>
      </c>
      <c r="AH23" s="132">
        <v>1283</v>
      </c>
      <c r="AI23" s="134">
        <v>1540</v>
      </c>
    </row>
    <row r="24" spans="2:35" ht="21" customHeight="1" x14ac:dyDescent="0.2">
      <c r="B24" s="106" t="s">
        <v>23</v>
      </c>
      <c r="C24" s="130">
        <v>146</v>
      </c>
      <c r="D24" s="131">
        <v>296</v>
      </c>
      <c r="E24" s="132">
        <v>442</v>
      </c>
      <c r="F24" s="133">
        <v>0</v>
      </c>
      <c r="G24" s="131">
        <v>622</v>
      </c>
      <c r="H24" s="131">
        <v>592</v>
      </c>
      <c r="I24" s="131">
        <v>334</v>
      </c>
      <c r="J24" s="131">
        <v>256</v>
      </c>
      <c r="K24" s="131">
        <v>130</v>
      </c>
      <c r="L24" s="132">
        <v>1934</v>
      </c>
      <c r="M24" s="134">
        <v>2376</v>
      </c>
      <c r="N24" s="135">
        <v>7</v>
      </c>
      <c r="O24" s="131">
        <v>6</v>
      </c>
      <c r="P24" s="132">
        <v>13</v>
      </c>
      <c r="Q24" s="133">
        <v>0</v>
      </c>
      <c r="R24" s="131">
        <v>8</v>
      </c>
      <c r="S24" s="131">
        <v>20</v>
      </c>
      <c r="T24" s="131">
        <v>10</v>
      </c>
      <c r="U24" s="131">
        <v>8</v>
      </c>
      <c r="V24" s="131">
        <v>4</v>
      </c>
      <c r="W24" s="132">
        <v>50</v>
      </c>
      <c r="X24" s="134">
        <v>63</v>
      </c>
      <c r="Y24" s="130">
        <v>153</v>
      </c>
      <c r="Z24" s="131">
        <v>302</v>
      </c>
      <c r="AA24" s="132">
        <v>455</v>
      </c>
      <c r="AB24" s="133">
        <v>0</v>
      </c>
      <c r="AC24" s="131">
        <v>630</v>
      </c>
      <c r="AD24" s="131">
        <v>612</v>
      </c>
      <c r="AE24" s="131">
        <v>344</v>
      </c>
      <c r="AF24" s="131">
        <v>264</v>
      </c>
      <c r="AG24" s="131">
        <v>134</v>
      </c>
      <c r="AH24" s="132">
        <v>1984</v>
      </c>
      <c r="AI24" s="134">
        <v>2439</v>
      </c>
    </row>
    <row r="25" spans="2:35" ht="21" customHeight="1" x14ac:dyDescent="0.2">
      <c r="B25" s="106" t="s">
        <v>24</v>
      </c>
      <c r="C25" s="130">
        <v>124</v>
      </c>
      <c r="D25" s="131">
        <v>142</v>
      </c>
      <c r="E25" s="132">
        <v>266</v>
      </c>
      <c r="F25" s="133">
        <v>0</v>
      </c>
      <c r="G25" s="131">
        <v>327</v>
      </c>
      <c r="H25" s="131">
        <v>267</v>
      </c>
      <c r="I25" s="131">
        <v>157</v>
      </c>
      <c r="J25" s="131">
        <v>138</v>
      </c>
      <c r="K25" s="131">
        <v>74</v>
      </c>
      <c r="L25" s="132">
        <v>963</v>
      </c>
      <c r="M25" s="134">
        <v>1229</v>
      </c>
      <c r="N25" s="135">
        <v>1</v>
      </c>
      <c r="O25" s="131">
        <v>0</v>
      </c>
      <c r="P25" s="132">
        <v>1</v>
      </c>
      <c r="Q25" s="133">
        <v>0</v>
      </c>
      <c r="R25" s="131">
        <v>4</v>
      </c>
      <c r="S25" s="131">
        <v>7</v>
      </c>
      <c r="T25" s="131">
        <v>4</v>
      </c>
      <c r="U25" s="131">
        <v>4</v>
      </c>
      <c r="V25" s="131">
        <v>4</v>
      </c>
      <c r="W25" s="132">
        <v>23</v>
      </c>
      <c r="X25" s="134">
        <v>24</v>
      </c>
      <c r="Y25" s="130">
        <v>125</v>
      </c>
      <c r="Z25" s="131">
        <v>142</v>
      </c>
      <c r="AA25" s="132">
        <v>267</v>
      </c>
      <c r="AB25" s="133">
        <v>0</v>
      </c>
      <c r="AC25" s="131">
        <v>331</v>
      </c>
      <c r="AD25" s="131">
        <v>274</v>
      </c>
      <c r="AE25" s="131">
        <v>161</v>
      </c>
      <c r="AF25" s="131">
        <v>142</v>
      </c>
      <c r="AG25" s="131">
        <v>78</v>
      </c>
      <c r="AH25" s="132">
        <v>986</v>
      </c>
      <c r="AI25" s="134">
        <v>1253</v>
      </c>
    </row>
    <row r="26" spans="2:35" ht="21" customHeight="1" x14ac:dyDescent="0.2">
      <c r="B26" s="106" t="s">
        <v>25</v>
      </c>
      <c r="C26" s="130">
        <v>115</v>
      </c>
      <c r="D26" s="131">
        <v>197</v>
      </c>
      <c r="E26" s="132">
        <v>312</v>
      </c>
      <c r="F26" s="133">
        <v>0</v>
      </c>
      <c r="G26" s="131">
        <v>390</v>
      </c>
      <c r="H26" s="131">
        <v>327</v>
      </c>
      <c r="I26" s="131">
        <v>174</v>
      </c>
      <c r="J26" s="131">
        <v>138</v>
      </c>
      <c r="K26" s="131">
        <v>68</v>
      </c>
      <c r="L26" s="132">
        <v>1097</v>
      </c>
      <c r="M26" s="134">
        <v>1409</v>
      </c>
      <c r="N26" s="135">
        <v>0</v>
      </c>
      <c r="O26" s="131">
        <v>5</v>
      </c>
      <c r="P26" s="132">
        <v>5</v>
      </c>
      <c r="Q26" s="133">
        <v>0</v>
      </c>
      <c r="R26" s="131">
        <v>4</v>
      </c>
      <c r="S26" s="131">
        <v>11</v>
      </c>
      <c r="T26" s="131">
        <v>3</v>
      </c>
      <c r="U26" s="131">
        <v>2</v>
      </c>
      <c r="V26" s="131">
        <v>4</v>
      </c>
      <c r="W26" s="132">
        <v>24</v>
      </c>
      <c r="X26" s="134">
        <v>29</v>
      </c>
      <c r="Y26" s="130">
        <v>115</v>
      </c>
      <c r="Z26" s="131">
        <v>202</v>
      </c>
      <c r="AA26" s="132">
        <v>317</v>
      </c>
      <c r="AB26" s="133">
        <v>0</v>
      </c>
      <c r="AC26" s="131">
        <v>394</v>
      </c>
      <c r="AD26" s="131">
        <v>338</v>
      </c>
      <c r="AE26" s="131">
        <v>177</v>
      </c>
      <c r="AF26" s="131">
        <v>140</v>
      </c>
      <c r="AG26" s="131">
        <v>72</v>
      </c>
      <c r="AH26" s="132">
        <v>1121</v>
      </c>
      <c r="AI26" s="134">
        <v>1438</v>
      </c>
    </row>
    <row r="27" spans="2:35" ht="21" customHeight="1" x14ac:dyDescent="0.2">
      <c r="B27" s="106" t="s">
        <v>26</v>
      </c>
      <c r="C27" s="130">
        <v>88</v>
      </c>
      <c r="D27" s="131">
        <v>133</v>
      </c>
      <c r="E27" s="132">
        <v>221</v>
      </c>
      <c r="F27" s="133">
        <v>0</v>
      </c>
      <c r="G27" s="131">
        <v>324</v>
      </c>
      <c r="H27" s="131">
        <v>289</v>
      </c>
      <c r="I27" s="131">
        <v>187</v>
      </c>
      <c r="J27" s="131">
        <v>111</v>
      </c>
      <c r="K27" s="131">
        <v>89</v>
      </c>
      <c r="L27" s="132">
        <v>1000</v>
      </c>
      <c r="M27" s="134">
        <v>1221</v>
      </c>
      <c r="N27" s="135">
        <v>2</v>
      </c>
      <c r="O27" s="131">
        <v>1</v>
      </c>
      <c r="P27" s="132">
        <v>3</v>
      </c>
      <c r="Q27" s="133">
        <v>0</v>
      </c>
      <c r="R27" s="131">
        <v>6</v>
      </c>
      <c r="S27" s="131">
        <v>4</v>
      </c>
      <c r="T27" s="131">
        <v>4</v>
      </c>
      <c r="U27" s="131">
        <v>4</v>
      </c>
      <c r="V27" s="131">
        <v>3</v>
      </c>
      <c r="W27" s="132">
        <v>21</v>
      </c>
      <c r="X27" s="134">
        <v>24</v>
      </c>
      <c r="Y27" s="130">
        <v>90</v>
      </c>
      <c r="Z27" s="131">
        <v>134</v>
      </c>
      <c r="AA27" s="132">
        <v>224</v>
      </c>
      <c r="AB27" s="133">
        <v>0</v>
      </c>
      <c r="AC27" s="131">
        <v>330</v>
      </c>
      <c r="AD27" s="131">
        <v>293</v>
      </c>
      <c r="AE27" s="131">
        <v>191</v>
      </c>
      <c r="AF27" s="131">
        <v>115</v>
      </c>
      <c r="AG27" s="131">
        <v>92</v>
      </c>
      <c r="AH27" s="132">
        <v>1021</v>
      </c>
      <c r="AI27" s="134">
        <v>1245</v>
      </c>
    </row>
    <row r="28" spans="2:35" ht="21" customHeight="1" x14ac:dyDescent="0.2">
      <c r="B28" s="106" t="s">
        <v>27</v>
      </c>
      <c r="C28" s="130">
        <v>134</v>
      </c>
      <c r="D28" s="131">
        <v>206</v>
      </c>
      <c r="E28" s="132">
        <v>340</v>
      </c>
      <c r="F28" s="133">
        <v>0</v>
      </c>
      <c r="G28" s="131">
        <v>271</v>
      </c>
      <c r="H28" s="131">
        <v>188</v>
      </c>
      <c r="I28" s="131">
        <v>144</v>
      </c>
      <c r="J28" s="131">
        <v>95</v>
      </c>
      <c r="K28" s="131">
        <v>59</v>
      </c>
      <c r="L28" s="132">
        <v>757</v>
      </c>
      <c r="M28" s="134">
        <v>1097</v>
      </c>
      <c r="N28" s="135">
        <v>5</v>
      </c>
      <c r="O28" s="131">
        <v>4</v>
      </c>
      <c r="P28" s="132">
        <v>9</v>
      </c>
      <c r="Q28" s="133">
        <v>0</v>
      </c>
      <c r="R28" s="131">
        <v>5</v>
      </c>
      <c r="S28" s="131">
        <v>5</v>
      </c>
      <c r="T28" s="131">
        <v>5</v>
      </c>
      <c r="U28" s="131">
        <v>2</v>
      </c>
      <c r="V28" s="131">
        <v>4</v>
      </c>
      <c r="W28" s="132">
        <v>21</v>
      </c>
      <c r="X28" s="134">
        <v>30</v>
      </c>
      <c r="Y28" s="130">
        <v>139</v>
      </c>
      <c r="Z28" s="131">
        <v>210</v>
      </c>
      <c r="AA28" s="132">
        <v>349</v>
      </c>
      <c r="AB28" s="133">
        <v>0</v>
      </c>
      <c r="AC28" s="131">
        <v>276</v>
      </c>
      <c r="AD28" s="131">
        <v>193</v>
      </c>
      <c r="AE28" s="131">
        <v>149</v>
      </c>
      <c r="AF28" s="131">
        <v>97</v>
      </c>
      <c r="AG28" s="131">
        <v>63</v>
      </c>
      <c r="AH28" s="132">
        <v>778</v>
      </c>
      <c r="AI28" s="134">
        <v>1127</v>
      </c>
    </row>
    <row r="29" spans="2:35" ht="21" customHeight="1" x14ac:dyDescent="0.2">
      <c r="B29" s="106" t="s">
        <v>28</v>
      </c>
      <c r="C29" s="130">
        <v>9</v>
      </c>
      <c r="D29" s="131">
        <v>23</v>
      </c>
      <c r="E29" s="132">
        <v>32</v>
      </c>
      <c r="F29" s="133">
        <v>0</v>
      </c>
      <c r="G29" s="131">
        <v>92</v>
      </c>
      <c r="H29" s="131">
        <v>100</v>
      </c>
      <c r="I29" s="131">
        <v>52</v>
      </c>
      <c r="J29" s="131">
        <v>38</v>
      </c>
      <c r="K29" s="131">
        <v>22</v>
      </c>
      <c r="L29" s="132">
        <v>304</v>
      </c>
      <c r="M29" s="134">
        <v>336</v>
      </c>
      <c r="N29" s="135">
        <v>0</v>
      </c>
      <c r="O29" s="131">
        <v>0</v>
      </c>
      <c r="P29" s="132">
        <v>0</v>
      </c>
      <c r="Q29" s="133">
        <v>0</v>
      </c>
      <c r="R29" s="131">
        <v>0</v>
      </c>
      <c r="S29" s="131">
        <v>3</v>
      </c>
      <c r="T29" s="131">
        <v>1</v>
      </c>
      <c r="U29" s="131">
        <v>0</v>
      </c>
      <c r="V29" s="131">
        <v>1</v>
      </c>
      <c r="W29" s="132">
        <v>5</v>
      </c>
      <c r="X29" s="134">
        <v>5</v>
      </c>
      <c r="Y29" s="130">
        <v>9</v>
      </c>
      <c r="Z29" s="131">
        <v>23</v>
      </c>
      <c r="AA29" s="132">
        <v>32</v>
      </c>
      <c r="AB29" s="133">
        <v>0</v>
      </c>
      <c r="AC29" s="131">
        <v>92</v>
      </c>
      <c r="AD29" s="131">
        <v>103</v>
      </c>
      <c r="AE29" s="131">
        <v>53</v>
      </c>
      <c r="AF29" s="131">
        <v>38</v>
      </c>
      <c r="AG29" s="131">
        <v>23</v>
      </c>
      <c r="AH29" s="132">
        <v>309</v>
      </c>
      <c r="AI29" s="134">
        <v>341</v>
      </c>
    </row>
    <row r="30" spans="2:35" ht="21" customHeight="1" x14ac:dyDescent="0.2">
      <c r="B30" s="106" t="s">
        <v>29</v>
      </c>
      <c r="C30" s="130">
        <v>34</v>
      </c>
      <c r="D30" s="131">
        <v>35</v>
      </c>
      <c r="E30" s="132">
        <v>69</v>
      </c>
      <c r="F30" s="133">
        <v>0</v>
      </c>
      <c r="G30" s="131">
        <v>104</v>
      </c>
      <c r="H30" s="131">
        <v>114</v>
      </c>
      <c r="I30" s="131">
        <v>75</v>
      </c>
      <c r="J30" s="131">
        <v>44</v>
      </c>
      <c r="K30" s="131">
        <v>29</v>
      </c>
      <c r="L30" s="132">
        <v>366</v>
      </c>
      <c r="M30" s="134">
        <v>435</v>
      </c>
      <c r="N30" s="135">
        <v>1</v>
      </c>
      <c r="O30" s="131">
        <v>3</v>
      </c>
      <c r="P30" s="132">
        <v>4</v>
      </c>
      <c r="Q30" s="133">
        <v>0</v>
      </c>
      <c r="R30" s="131">
        <v>2</v>
      </c>
      <c r="S30" s="131">
        <v>2</v>
      </c>
      <c r="T30" s="131">
        <v>3</v>
      </c>
      <c r="U30" s="131">
        <v>0</v>
      </c>
      <c r="V30" s="131">
        <v>2</v>
      </c>
      <c r="W30" s="132">
        <v>9</v>
      </c>
      <c r="X30" s="134">
        <v>13</v>
      </c>
      <c r="Y30" s="130">
        <v>35</v>
      </c>
      <c r="Z30" s="131">
        <v>38</v>
      </c>
      <c r="AA30" s="132">
        <v>73</v>
      </c>
      <c r="AB30" s="133">
        <v>0</v>
      </c>
      <c r="AC30" s="131">
        <v>106</v>
      </c>
      <c r="AD30" s="131">
        <v>116</v>
      </c>
      <c r="AE30" s="131">
        <v>78</v>
      </c>
      <c r="AF30" s="131">
        <v>44</v>
      </c>
      <c r="AG30" s="131">
        <v>31</v>
      </c>
      <c r="AH30" s="132">
        <v>375</v>
      </c>
      <c r="AI30" s="134">
        <v>448</v>
      </c>
    </row>
    <row r="31" spans="2:35" ht="21" customHeight="1" x14ac:dyDescent="0.2">
      <c r="B31" s="106" t="s">
        <v>30</v>
      </c>
      <c r="C31" s="130">
        <v>37</v>
      </c>
      <c r="D31" s="131">
        <v>30</v>
      </c>
      <c r="E31" s="132">
        <v>67</v>
      </c>
      <c r="F31" s="133">
        <v>0</v>
      </c>
      <c r="G31" s="131">
        <v>101</v>
      </c>
      <c r="H31" s="131">
        <v>72</v>
      </c>
      <c r="I31" s="131">
        <v>57</v>
      </c>
      <c r="J31" s="131">
        <v>43</v>
      </c>
      <c r="K31" s="131">
        <v>19</v>
      </c>
      <c r="L31" s="132">
        <v>292</v>
      </c>
      <c r="M31" s="134">
        <v>359</v>
      </c>
      <c r="N31" s="135">
        <v>1</v>
      </c>
      <c r="O31" s="131">
        <v>1</v>
      </c>
      <c r="P31" s="132">
        <v>2</v>
      </c>
      <c r="Q31" s="133">
        <v>0</v>
      </c>
      <c r="R31" s="131">
        <v>2</v>
      </c>
      <c r="S31" s="131">
        <v>3</v>
      </c>
      <c r="T31" s="131">
        <v>1</v>
      </c>
      <c r="U31" s="131">
        <v>2</v>
      </c>
      <c r="V31" s="131">
        <v>0</v>
      </c>
      <c r="W31" s="132">
        <v>8</v>
      </c>
      <c r="X31" s="134">
        <v>10</v>
      </c>
      <c r="Y31" s="130">
        <v>38</v>
      </c>
      <c r="Z31" s="131">
        <v>31</v>
      </c>
      <c r="AA31" s="132">
        <v>69</v>
      </c>
      <c r="AB31" s="133">
        <v>0</v>
      </c>
      <c r="AC31" s="131">
        <v>103</v>
      </c>
      <c r="AD31" s="131">
        <v>75</v>
      </c>
      <c r="AE31" s="131">
        <v>58</v>
      </c>
      <c r="AF31" s="131">
        <v>45</v>
      </c>
      <c r="AG31" s="131">
        <v>19</v>
      </c>
      <c r="AH31" s="132">
        <v>300</v>
      </c>
      <c r="AI31" s="134">
        <v>369</v>
      </c>
    </row>
    <row r="32" spans="2:35" ht="21" customHeight="1" x14ac:dyDescent="0.2">
      <c r="B32" s="106" t="s">
        <v>31</v>
      </c>
      <c r="C32" s="130">
        <v>27</v>
      </c>
      <c r="D32" s="131">
        <v>59</v>
      </c>
      <c r="E32" s="132">
        <v>86</v>
      </c>
      <c r="F32" s="133">
        <v>0</v>
      </c>
      <c r="G32" s="131">
        <v>107</v>
      </c>
      <c r="H32" s="131">
        <v>97</v>
      </c>
      <c r="I32" s="131">
        <v>58</v>
      </c>
      <c r="J32" s="131">
        <v>30</v>
      </c>
      <c r="K32" s="131">
        <v>19</v>
      </c>
      <c r="L32" s="132">
        <v>311</v>
      </c>
      <c r="M32" s="134">
        <v>397</v>
      </c>
      <c r="N32" s="135">
        <v>0</v>
      </c>
      <c r="O32" s="131">
        <v>3</v>
      </c>
      <c r="P32" s="132">
        <v>3</v>
      </c>
      <c r="Q32" s="133">
        <v>0</v>
      </c>
      <c r="R32" s="131">
        <v>2</v>
      </c>
      <c r="S32" s="131">
        <v>0</v>
      </c>
      <c r="T32" s="131">
        <v>0</v>
      </c>
      <c r="U32" s="131">
        <v>2</v>
      </c>
      <c r="V32" s="131">
        <v>1</v>
      </c>
      <c r="W32" s="132">
        <v>5</v>
      </c>
      <c r="X32" s="134">
        <v>8</v>
      </c>
      <c r="Y32" s="130">
        <v>27</v>
      </c>
      <c r="Z32" s="131">
        <v>62</v>
      </c>
      <c r="AA32" s="132">
        <v>89</v>
      </c>
      <c r="AB32" s="133">
        <v>0</v>
      </c>
      <c r="AC32" s="131">
        <v>109</v>
      </c>
      <c r="AD32" s="131">
        <v>97</v>
      </c>
      <c r="AE32" s="131">
        <v>58</v>
      </c>
      <c r="AF32" s="131">
        <v>32</v>
      </c>
      <c r="AG32" s="131">
        <v>20</v>
      </c>
      <c r="AH32" s="132">
        <v>316</v>
      </c>
      <c r="AI32" s="134">
        <v>405</v>
      </c>
    </row>
    <row r="33" spans="2:35" ht="21" customHeight="1" x14ac:dyDescent="0.2">
      <c r="B33" s="106" t="s">
        <v>32</v>
      </c>
      <c r="C33" s="130">
        <v>33</v>
      </c>
      <c r="D33" s="131">
        <v>67</v>
      </c>
      <c r="E33" s="132">
        <v>100</v>
      </c>
      <c r="F33" s="133">
        <v>0</v>
      </c>
      <c r="G33" s="131">
        <v>156</v>
      </c>
      <c r="H33" s="131">
        <v>120</v>
      </c>
      <c r="I33" s="131">
        <v>57</v>
      </c>
      <c r="J33" s="131">
        <v>53</v>
      </c>
      <c r="K33" s="131">
        <v>32</v>
      </c>
      <c r="L33" s="132">
        <v>418</v>
      </c>
      <c r="M33" s="134">
        <v>518</v>
      </c>
      <c r="N33" s="135">
        <v>0</v>
      </c>
      <c r="O33" s="131">
        <v>3</v>
      </c>
      <c r="P33" s="132">
        <v>3</v>
      </c>
      <c r="Q33" s="133">
        <v>0</v>
      </c>
      <c r="R33" s="131">
        <v>4</v>
      </c>
      <c r="S33" s="131">
        <v>7</v>
      </c>
      <c r="T33" s="131">
        <v>0</v>
      </c>
      <c r="U33" s="131">
        <v>2</v>
      </c>
      <c r="V33" s="131">
        <v>2</v>
      </c>
      <c r="W33" s="132">
        <v>15</v>
      </c>
      <c r="X33" s="134">
        <v>18</v>
      </c>
      <c r="Y33" s="130">
        <v>33</v>
      </c>
      <c r="Z33" s="131">
        <v>70</v>
      </c>
      <c r="AA33" s="132">
        <v>103</v>
      </c>
      <c r="AB33" s="133">
        <v>0</v>
      </c>
      <c r="AC33" s="131">
        <v>160</v>
      </c>
      <c r="AD33" s="131">
        <v>127</v>
      </c>
      <c r="AE33" s="131">
        <v>57</v>
      </c>
      <c r="AF33" s="131">
        <v>55</v>
      </c>
      <c r="AG33" s="131">
        <v>34</v>
      </c>
      <c r="AH33" s="132">
        <v>433</v>
      </c>
      <c r="AI33" s="134">
        <v>536</v>
      </c>
    </row>
    <row r="34" spans="2:35" ht="21" customHeight="1" x14ac:dyDescent="0.2">
      <c r="B34" s="106" t="s">
        <v>33</v>
      </c>
      <c r="C34" s="130">
        <v>34</v>
      </c>
      <c r="D34" s="131">
        <v>56</v>
      </c>
      <c r="E34" s="132">
        <v>90</v>
      </c>
      <c r="F34" s="133">
        <v>0</v>
      </c>
      <c r="G34" s="131">
        <v>142</v>
      </c>
      <c r="H34" s="131">
        <v>82</v>
      </c>
      <c r="I34" s="131">
        <v>65</v>
      </c>
      <c r="J34" s="131">
        <v>32</v>
      </c>
      <c r="K34" s="131">
        <v>24</v>
      </c>
      <c r="L34" s="132">
        <v>345</v>
      </c>
      <c r="M34" s="134">
        <v>435</v>
      </c>
      <c r="N34" s="135">
        <v>0</v>
      </c>
      <c r="O34" s="131">
        <v>0</v>
      </c>
      <c r="P34" s="132">
        <v>0</v>
      </c>
      <c r="Q34" s="133">
        <v>0</v>
      </c>
      <c r="R34" s="131">
        <v>2</v>
      </c>
      <c r="S34" s="131">
        <v>1</v>
      </c>
      <c r="T34" s="131">
        <v>0</v>
      </c>
      <c r="U34" s="131">
        <v>0</v>
      </c>
      <c r="V34" s="131">
        <v>1</v>
      </c>
      <c r="W34" s="132">
        <v>4</v>
      </c>
      <c r="X34" s="134">
        <v>4</v>
      </c>
      <c r="Y34" s="130">
        <v>34</v>
      </c>
      <c r="Z34" s="131">
        <v>56</v>
      </c>
      <c r="AA34" s="132">
        <v>90</v>
      </c>
      <c r="AB34" s="133">
        <v>0</v>
      </c>
      <c r="AC34" s="131">
        <v>144</v>
      </c>
      <c r="AD34" s="131">
        <v>83</v>
      </c>
      <c r="AE34" s="131">
        <v>65</v>
      </c>
      <c r="AF34" s="131">
        <v>32</v>
      </c>
      <c r="AG34" s="131">
        <v>25</v>
      </c>
      <c r="AH34" s="132">
        <v>349</v>
      </c>
      <c r="AI34" s="134">
        <v>439</v>
      </c>
    </row>
    <row r="35" spans="2:35" ht="21" customHeight="1" x14ac:dyDescent="0.2">
      <c r="B35" s="106" t="s">
        <v>34</v>
      </c>
      <c r="C35" s="130">
        <v>20</v>
      </c>
      <c r="D35" s="131">
        <v>30</v>
      </c>
      <c r="E35" s="132">
        <v>50</v>
      </c>
      <c r="F35" s="133">
        <v>0</v>
      </c>
      <c r="G35" s="131">
        <v>109</v>
      </c>
      <c r="H35" s="131">
        <v>65</v>
      </c>
      <c r="I35" s="131">
        <v>35</v>
      </c>
      <c r="J35" s="131">
        <v>24</v>
      </c>
      <c r="K35" s="131">
        <v>17</v>
      </c>
      <c r="L35" s="132">
        <v>250</v>
      </c>
      <c r="M35" s="134">
        <v>300</v>
      </c>
      <c r="N35" s="135">
        <v>0</v>
      </c>
      <c r="O35" s="131">
        <v>0</v>
      </c>
      <c r="P35" s="132">
        <v>0</v>
      </c>
      <c r="Q35" s="133">
        <v>0</v>
      </c>
      <c r="R35" s="131">
        <v>3</v>
      </c>
      <c r="S35" s="131">
        <v>2</v>
      </c>
      <c r="T35" s="131">
        <v>1</v>
      </c>
      <c r="U35" s="131">
        <v>1</v>
      </c>
      <c r="V35" s="131">
        <v>1</v>
      </c>
      <c r="W35" s="132">
        <v>8</v>
      </c>
      <c r="X35" s="134">
        <v>8</v>
      </c>
      <c r="Y35" s="130">
        <v>20</v>
      </c>
      <c r="Z35" s="131">
        <v>30</v>
      </c>
      <c r="AA35" s="132">
        <v>50</v>
      </c>
      <c r="AB35" s="133">
        <v>0</v>
      </c>
      <c r="AC35" s="131">
        <v>112</v>
      </c>
      <c r="AD35" s="131">
        <v>67</v>
      </c>
      <c r="AE35" s="131">
        <v>36</v>
      </c>
      <c r="AF35" s="131">
        <v>25</v>
      </c>
      <c r="AG35" s="131">
        <v>18</v>
      </c>
      <c r="AH35" s="132">
        <v>258</v>
      </c>
      <c r="AI35" s="134">
        <v>308</v>
      </c>
    </row>
    <row r="36" spans="2:35" ht="21" customHeight="1" x14ac:dyDescent="0.2">
      <c r="B36" s="106" t="s">
        <v>35</v>
      </c>
      <c r="C36" s="130">
        <v>90</v>
      </c>
      <c r="D36" s="131">
        <v>134</v>
      </c>
      <c r="E36" s="132">
        <v>224</v>
      </c>
      <c r="F36" s="133">
        <v>0</v>
      </c>
      <c r="G36" s="131">
        <v>376</v>
      </c>
      <c r="H36" s="131">
        <v>198</v>
      </c>
      <c r="I36" s="131">
        <v>143</v>
      </c>
      <c r="J36" s="131">
        <v>113</v>
      </c>
      <c r="K36" s="131">
        <v>59</v>
      </c>
      <c r="L36" s="132">
        <v>889</v>
      </c>
      <c r="M36" s="134">
        <v>1113</v>
      </c>
      <c r="N36" s="135">
        <v>0</v>
      </c>
      <c r="O36" s="131">
        <v>2</v>
      </c>
      <c r="P36" s="132">
        <v>2</v>
      </c>
      <c r="Q36" s="133">
        <v>0</v>
      </c>
      <c r="R36" s="131">
        <v>5</v>
      </c>
      <c r="S36" s="131">
        <v>6</v>
      </c>
      <c r="T36" s="131">
        <v>2</v>
      </c>
      <c r="U36" s="131">
        <v>2</v>
      </c>
      <c r="V36" s="131">
        <v>2</v>
      </c>
      <c r="W36" s="132">
        <v>17</v>
      </c>
      <c r="X36" s="134">
        <v>19</v>
      </c>
      <c r="Y36" s="130">
        <v>90</v>
      </c>
      <c r="Z36" s="131">
        <v>136</v>
      </c>
      <c r="AA36" s="132">
        <v>226</v>
      </c>
      <c r="AB36" s="133">
        <v>0</v>
      </c>
      <c r="AC36" s="131">
        <v>381</v>
      </c>
      <c r="AD36" s="131">
        <v>204</v>
      </c>
      <c r="AE36" s="131">
        <v>145</v>
      </c>
      <c r="AF36" s="131">
        <v>115</v>
      </c>
      <c r="AG36" s="131">
        <v>61</v>
      </c>
      <c r="AH36" s="132">
        <v>906</v>
      </c>
      <c r="AI36" s="134">
        <v>1132</v>
      </c>
    </row>
    <row r="37" spans="2:35" ht="21" customHeight="1" x14ac:dyDescent="0.2">
      <c r="B37" s="106" t="s">
        <v>36</v>
      </c>
      <c r="C37" s="130">
        <v>52</v>
      </c>
      <c r="D37" s="131">
        <v>136</v>
      </c>
      <c r="E37" s="132">
        <v>188</v>
      </c>
      <c r="F37" s="133">
        <v>0</v>
      </c>
      <c r="G37" s="131">
        <v>286</v>
      </c>
      <c r="H37" s="131">
        <v>304</v>
      </c>
      <c r="I37" s="131">
        <v>173</v>
      </c>
      <c r="J37" s="131">
        <v>93</v>
      </c>
      <c r="K37" s="131">
        <v>84</v>
      </c>
      <c r="L37" s="132">
        <v>940</v>
      </c>
      <c r="M37" s="134">
        <v>1128</v>
      </c>
      <c r="N37" s="135">
        <v>1</v>
      </c>
      <c r="O37" s="131">
        <v>3</v>
      </c>
      <c r="P37" s="132">
        <v>4</v>
      </c>
      <c r="Q37" s="133">
        <v>0</v>
      </c>
      <c r="R37" s="131">
        <v>6</v>
      </c>
      <c r="S37" s="131">
        <v>6</v>
      </c>
      <c r="T37" s="131">
        <v>6</v>
      </c>
      <c r="U37" s="131">
        <v>4</v>
      </c>
      <c r="V37" s="131">
        <v>4</v>
      </c>
      <c r="W37" s="132">
        <v>26</v>
      </c>
      <c r="X37" s="134">
        <v>30</v>
      </c>
      <c r="Y37" s="130">
        <v>53</v>
      </c>
      <c r="Z37" s="131">
        <v>139</v>
      </c>
      <c r="AA37" s="132">
        <v>192</v>
      </c>
      <c r="AB37" s="133">
        <v>0</v>
      </c>
      <c r="AC37" s="131">
        <v>292</v>
      </c>
      <c r="AD37" s="131">
        <v>310</v>
      </c>
      <c r="AE37" s="131">
        <v>179</v>
      </c>
      <c r="AF37" s="131">
        <v>97</v>
      </c>
      <c r="AG37" s="131">
        <v>88</v>
      </c>
      <c r="AH37" s="132">
        <v>966</v>
      </c>
      <c r="AI37" s="134">
        <v>1158</v>
      </c>
    </row>
    <row r="38" spans="2:35" ht="21" customHeight="1" thickBot="1" x14ac:dyDescent="0.25">
      <c r="B38" s="108" t="s">
        <v>37</v>
      </c>
      <c r="C38" s="136">
        <v>18</v>
      </c>
      <c r="D38" s="137">
        <v>2</v>
      </c>
      <c r="E38" s="138">
        <v>20</v>
      </c>
      <c r="F38" s="139">
        <v>0</v>
      </c>
      <c r="G38" s="137">
        <v>30</v>
      </c>
      <c r="H38" s="137">
        <v>20</v>
      </c>
      <c r="I38" s="137">
        <v>19</v>
      </c>
      <c r="J38" s="137">
        <v>14</v>
      </c>
      <c r="K38" s="137">
        <v>6</v>
      </c>
      <c r="L38" s="138">
        <v>89</v>
      </c>
      <c r="M38" s="140">
        <v>109</v>
      </c>
      <c r="N38" s="141">
        <v>0</v>
      </c>
      <c r="O38" s="137">
        <v>0</v>
      </c>
      <c r="P38" s="138">
        <v>0</v>
      </c>
      <c r="Q38" s="139">
        <v>0</v>
      </c>
      <c r="R38" s="137">
        <v>0</v>
      </c>
      <c r="S38" s="137">
        <v>3</v>
      </c>
      <c r="T38" s="137">
        <v>0</v>
      </c>
      <c r="U38" s="137">
        <v>1</v>
      </c>
      <c r="V38" s="137">
        <v>0</v>
      </c>
      <c r="W38" s="138">
        <v>4</v>
      </c>
      <c r="X38" s="140">
        <v>4</v>
      </c>
      <c r="Y38" s="136">
        <v>18</v>
      </c>
      <c r="Z38" s="137">
        <v>2</v>
      </c>
      <c r="AA38" s="138">
        <v>20</v>
      </c>
      <c r="AB38" s="139">
        <v>0</v>
      </c>
      <c r="AC38" s="137">
        <v>30</v>
      </c>
      <c r="AD38" s="137">
        <v>23</v>
      </c>
      <c r="AE38" s="137">
        <v>19</v>
      </c>
      <c r="AF38" s="137">
        <v>15</v>
      </c>
      <c r="AG38" s="137">
        <v>6</v>
      </c>
      <c r="AH38" s="138">
        <v>93</v>
      </c>
      <c r="AI38" s="140">
        <v>113</v>
      </c>
    </row>
    <row r="39" spans="2:35" x14ac:dyDescent="0.2">
      <c r="AA39" s="11"/>
      <c r="AB39" s="11"/>
      <c r="AC39" s="11"/>
      <c r="AD39" s="11"/>
      <c r="AE39" s="11"/>
      <c r="AF39" s="11"/>
      <c r="AG39" s="11"/>
      <c r="AH39" s="11"/>
      <c r="AI39" s="1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1">
        <f>第１表!F2</f>
        <v>6</v>
      </c>
      <c r="J1" s="441"/>
      <c r="K1" s="18">
        <f>第１表!G2</f>
        <v>6</v>
      </c>
      <c r="L1" s="458">
        <f>IF(K1&lt;3,K1+12-2,K1-2)</f>
        <v>4</v>
      </c>
      <c r="M1" s="458"/>
    </row>
    <row r="2" spans="2:156" ht="24" customHeight="1" thickBot="1" x14ac:dyDescent="0.25">
      <c r="B2" s="142" t="s">
        <v>135</v>
      </c>
      <c r="G2" s="17"/>
      <c r="H2" s="18"/>
      <c r="J2" s="68"/>
      <c r="K2" s="68"/>
    </row>
    <row r="3" spans="2:156" ht="21" customHeight="1" thickBot="1" x14ac:dyDescent="0.25">
      <c r="B3" s="459"/>
      <c r="C3" s="449" t="s">
        <v>70</v>
      </c>
      <c r="D3" s="450"/>
      <c r="E3" s="450"/>
      <c r="F3" s="450"/>
      <c r="G3" s="450"/>
      <c r="H3" s="450"/>
      <c r="I3" s="450"/>
      <c r="J3" s="450"/>
      <c r="K3" s="450"/>
      <c r="L3" s="450"/>
      <c r="M3" s="451"/>
      <c r="N3" s="449" t="s">
        <v>71</v>
      </c>
      <c r="O3" s="450"/>
      <c r="P3" s="450"/>
      <c r="Q3" s="450"/>
      <c r="R3" s="450"/>
      <c r="S3" s="450"/>
      <c r="T3" s="450"/>
      <c r="U3" s="450"/>
      <c r="V3" s="450"/>
      <c r="W3" s="450"/>
      <c r="X3" s="451"/>
      <c r="Y3" s="449" t="s">
        <v>72</v>
      </c>
      <c r="Z3" s="450"/>
      <c r="AA3" s="450"/>
      <c r="AB3" s="450"/>
      <c r="AC3" s="450"/>
      <c r="AD3" s="450"/>
      <c r="AE3" s="450"/>
      <c r="AF3" s="450"/>
      <c r="AG3" s="450"/>
      <c r="AH3" s="450"/>
      <c r="AI3" s="451"/>
      <c r="AJ3" s="449" t="s">
        <v>73</v>
      </c>
      <c r="AK3" s="450"/>
      <c r="AL3" s="450"/>
      <c r="AM3" s="450"/>
      <c r="AN3" s="450"/>
      <c r="AO3" s="450"/>
      <c r="AP3" s="450"/>
      <c r="AQ3" s="450"/>
      <c r="AR3" s="450"/>
      <c r="AS3" s="450"/>
      <c r="AT3" s="451"/>
      <c r="AU3" s="449" t="s">
        <v>74</v>
      </c>
      <c r="AV3" s="450"/>
      <c r="AW3" s="450"/>
      <c r="AX3" s="450"/>
      <c r="AY3" s="450"/>
      <c r="AZ3" s="450"/>
      <c r="BA3" s="450"/>
      <c r="BB3" s="450"/>
      <c r="BC3" s="450"/>
      <c r="BD3" s="450"/>
      <c r="BE3" s="451"/>
      <c r="BF3" s="449" t="s">
        <v>75</v>
      </c>
      <c r="BG3" s="450"/>
      <c r="BH3" s="450"/>
      <c r="BI3" s="450"/>
      <c r="BJ3" s="450"/>
      <c r="BK3" s="450"/>
      <c r="BL3" s="450"/>
      <c r="BM3" s="450"/>
      <c r="BN3" s="450"/>
      <c r="BO3" s="450"/>
      <c r="BP3" s="451"/>
      <c r="BQ3" s="449" t="s">
        <v>76</v>
      </c>
      <c r="BR3" s="450"/>
      <c r="BS3" s="450"/>
      <c r="BT3" s="450"/>
      <c r="BU3" s="450"/>
      <c r="BV3" s="450"/>
      <c r="BW3" s="450"/>
      <c r="BX3" s="450"/>
      <c r="BY3" s="450"/>
      <c r="BZ3" s="450"/>
      <c r="CA3" s="451"/>
      <c r="CB3" s="449" t="s">
        <v>77</v>
      </c>
      <c r="CC3" s="450"/>
      <c r="CD3" s="450"/>
      <c r="CE3" s="450"/>
      <c r="CF3" s="450"/>
      <c r="CG3" s="450"/>
      <c r="CH3" s="450"/>
      <c r="CI3" s="450"/>
      <c r="CJ3" s="450"/>
      <c r="CK3" s="450"/>
      <c r="CL3" s="451"/>
      <c r="CM3" s="449" t="s">
        <v>78</v>
      </c>
      <c r="CN3" s="450"/>
      <c r="CO3" s="450"/>
      <c r="CP3" s="450"/>
      <c r="CQ3" s="450"/>
      <c r="CR3" s="450"/>
      <c r="CS3" s="450"/>
      <c r="CT3" s="450"/>
      <c r="CU3" s="450"/>
      <c r="CV3" s="450"/>
      <c r="CW3" s="451"/>
      <c r="CX3" s="449" t="s">
        <v>79</v>
      </c>
      <c r="CY3" s="450"/>
      <c r="CZ3" s="450"/>
      <c r="DA3" s="450"/>
      <c r="DB3" s="450"/>
      <c r="DC3" s="450"/>
      <c r="DD3" s="450"/>
      <c r="DE3" s="450"/>
      <c r="DF3" s="450"/>
      <c r="DG3" s="450"/>
      <c r="DH3" s="451"/>
      <c r="DI3" s="449" t="s">
        <v>149</v>
      </c>
      <c r="DJ3" s="450"/>
      <c r="DK3" s="450"/>
      <c r="DL3" s="450"/>
      <c r="DM3" s="450"/>
      <c r="DN3" s="450"/>
      <c r="DO3" s="450"/>
      <c r="DP3" s="450"/>
      <c r="DQ3" s="450"/>
      <c r="DR3" s="450"/>
      <c r="DS3" s="451"/>
      <c r="DT3" s="449" t="s">
        <v>80</v>
      </c>
      <c r="DU3" s="450"/>
      <c r="DV3" s="450"/>
      <c r="DW3" s="450"/>
      <c r="DX3" s="450"/>
      <c r="DY3" s="450"/>
      <c r="DZ3" s="450"/>
      <c r="EA3" s="450"/>
      <c r="EB3" s="450"/>
      <c r="EC3" s="450"/>
      <c r="ED3" s="451"/>
      <c r="EE3" s="449" t="s">
        <v>68</v>
      </c>
      <c r="EF3" s="450"/>
      <c r="EG3" s="450"/>
      <c r="EH3" s="450"/>
      <c r="EI3" s="450"/>
      <c r="EJ3" s="450"/>
      <c r="EK3" s="450"/>
      <c r="EL3" s="450"/>
      <c r="EM3" s="450"/>
      <c r="EN3" s="450"/>
      <c r="EO3" s="451"/>
      <c r="EP3" s="446" t="s">
        <v>69</v>
      </c>
      <c r="EQ3" s="447"/>
      <c r="ER3" s="447"/>
      <c r="ES3" s="447"/>
      <c r="ET3" s="447"/>
      <c r="EU3" s="447"/>
      <c r="EV3" s="447"/>
      <c r="EW3" s="447"/>
      <c r="EX3" s="447"/>
      <c r="EY3" s="447"/>
      <c r="EZ3" s="448"/>
    </row>
    <row r="4" spans="2:156" ht="21" customHeight="1" x14ac:dyDescent="0.2">
      <c r="B4" s="460"/>
      <c r="C4" s="457" t="s">
        <v>61</v>
      </c>
      <c r="D4" s="453"/>
      <c r="E4" s="454"/>
      <c r="F4" s="452" t="s">
        <v>62</v>
      </c>
      <c r="G4" s="453"/>
      <c r="H4" s="453"/>
      <c r="I4" s="453"/>
      <c r="J4" s="453"/>
      <c r="K4" s="453"/>
      <c r="L4" s="462"/>
      <c r="M4" s="455" t="s">
        <v>52</v>
      </c>
      <c r="N4" s="457" t="s">
        <v>61</v>
      </c>
      <c r="O4" s="453"/>
      <c r="P4" s="454"/>
      <c r="Q4" s="452" t="s">
        <v>62</v>
      </c>
      <c r="R4" s="453"/>
      <c r="S4" s="453"/>
      <c r="T4" s="453"/>
      <c r="U4" s="453"/>
      <c r="V4" s="453"/>
      <c r="W4" s="454"/>
      <c r="X4" s="455" t="s">
        <v>52</v>
      </c>
      <c r="Y4" s="457" t="s">
        <v>61</v>
      </c>
      <c r="Z4" s="453"/>
      <c r="AA4" s="454"/>
      <c r="AB4" s="452" t="s">
        <v>62</v>
      </c>
      <c r="AC4" s="453"/>
      <c r="AD4" s="453"/>
      <c r="AE4" s="453"/>
      <c r="AF4" s="453"/>
      <c r="AG4" s="453"/>
      <c r="AH4" s="454"/>
      <c r="AI4" s="455" t="s">
        <v>52</v>
      </c>
      <c r="AJ4" s="457" t="s">
        <v>61</v>
      </c>
      <c r="AK4" s="453"/>
      <c r="AL4" s="454"/>
      <c r="AM4" s="452" t="s">
        <v>62</v>
      </c>
      <c r="AN4" s="453"/>
      <c r="AO4" s="453"/>
      <c r="AP4" s="453"/>
      <c r="AQ4" s="453"/>
      <c r="AR4" s="453"/>
      <c r="AS4" s="454"/>
      <c r="AT4" s="455" t="s">
        <v>52</v>
      </c>
      <c r="AU4" s="457" t="s">
        <v>61</v>
      </c>
      <c r="AV4" s="453"/>
      <c r="AW4" s="454"/>
      <c r="AX4" s="452" t="s">
        <v>62</v>
      </c>
      <c r="AY4" s="453"/>
      <c r="AZ4" s="453"/>
      <c r="BA4" s="453"/>
      <c r="BB4" s="453"/>
      <c r="BC4" s="453"/>
      <c r="BD4" s="462"/>
      <c r="BE4" s="455" t="s">
        <v>52</v>
      </c>
      <c r="BF4" s="457" t="s">
        <v>61</v>
      </c>
      <c r="BG4" s="453"/>
      <c r="BH4" s="454"/>
      <c r="BI4" s="452" t="s">
        <v>62</v>
      </c>
      <c r="BJ4" s="453"/>
      <c r="BK4" s="453"/>
      <c r="BL4" s="453"/>
      <c r="BM4" s="453"/>
      <c r="BN4" s="453"/>
      <c r="BO4" s="454"/>
      <c r="BP4" s="455" t="s">
        <v>52</v>
      </c>
      <c r="BQ4" s="457" t="s">
        <v>61</v>
      </c>
      <c r="BR4" s="453"/>
      <c r="BS4" s="454"/>
      <c r="BT4" s="452" t="s">
        <v>62</v>
      </c>
      <c r="BU4" s="453"/>
      <c r="BV4" s="453"/>
      <c r="BW4" s="453"/>
      <c r="BX4" s="453"/>
      <c r="BY4" s="453"/>
      <c r="BZ4" s="454"/>
      <c r="CA4" s="455" t="s">
        <v>52</v>
      </c>
      <c r="CB4" s="457" t="s">
        <v>61</v>
      </c>
      <c r="CC4" s="453"/>
      <c r="CD4" s="454"/>
      <c r="CE4" s="452" t="s">
        <v>62</v>
      </c>
      <c r="CF4" s="453"/>
      <c r="CG4" s="453"/>
      <c r="CH4" s="453"/>
      <c r="CI4" s="453"/>
      <c r="CJ4" s="453"/>
      <c r="CK4" s="454"/>
      <c r="CL4" s="455" t="s">
        <v>52</v>
      </c>
      <c r="CM4" s="457" t="s">
        <v>61</v>
      </c>
      <c r="CN4" s="453"/>
      <c r="CO4" s="454"/>
      <c r="CP4" s="452" t="s">
        <v>62</v>
      </c>
      <c r="CQ4" s="453"/>
      <c r="CR4" s="453"/>
      <c r="CS4" s="453"/>
      <c r="CT4" s="453"/>
      <c r="CU4" s="453"/>
      <c r="CV4" s="454"/>
      <c r="CW4" s="455" t="s">
        <v>52</v>
      </c>
      <c r="CX4" s="457" t="s">
        <v>61</v>
      </c>
      <c r="CY4" s="453"/>
      <c r="CZ4" s="454"/>
      <c r="DA4" s="452" t="s">
        <v>62</v>
      </c>
      <c r="DB4" s="453"/>
      <c r="DC4" s="453"/>
      <c r="DD4" s="453"/>
      <c r="DE4" s="453"/>
      <c r="DF4" s="453"/>
      <c r="DG4" s="454"/>
      <c r="DH4" s="455" t="s">
        <v>52</v>
      </c>
      <c r="DI4" s="457" t="s">
        <v>61</v>
      </c>
      <c r="DJ4" s="453"/>
      <c r="DK4" s="454"/>
      <c r="DL4" s="452" t="s">
        <v>62</v>
      </c>
      <c r="DM4" s="453"/>
      <c r="DN4" s="453"/>
      <c r="DO4" s="453"/>
      <c r="DP4" s="453"/>
      <c r="DQ4" s="453"/>
      <c r="DR4" s="454"/>
      <c r="DS4" s="455" t="s">
        <v>52</v>
      </c>
      <c r="DT4" s="457" t="s">
        <v>61</v>
      </c>
      <c r="DU4" s="453"/>
      <c r="DV4" s="454"/>
      <c r="DW4" s="452" t="s">
        <v>62</v>
      </c>
      <c r="DX4" s="453"/>
      <c r="DY4" s="453"/>
      <c r="DZ4" s="453"/>
      <c r="EA4" s="453"/>
      <c r="EB4" s="453"/>
      <c r="EC4" s="454"/>
      <c r="ED4" s="455" t="s">
        <v>52</v>
      </c>
      <c r="EE4" s="457" t="s">
        <v>61</v>
      </c>
      <c r="EF4" s="453"/>
      <c r="EG4" s="454"/>
      <c r="EH4" s="452" t="s">
        <v>62</v>
      </c>
      <c r="EI4" s="453"/>
      <c r="EJ4" s="453"/>
      <c r="EK4" s="453"/>
      <c r="EL4" s="453"/>
      <c r="EM4" s="453"/>
      <c r="EN4" s="454"/>
      <c r="EO4" s="455" t="s">
        <v>52</v>
      </c>
      <c r="EP4" s="457" t="s">
        <v>61</v>
      </c>
      <c r="EQ4" s="453"/>
      <c r="ER4" s="454"/>
      <c r="ES4" s="452" t="s">
        <v>62</v>
      </c>
      <c r="ET4" s="453"/>
      <c r="EU4" s="453"/>
      <c r="EV4" s="453"/>
      <c r="EW4" s="453"/>
      <c r="EX4" s="453"/>
      <c r="EY4" s="454"/>
      <c r="EZ4" s="455" t="s">
        <v>52</v>
      </c>
    </row>
    <row r="5" spans="2:156" ht="30" customHeight="1" thickBot="1" x14ac:dyDescent="0.25">
      <c r="B5" s="461"/>
      <c r="C5" s="144" t="s">
        <v>43</v>
      </c>
      <c r="D5" s="145" t="s">
        <v>44</v>
      </c>
      <c r="E5" s="146" t="s">
        <v>45</v>
      </c>
      <c r="F5" s="147" t="s">
        <v>83</v>
      </c>
      <c r="G5" s="145" t="s">
        <v>47</v>
      </c>
      <c r="H5" s="145" t="s">
        <v>48</v>
      </c>
      <c r="I5" s="145" t="s">
        <v>49</v>
      </c>
      <c r="J5" s="145" t="s">
        <v>50</v>
      </c>
      <c r="K5" s="145" t="s">
        <v>51</v>
      </c>
      <c r="L5" s="148" t="s">
        <v>45</v>
      </c>
      <c r="M5" s="456"/>
      <c r="N5" s="144" t="s">
        <v>43</v>
      </c>
      <c r="O5" s="145" t="s">
        <v>44</v>
      </c>
      <c r="P5" s="149" t="s">
        <v>45</v>
      </c>
      <c r="Q5" s="147" t="s">
        <v>83</v>
      </c>
      <c r="R5" s="145" t="s">
        <v>47</v>
      </c>
      <c r="S5" s="145" t="s">
        <v>48</v>
      </c>
      <c r="T5" s="145" t="s">
        <v>49</v>
      </c>
      <c r="U5" s="145" t="s">
        <v>50</v>
      </c>
      <c r="V5" s="145" t="s">
        <v>51</v>
      </c>
      <c r="W5" s="149" t="s">
        <v>45</v>
      </c>
      <c r="X5" s="456"/>
      <c r="Y5" s="144" t="s">
        <v>43</v>
      </c>
      <c r="Z5" s="145" t="s">
        <v>44</v>
      </c>
      <c r="AA5" s="149" t="s">
        <v>45</v>
      </c>
      <c r="AB5" s="147" t="s">
        <v>83</v>
      </c>
      <c r="AC5" s="145" t="s">
        <v>47</v>
      </c>
      <c r="AD5" s="145" t="s">
        <v>48</v>
      </c>
      <c r="AE5" s="145" t="s">
        <v>49</v>
      </c>
      <c r="AF5" s="145" t="s">
        <v>50</v>
      </c>
      <c r="AG5" s="145" t="s">
        <v>51</v>
      </c>
      <c r="AH5" s="149" t="s">
        <v>45</v>
      </c>
      <c r="AI5" s="456"/>
      <c r="AJ5" s="144" t="s">
        <v>43</v>
      </c>
      <c r="AK5" s="145" t="s">
        <v>44</v>
      </c>
      <c r="AL5" s="149" t="s">
        <v>45</v>
      </c>
      <c r="AM5" s="147" t="s">
        <v>83</v>
      </c>
      <c r="AN5" s="145" t="s">
        <v>47</v>
      </c>
      <c r="AO5" s="145" t="s">
        <v>48</v>
      </c>
      <c r="AP5" s="145" t="s">
        <v>49</v>
      </c>
      <c r="AQ5" s="145" t="s">
        <v>50</v>
      </c>
      <c r="AR5" s="145" t="s">
        <v>51</v>
      </c>
      <c r="AS5" s="149" t="s">
        <v>45</v>
      </c>
      <c r="AT5" s="456"/>
      <c r="AU5" s="144" t="s">
        <v>43</v>
      </c>
      <c r="AV5" s="145" t="s">
        <v>44</v>
      </c>
      <c r="AW5" s="149" t="s">
        <v>45</v>
      </c>
      <c r="AX5" s="147" t="s">
        <v>83</v>
      </c>
      <c r="AY5" s="145" t="s">
        <v>47</v>
      </c>
      <c r="AZ5" s="145" t="s">
        <v>48</v>
      </c>
      <c r="BA5" s="145" t="s">
        <v>49</v>
      </c>
      <c r="BB5" s="145" t="s">
        <v>50</v>
      </c>
      <c r="BC5" s="145" t="s">
        <v>51</v>
      </c>
      <c r="BD5" s="148" t="s">
        <v>45</v>
      </c>
      <c r="BE5" s="456"/>
      <c r="BF5" s="144" t="s">
        <v>43</v>
      </c>
      <c r="BG5" s="145" t="s">
        <v>44</v>
      </c>
      <c r="BH5" s="149" t="s">
        <v>45</v>
      </c>
      <c r="BI5" s="147" t="s">
        <v>83</v>
      </c>
      <c r="BJ5" s="145" t="s">
        <v>47</v>
      </c>
      <c r="BK5" s="145" t="s">
        <v>48</v>
      </c>
      <c r="BL5" s="145" t="s">
        <v>49</v>
      </c>
      <c r="BM5" s="145" t="s">
        <v>50</v>
      </c>
      <c r="BN5" s="145" t="s">
        <v>51</v>
      </c>
      <c r="BO5" s="149" t="s">
        <v>45</v>
      </c>
      <c r="BP5" s="456"/>
      <c r="BQ5" s="144" t="s">
        <v>43</v>
      </c>
      <c r="BR5" s="145" t="s">
        <v>44</v>
      </c>
      <c r="BS5" s="149" t="s">
        <v>45</v>
      </c>
      <c r="BT5" s="147" t="s">
        <v>83</v>
      </c>
      <c r="BU5" s="145" t="s">
        <v>47</v>
      </c>
      <c r="BV5" s="145" t="s">
        <v>48</v>
      </c>
      <c r="BW5" s="145" t="s">
        <v>49</v>
      </c>
      <c r="BX5" s="145" t="s">
        <v>50</v>
      </c>
      <c r="BY5" s="145" t="s">
        <v>51</v>
      </c>
      <c r="BZ5" s="149" t="s">
        <v>45</v>
      </c>
      <c r="CA5" s="456"/>
      <c r="CB5" s="144" t="s">
        <v>43</v>
      </c>
      <c r="CC5" s="145" t="s">
        <v>44</v>
      </c>
      <c r="CD5" s="149" t="s">
        <v>45</v>
      </c>
      <c r="CE5" s="147" t="s">
        <v>83</v>
      </c>
      <c r="CF5" s="145" t="s">
        <v>47</v>
      </c>
      <c r="CG5" s="145" t="s">
        <v>48</v>
      </c>
      <c r="CH5" s="145" t="s">
        <v>49</v>
      </c>
      <c r="CI5" s="145" t="s">
        <v>50</v>
      </c>
      <c r="CJ5" s="145" t="s">
        <v>51</v>
      </c>
      <c r="CK5" s="149" t="s">
        <v>45</v>
      </c>
      <c r="CL5" s="456"/>
      <c r="CM5" s="144" t="s">
        <v>43</v>
      </c>
      <c r="CN5" s="145" t="s">
        <v>44</v>
      </c>
      <c r="CO5" s="149" t="s">
        <v>45</v>
      </c>
      <c r="CP5" s="147" t="s">
        <v>83</v>
      </c>
      <c r="CQ5" s="145" t="s">
        <v>47</v>
      </c>
      <c r="CR5" s="145" t="s">
        <v>48</v>
      </c>
      <c r="CS5" s="145" t="s">
        <v>49</v>
      </c>
      <c r="CT5" s="145" t="s">
        <v>50</v>
      </c>
      <c r="CU5" s="145" t="s">
        <v>51</v>
      </c>
      <c r="CV5" s="149" t="s">
        <v>45</v>
      </c>
      <c r="CW5" s="456"/>
      <c r="CX5" s="144" t="s">
        <v>43</v>
      </c>
      <c r="CY5" s="145" t="s">
        <v>44</v>
      </c>
      <c r="CZ5" s="149" t="s">
        <v>45</v>
      </c>
      <c r="DA5" s="147" t="s">
        <v>83</v>
      </c>
      <c r="DB5" s="145" t="s">
        <v>47</v>
      </c>
      <c r="DC5" s="145" t="s">
        <v>48</v>
      </c>
      <c r="DD5" s="145" t="s">
        <v>49</v>
      </c>
      <c r="DE5" s="145" t="s">
        <v>50</v>
      </c>
      <c r="DF5" s="145" t="s">
        <v>51</v>
      </c>
      <c r="DG5" s="149" t="s">
        <v>45</v>
      </c>
      <c r="DH5" s="456"/>
      <c r="DI5" s="144" t="s">
        <v>43</v>
      </c>
      <c r="DJ5" s="145" t="s">
        <v>44</v>
      </c>
      <c r="DK5" s="149" t="s">
        <v>45</v>
      </c>
      <c r="DL5" s="147" t="s">
        <v>83</v>
      </c>
      <c r="DM5" s="145" t="s">
        <v>47</v>
      </c>
      <c r="DN5" s="145" t="s">
        <v>48</v>
      </c>
      <c r="DO5" s="145" t="s">
        <v>49</v>
      </c>
      <c r="DP5" s="145" t="s">
        <v>50</v>
      </c>
      <c r="DQ5" s="145" t="s">
        <v>51</v>
      </c>
      <c r="DR5" s="149" t="s">
        <v>45</v>
      </c>
      <c r="DS5" s="456"/>
      <c r="DT5" s="144" t="s">
        <v>43</v>
      </c>
      <c r="DU5" s="145" t="s">
        <v>44</v>
      </c>
      <c r="DV5" s="149" t="s">
        <v>45</v>
      </c>
      <c r="DW5" s="147" t="s">
        <v>83</v>
      </c>
      <c r="DX5" s="145" t="s">
        <v>47</v>
      </c>
      <c r="DY5" s="145" t="s">
        <v>48</v>
      </c>
      <c r="DZ5" s="145" t="s">
        <v>49</v>
      </c>
      <c r="EA5" s="145" t="s">
        <v>50</v>
      </c>
      <c r="EB5" s="145" t="s">
        <v>51</v>
      </c>
      <c r="EC5" s="149" t="s">
        <v>45</v>
      </c>
      <c r="ED5" s="456"/>
      <c r="EE5" s="144" t="s">
        <v>43</v>
      </c>
      <c r="EF5" s="145" t="s">
        <v>44</v>
      </c>
      <c r="EG5" s="149" t="s">
        <v>45</v>
      </c>
      <c r="EH5" s="147" t="s">
        <v>83</v>
      </c>
      <c r="EI5" s="145" t="s">
        <v>47</v>
      </c>
      <c r="EJ5" s="145" t="s">
        <v>48</v>
      </c>
      <c r="EK5" s="145" t="s">
        <v>49</v>
      </c>
      <c r="EL5" s="145" t="s">
        <v>50</v>
      </c>
      <c r="EM5" s="145" t="s">
        <v>51</v>
      </c>
      <c r="EN5" s="149" t="s">
        <v>45</v>
      </c>
      <c r="EO5" s="456"/>
      <c r="EP5" s="144" t="s">
        <v>43</v>
      </c>
      <c r="EQ5" s="145" t="s">
        <v>44</v>
      </c>
      <c r="ER5" s="149" t="s">
        <v>45</v>
      </c>
      <c r="ES5" s="147" t="s">
        <v>83</v>
      </c>
      <c r="ET5" s="145" t="s">
        <v>47</v>
      </c>
      <c r="EU5" s="145" t="s">
        <v>48</v>
      </c>
      <c r="EV5" s="145" t="s">
        <v>49</v>
      </c>
      <c r="EW5" s="145" t="s">
        <v>50</v>
      </c>
      <c r="EX5" s="145" t="s">
        <v>51</v>
      </c>
      <c r="EY5" s="149" t="s">
        <v>45</v>
      </c>
      <c r="EZ5" s="456"/>
    </row>
    <row r="6" spans="2:156" ht="21" customHeight="1" x14ac:dyDescent="0.2">
      <c r="B6" s="150" t="s">
        <v>4</v>
      </c>
      <c r="C6" s="151">
        <v>0</v>
      </c>
      <c r="D6" s="152">
        <v>0</v>
      </c>
      <c r="E6" s="153">
        <v>0</v>
      </c>
      <c r="F6" s="154">
        <v>0</v>
      </c>
      <c r="G6" s="152">
        <v>18464</v>
      </c>
      <c r="H6" s="152">
        <v>23132</v>
      </c>
      <c r="I6" s="152">
        <v>12553</v>
      </c>
      <c r="J6" s="152">
        <v>9870</v>
      </c>
      <c r="K6" s="152">
        <v>7473</v>
      </c>
      <c r="L6" s="155">
        <v>71492</v>
      </c>
      <c r="M6" s="156">
        <v>71492</v>
      </c>
      <c r="N6" s="151">
        <v>3</v>
      </c>
      <c r="O6" s="152">
        <v>22</v>
      </c>
      <c r="P6" s="157">
        <v>25</v>
      </c>
      <c r="Q6" s="154">
        <v>0</v>
      </c>
      <c r="R6" s="152">
        <v>106</v>
      </c>
      <c r="S6" s="152">
        <v>415</v>
      </c>
      <c r="T6" s="152">
        <v>765</v>
      </c>
      <c r="U6" s="152">
        <v>2015</v>
      </c>
      <c r="V6" s="152">
        <v>3411</v>
      </c>
      <c r="W6" s="157">
        <v>6712</v>
      </c>
      <c r="X6" s="156">
        <v>6737</v>
      </c>
      <c r="Y6" s="151">
        <v>2450</v>
      </c>
      <c r="Z6" s="152">
        <v>6341</v>
      </c>
      <c r="AA6" s="157">
        <v>8791</v>
      </c>
      <c r="AB6" s="154">
        <v>0</v>
      </c>
      <c r="AC6" s="152">
        <v>12604</v>
      </c>
      <c r="AD6" s="152">
        <v>18273</v>
      </c>
      <c r="AE6" s="152">
        <v>10647</v>
      </c>
      <c r="AF6" s="152">
        <v>8716</v>
      </c>
      <c r="AG6" s="152">
        <v>6566</v>
      </c>
      <c r="AH6" s="157">
        <v>56806</v>
      </c>
      <c r="AI6" s="156">
        <v>65597</v>
      </c>
      <c r="AJ6" s="151">
        <v>249</v>
      </c>
      <c r="AK6" s="152">
        <v>797</v>
      </c>
      <c r="AL6" s="157">
        <v>1046</v>
      </c>
      <c r="AM6" s="154">
        <v>0</v>
      </c>
      <c r="AN6" s="152">
        <v>1125</v>
      </c>
      <c r="AO6" s="152">
        <v>1731</v>
      </c>
      <c r="AP6" s="152">
        <v>1043</v>
      </c>
      <c r="AQ6" s="152">
        <v>868</v>
      </c>
      <c r="AR6" s="152">
        <v>598</v>
      </c>
      <c r="AS6" s="157">
        <v>5365</v>
      </c>
      <c r="AT6" s="156">
        <v>6411</v>
      </c>
      <c r="AU6" s="151">
        <v>3023</v>
      </c>
      <c r="AV6" s="152">
        <v>4234</v>
      </c>
      <c r="AW6" s="157">
        <v>7257</v>
      </c>
      <c r="AX6" s="154">
        <v>0</v>
      </c>
      <c r="AY6" s="152">
        <v>19217</v>
      </c>
      <c r="AZ6" s="152">
        <v>24718</v>
      </c>
      <c r="BA6" s="152">
        <v>20993</v>
      </c>
      <c r="BB6" s="152">
        <v>20125</v>
      </c>
      <c r="BC6" s="152">
        <v>14958</v>
      </c>
      <c r="BD6" s="155">
        <v>100011</v>
      </c>
      <c r="BE6" s="156">
        <v>107268</v>
      </c>
      <c r="BF6" s="151">
        <v>0</v>
      </c>
      <c r="BG6" s="152">
        <v>0</v>
      </c>
      <c r="BH6" s="157">
        <v>0</v>
      </c>
      <c r="BI6" s="154">
        <v>0</v>
      </c>
      <c r="BJ6" s="152">
        <v>22135</v>
      </c>
      <c r="BK6" s="152">
        <v>21360</v>
      </c>
      <c r="BL6" s="152">
        <v>11110</v>
      </c>
      <c r="BM6" s="152">
        <v>6240</v>
      </c>
      <c r="BN6" s="152">
        <v>3041</v>
      </c>
      <c r="BO6" s="157">
        <v>63886</v>
      </c>
      <c r="BP6" s="156">
        <v>63886</v>
      </c>
      <c r="BQ6" s="151">
        <v>1707</v>
      </c>
      <c r="BR6" s="152">
        <v>2754</v>
      </c>
      <c r="BS6" s="157">
        <v>4461</v>
      </c>
      <c r="BT6" s="154">
        <v>0</v>
      </c>
      <c r="BU6" s="152">
        <v>4557</v>
      </c>
      <c r="BV6" s="152">
        <v>6588</v>
      </c>
      <c r="BW6" s="152">
        <v>3724</v>
      </c>
      <c r="BX6" s="152">
        <v>2264</v>
      </c>
      <c r="BY6" s="152">
        <v>821</v>
      </c>
      <c r="BZ6" s="157">
        <v>17954</v>
      </c>
      <c r="CA6" s="156">
        <v>22415</v>
      </c>
      <c r="CB6" s="151">
        <v>60</v>
      </c>
      <c r="CC6" s="152">
        <v>190</v>
      </c>
      <c r="CD6" s="157">
        <v>250</v>
      </c>
      <c r="CE6" s="154">
        <v>0</v>
      </c>
      <c r="CF6" s="152">
        <v>2156</v>
      </c>
      <c r="CG6" s="152">
        <v>3733</v>
      </c>
      <c r="CH6" s="152">
        <v>4367</v>
      </c>
      <c r="CI6" s="152">
        <v>3104</v>
      </c>
      <c r="CJ6" s="152">
        <v>1760</v>
      </c>
      <c r="CK6" s="157">
        <v>15120</v>
      </c>
      <c r="CL6" s="156">
        <v>15370</v>
      </c>
      <c r="CM6" s="151">
        <v>7</v>
      </c>
      <c r="CN6" s="152">
        <v>17</v>
      </c>
      <c r="CO6" s="157">
        <v>24</v>
      </c>
      <c r="CP6" s="154">
        <v>0</v>
      </c>
      <c r="CQ6" s="152">
        <v>197</v>
      </c>
      <c r="CR6" s="152">
        <v>509</v>
      </c>
      <c r="CS6" s="152">
        <v>551</v>
      </c>
      <c r="CT6" s="152">
        <v>545</v>
      </c>
      <c r="CU6" s="152">
        <v>351</v>
      </c>
      <c r="CV6" s="157">
        <v>2153</v>
      </c>
      <c r="CW6" s="156">
        <v>2177</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11507</v>
      </c>
      <c r="DU6" s="152">
        <v>24874</v>
      </c>
      <c r="DV6" s="157">
        <v>36381</v>
      </c>
      <c r="DW6" s="154">
        <v>0</v>
      </c>
      <c r="DX6" s="152">
        <v>28091</v>
      </c>
      <c r="DY6" s="152">
        <v>47366</v>
      </c>
      <c r="DZ6" s="152">
        <v>26785</v>
      </c>
      <c r="EA6" s="152">
        <v>20334</v>
      </c>
      <c r="EB6" s="152">
        <v>12856</v>
      </c>
      <c r="EC6" s="157">
        <v>135432</v>
      </c>
      <c r="ED6" s="156">
        <v>171813</v>
      </c>
      <c r="EE6" s="151">
        <v>1627</v>
      </c>
      <c r="EF6" s="152">
        <v>1270</v>
      </c>
      <c r="EG6" s="157">
        <v>2897</v>
      </c>
      <c r="EH6" s="154">
        <v>0</v>
      </c>
      <c r="EI6" s="152">
        <v>6102</v>
      </c>
      <c r="EJ6" s="152">
        <v>5786</v>
      </c>
      <c r="EK6" s="152">
        <v>4957</v>
      </c>
      <c r="EL6" s="152">
        <v>5540</v>
      </c>
      <c r="EM6" s="152">
        <v>3108</v>
      </c>
      <c r="EN6" s="157">
        <v>25493</v>
      </c>
      <c r="EO6" s="156">
        <v>28390</v>
      </c>
      <c r="EP6" s="151">
        <v>14758</v>
      </c>
      <c r="EQ6" s="152">
        <v>29695</v>
      </c>
      <c r="ER6" s="157">
        <v>44453</v>
      </c>
      <c r="ES6" s="154">
        <v>0</v>
      </c>
      <c r="ET6" s="152">
        <v>56482</v>
      </c>
      <c r="EU6" s="152">
        <v>61144</v>
      </c>
      <c r="EV6" s="152">
        <v>31001</v>
      </c>
      <c r="EW6" s="152">
        <v>21231</v>
      </c>
      <c r="EX6" s="152">
        <v>12831</v>
      </c>
      <c r="EY6" s="157">
        <v>182689</v>
      </c>
      <c r="EZ6" s="156">
        <v>227142</v>
      </c>
    </row>
    <row r="7" spans="2:156" ht="21" customHeight="1" x14ac:dyDescent="0.2">
      <c r="B7" s="158" t="s">
        <v>5</v>
      </c>
      <c r="C7" s="159">
        <v>0</v>
      </c>
      <c r="D7" s="160">
        <v>0</v>
      </c>
      <c r="E7" s="161">
        <v>0</v>
      </c>
      <c r="F7" s="162">
        <v>0</v>
      </c>
      <c r="G7" s="160">
        <v>6567</v>
      </c>
      <c r="H7" s="160">
        <v>11479</v>
      </c>
      <c r="I7" s="160">
        <v>5487</v>
      </c>
      <c r="J7" s="160">
        <v>4072</v>
      </c>
      <c r="K7" s="160">
        <v>3037</v>
      </c>
      <c r="L7" s="163">
        <v>30642</v>
      </c>
      <c r="M7" s="164">
        <v>30642</v>
      </c>
      <c r="N7" s="159">
        <v>2</v>
      </c>
      <c r="O7" s="160">
        <v>11</v>
      </c>
      <c r="P7" s="165">
        <v>13</v>
      </c>
      <c r="Q7" s="162">
        <v>0</v>
      </c>
      <c r="R7" s="160">
        <v>20</v>
      </c>
      <c r="S7" s="160">
        <v>141</v>
      </c>
      <c r="T7" s="160">
        <v>307</v>
      </c>
      <c r="U7" s="160">
        <v>809</v>
      </c>
      <c r="V7" s="160">
        <v>1473</v>
      </c>
      <c r="W7" s="165">
        <v>2750</v>
      </c>
      <c r="X7" s="164">
        <v>2763</v>
      </c>
      <c r="Y7" s="159">
        <v>1049</v>
      </c>
      <c r="Z7" s="160">
        <v>3307</v>
      </c>
      <c r="AA7" s="165">
        <v>4356</v>
      </c>
      <c r="AB7" s="162">
        <v>0</v>
      </c>
      <c r="AC7" s="160">
        <v>4443</v>
      </c>
      <c r="AD7" s="160">
        <v>9220</v>
      </c>
      <c r="AE7" s="160">
        <v>5033</v>
      </c>
      <c r="AF7" s="160">
        <v>3875</v>
      </c>
      <c r="AG7" s="160">
        <v>2826</v>
      </c>
      <c r="AH7" s="165">
        <v>25397</v>
      </c>
      <c r="AI7" s="164">
        <v>29753</v>
      </c>
      <c r="AJ7" s="159">
        <v>83</v>
      </c>
      <c r="AK7" s="160">
        <v>384</v>
      </c>
      <c r="AL7" s="165">
        <v>467</v>
      </c>
      <c r="AM7" s="162">
        <v>0</v>
      </c>
      <c r="AN7" s="160">
        <v>279</v>
      </c>
      <c r="AO7" s="160">
        <v>688</v>
      </c>
      <c r="AP7" s="160">
        <v>442</v>
      </c>
      <c r="AQ7" s="160">
        <v>339</v>
      </c>
      <c r="AR7" s="160">
        <v>226</v>
      </c>
      <c r="AS7" s="165">
        <v>1974</v>
      </c>
      <c r="AT7" s="164">
        <v>2441</v>
      </c>
      <c r="AU7" s="159">
        <v>1222</v>
      </c>
      <c r="AV7" s="160">
        <v>2071</v>
      </c>
      <c r="AW7" s="165">
        <v>3293</v>
      </c>
      <c r="AX7" s="162">
        <v>0</v>
      </c>
      <c r="AY7" s="160">
        <v>6914</v>
      </c>
      <c r="AZ7" s="160">
        <v>10893</v>
      </c>
      <c r="BA7" s="160">
        <v>8518</v>
      </c>
      <c r="BB7" s="160">
        <v>8161</v>
      </c>
      <c r="BC7" s="160">
        <v>6050</v>
      </c>
      <c r="BD7" s="163">
        <v>40536</v>
      </c>
      <c r="BE7" s="164">
        <v>43829</v>
      </c>
      <c r="BF7" s="159">
        <v>0</v>
      </c>
      <c r="BG7" s="160">
        <v>0</v>
      </c>
      <c r="BH7" s="165">
        <v>0</v>
      </c>
      <c r="BI7" s="162">
        <v>0</v>
      </c>
      <c r="BJ7" s="160">
        <v>6791</v>
      </c>
      <c r="BK7" s="160">
        <v>8665</v>
      </c>
      <c r="BL7" s="160">
        <v>4104</v>
      </c>
      <c r="BM7" s="160">
        <v>2228</v>
      </c>
      <c r="BN7" s="160">
        <v>1092</v>
      </c>
      <c r="BO7" s="165">
        <v>22880</v>
      </c>
      <c r="BP7" s="164">
        <v>22880</v>
      </c>
      <c r="BQ7" s="159">
        <v>751</v>
      </c>
      <c r="BR7" s="160">
        <v>1272</v>
      </c>
      <c r="BS7" s="165">
        <v>2023</v>
      </c>
      <c r="BT7" s="162">
        <v>0</v>
      </c>
      <c r="BU7" s="160">
        <v>1349</v>
      </c>
      <c r="BV7" s="160">
        <v>3020</v>
      </c>
      <c r="BW7" s="160">
        <v>1662</v>
      </c>
      <c r="BX7" s="160">
        <v>1028</v>
      </c>
      <c r="BY7" s="160">
        <v>343</v>
      </c>
      <c r="BZ7" s="165">
        <v>7402</v>
      </c>
      <c r="CA7" s="164">
        <v>9425</v>
      </c>
      <c r="CB7" s="159">
        <v>15</v>
      </c>
      <c r="CC7" s="160">
        <v>72</v>
      </c>
      <c r="CD7" s="165">
        <v>87</v>
      </c>
      <c r="CE7" s="162">
        <v>0</v>
      </c>
      <c r="CF7" s="160">
        <v>635</v>
      </c>
      <c r="CG7" s="160">
        <v>1372</v>
      </c>
      <c r="CH7" s="160">
        <v>1650</v>
      </c>
      <c r="CI7" s="160">
        <v>1084</v>
      </c>
      <c r="CJ7" s="160">
        <v>670</v>
      </c>
      <c r="CK7" s="165">
        <v>5411</v>
      </c>
      <c r="CL7" s="164">
        <v>5498</v>
      </c>
      <c r="CM7" s="159">
        <v>4</v>
      </c>
      <c r="CN7" s="160">
        <v>11</v>
      </c>
      <c r="CO7" s="165">
        <v>15</v>
      </c>
      <c r="CP7" s="162">
        <v>0</v>
      </c>
      <c r="CQ7" s="160">
        <v>72</v>
      </c>
      <c r="CR7" s="160">
        <v>282</v>
      </c>
      <c r="CS7" s="160">
        <v>314</v>
      </c>
      <c r="CT7" s="160">
        <v>327</v>
      </c>
      <c r="CU7" s="160">
        <v>206</v>
      </c>
      <c r="CV7" s="165">
        <v>1201</v>
      </c>
      <c r="CW7" s="164">
        <v>1216</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3769</v>
      </c>
      <c r="DU7" s="160">
        <v>10581</v>
      </c>
      <c r="DV7" s="165">
        <v>14350</v>
      </c>
      <c r="DW7" s="162">
        <v>0</v>
      </c>
      <c r="DX7" s="160">
        <v>7922</v>
      </c>
      <c r="DY7" s="160">
        <v>21091</v>
      </c>
      <c r="DZ7" s="160">
        <v>10967</v>
      </c>
      <c r="EA7" s="160">
        <v>8121</v>
      </c>
      <c r="EB7" s="160">
        <v>5190</v>
      </c>
      <c r="EC7" s="165">
        <v>53291</v>
      </c>
      <c r="ED7" s="164">
        <v>67641</v>
      </c>
      <c r="EE7" s="159">
        <v>676</v>
      </c>
      <c r="EF7" s="160">
        <v>595</v>
      </c>
      <c r="EG7" s="165">
        <v>1271</v>
      </c>
      <c r="EH7" s="162">
        <v>0</v>
      </c>
      <c r="EI7" s="160">
        <v>2421</v>
      </c>
      <c r="EJ7" s="160">
        <v>2769</v>
      </c>
      <c r="EK7" s="160">
        <v>2159</v>
      </c>
      <c r="EL7" s="160">
        <v>2455</v>
      </c>
      <c r="EM7" s="160">
        <v>1289</v>
      </c>
      <c r="EN7" s="165">
        <v>11093</v>
      </c>
      <c r="EO7" s="164">
        <v>12364</v>
      </c>
      <c r="EP7" s="159">
        <v>5246</v>
      </c>
      <c r="EQ7" s="160">
        <v>13146</v>
      </c>
      <c r="ER7" s="165">
        <v>18392</v>
      </c>
      <c r="ES7" s="162">
        <v>0</v>
      </c>
      <c r="ET7" s="160">
        <v>18524</v>
      </c>
      <c r="EU7" s="160">
        <v>27840</v>
      </c>
      <c r="EV7" s="160">
        <v>12985</v>
      </c>
      <c r="EW7" s="160">
        <v>8639</v>
      </c>
      <c r="EX7" s="160">
        <v>5253</v>
      </c>
      <c r="EY7" s="165">
        <v>73241</v>
      </c>
      <c r="EZ7" s="164">
        <v>91633</v>
      </c>
    </row>
    <row r="8" spans="2:156" ht="21" customHeight="1" x14ac:dyDescent="0.2">
      <c r="B8" s="166" t="s">
        <v>6</v>
      </c>
      <c r="C8" s="159">
        <v>0</v>
      </c>
      <c r="D8" s="160">
        <v>0</v>
      </c>
      <c r="E8" s="161">
        <v>0</v>
      </c>
      <c r="F8" s="162">
        <v>0</v>
      </c>
      <c r="G8" s="160">
        <v>3322</v>
      </c>
      <c r="H8" s="160">
        <v>3125</v>
      </c>
      <c r="I8" s="160">
        <v>1786</v>
      </c>
      <c r="J8" s="160">
        <v>1457</v>
      </c>
      <c r="K8" s="160">
        <v>1208</v>
      </c>
      <c r="L8" s="163">
        <v>10898</v>
      </c>
      <c r="M8" s="164">
        <v>10898</v>
      </c>
      <c r="N8" s="159">
        <v>1</v>
      </c>
      <c r="O8" s="160">
        <v>1</v>
      </c>
      <c r="P8" s="165">
        <v>2</v>
      </c>
      <c r="Q8" s="162">
        <v>0</v>
      </c>
      <c r="R8" s="160">
        <v>20</v>
      </c>
      <c r="S8" s="160">
        <v>51</v>
      </c>
      <c r="T8" s="160">
        <v>99</v>
      </c>
      <c r="U8" s="160">
        <v>259</v>
      </c>
      <c r="V8" s="160">
        <v>507</v>
      </c>
      <c r="W8" s="165">
        <v>936</v>
      </c>
      <c r="X8" s="164">
        <v>938</v>
      </c>
      <c r="Y8" s="159">
        <v>378</v>
      </c>
      <c r="Z8" s="160">
        <v>803</v>
      </c>
      <c r="AA8" s="165">
        <v>1181</v>
      </c>
      <c r="AB8" s="162">
        <v>0</v>
      </c>
      <c r="AC8" s="160">
        <v>2383</v>
      </c>
      <c r="AD8" s="160">
        <v>2456</v>
      </c>
      <c r="AE8" s="160">
        <v>1433</v>
      </c>
      <c r="AF8" s="160">
        <v>1154</v>
      </c>
      <c r="AG8" s="160">
        <v>945</v>
      </c>
      <c r="AH8" s="165">
        <v>8371</v>
      </c>
      <c r="AI8" s="164">
        <v>9552</v>
      </c>
      <c r="AJ8" s="159">
        <v>24</v>
      </c>
      <c r="AK8" s="160">
        <v>68</v>
      </c>
      <c r="AL8" s="165">
        <v>92</v>
      </c>
      <c r="AM8" s="162">
        <v>0</v>
      </c>
      <c r="AN8" s="160">
        <v>186</v>
      </c>
      <c r="AO8" s="160">
        <v>196</v>
      </c>
      <c r="AP8" s="160">
        <v>101</v>
      </c>
      <c r="AQ8" s="160">
        <v>110</v>
      </c>
      <c r="AR8" s="160">
        <v>72</v>
      </c>
      <c r="AS8" s="165">
        <v>665</v>
      </c>
      <c r="AT8" s="164">
        <v>757</v>
      </c>
      <c r="AU8" s="159">
        <v>501</v>
      </c>
      <c r="AV8" s="160">
        <v>602</v>
      </c>
      <c r="AW8" s="165">
        <v>1103</v>
      </c>
      <c r="AX8" s="162">
        <v>0</v>
      </c>
      <c r="AY8" s="160">
        <v>3616</v>
      </c>
      <c r="AZ8" s="160">
        <v>4021</v>
      </c>
      <c r="BA8" s="160">
        <v>3369</v>
      </c>
      <c r="BB8" s="160">
        <v>3197</v>
      </c>
      <c r="BC8" s="160">
        <v>2526</v>
      </c>
      <c r="BD8" s="163">
        <v>16729</v>
      </c>
      <c r="BE8" s="164">
        <v>17832</v>
      </c>
      <c r="BF8" s="159">
        <v>0</v>
      </c>
      <c r="BG8" s="160">
        <v>0</v>
      </c>
      <c r="BH8" s="165">
        <v>0</v>
      </c>
      <c r="BI8" s="162">
        <v>0</v>
      </c>
      <c r="BJ8" s="160">
        <v>3724</v>
      </c>
      <c r="BK8" s="160">
        <v>3030</v>
      </c>
      <c r="BL8" s="160">
        <v>1601</v>
      </c>
      <c r="BM8" s="160">
        <v>912</v>
      </c>
      <c r="BN8" s="160">
        <v>461</v>
      </c>
      <c r="BO8" s="165">
        <v>9728</v>
      </c>
      <c r="BP8" s="164">
        <v>9728</v>
      </c>
      <c r="BQ8" s="159">
        <v>119</v>
      </c>
      <c r="BR8" s="160">
        <v>208</v>
      </c>
      <c r="BS8" s="165">
        <v>327</v>
      </c>
      <c r="BT8" s="162">
        <v>0</v>
      </c>
      <c r="BU8" s="160">
        <v>681</v>
      </c>
      <c r="BV8" s="160">
        <v>740</v>
      </c>
      <c r="BW8" s="160">
        <v>460</v>
      </c>
      <c r="BX8" s="160">
        <v>276</v>
      </c>
      <c r="BY8" s="160">
        <v>116</v>
      </c>
      <c r="BZ8" s="165">
        <v>2273</v>
      </c>
      <c r="CA8" s="164">
        <v>2600</v>
      </c>
      <c r="CB8" s="159">
        <v>8</v>
      </c>
      <c r="CC8" s="160">
        <v>19</v>
      </c>
      <c r="CD8" s="165">
        <v>27</v>
      </c>
      <c r="CE8" s="162">
        <v>0</v>
      </c>
      <c r="CF8" s="160">
        <v>232</v>
      </c>
      <c r="CG8" s="160">
        <v>441</v>
      </c>
      <c r="CH8" s="160">
        <v>525</v>
      </c>
      <c r="CI8" s="160">
        <v>399</v>
      </c>
      <c r="CJ8" s="160">
        <v>235</v>
      </c>
      <c r="CK8" s="165">
        <v>1832</v>
      </c>
      <c r="CL8" s="164">
        <v>1859</v>
      </c>
      <c r="CM8" s="159">
        <v>1</v>
      </c>
      <c r="CN8" s="160">
        <v>0</v>
      </c>
      <c r="CO8" s="165">
        <v>1</v>
      </c>
      <c r="CP8" s="162">
        <v>0</v>
      </c>
      <c r="CQ8" s="160">
        <v>41</v>
      </c>
      <c r="CR8" s="160">
        <v>73</v>
      </c>
      <c r="CS8" s="160">
        <v>69</v>
      </c>
      <c r="CT8" s="160">
        <v>69</v>
      </c>
      <c r="CU8" s="160">
        <v>53</v>
      </c>
      <c r="CV8" s="165">
        <v>305</v>
      </c>
      <c r="CW8" s="164">
        <v>306</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1701</v>
      </c>
      <c r="DU8" s="160">
        <v>3045</v>
      </c>
      <c r="DV8" s="165">
        <v>4746</v>
      </c>
      <c r="DW8" s="162">
        <v>0</v>
      </c>
      <c r="DX8" s="160">
        <v>5128</v>
      </c>
      <c r="DY8" s="160">
        <v>6235</v>
      </c>
      <c r="DZ8" s="160">
        <v>3748</v>
      </c>
      <c r="EA8" s="160">
        <v>2967</v>
      </c>
      <c r="EB8" s="160">
        <v>2016</v>
      </c>
      <c r="EC8" s="165">
        <v>20094</v>
      </c>
      <c r="ED8" s="164">
        <v>24840</v>
      </c>
      <c r="EE8" s="159">
        <v>228</v>
      </c>
      <c r="EF8" s="160">
        <v>154</v>
      </c>
      <c r="EG8" s="165">
        <v>382</v>
      </c>
      <c r="EH8" s="162">
        <v>0</v>
      </c>
      <c r="EI8" s="160">
        <v>928</v>
      </c>
      <c r="EJ8" s="160">
        <v>772</v>
      </c>
      <c r="EK8" s="160">
        <v>709</v>
      </c>
      <c r="EL8" s="160">
        <v>808</v>
      </c>
      <c r="EM8" s="160">
        <v>499</v>
      </c>
      <c r="EN8" s="165">
        <v>3716</v>
      </c>
      <c r="EO8" s="164">
        <v>4098</v>
      </c>
      <c r="EP8" s="159">
        <v>2016</v>
      </c>
      <c r="EQ8" s="160">
        <v>3478</v>
      </c>
      <c r="ER8" s="165">
        <v>5494</v>
      </c>
      <c r="ES8" s="162">
        <v>0</v>
      </c>
      <c r="ET8" s="160">
        <v>9449</v>
      </c>
      <c r="EU8" s="160">
        <v>7917</v>
      </c>
      <c r="EV8" s="160">
        <v>4244</v>
      </c>
      <c r="EW8" s="160">
        <v>3044</v>
      </c>
      <c r="EX8" s="160">
        <v>2001</v>
      </c>
      <c r="EY8" s="165">
        <v>26655</v>
      </c>
      <c r="EZ8" s="164">
        <v>32149</v>
      </c>
    </row>
    <row r="9" spans="2:156" ht="21" customHeight="1" x14ac:dyDescent="0.2">
      <c r="B9" s="166" t="s">
        <v>14</v>
      </c>
      <c r="C9" s="159">
        <v>0</v>
      </c>
      <c r="D9" s="160">
        <v>0</v>
      </c>
      <c r="E9" s="161">
        <v>0</v>
      </c>
      <c r="F9" s="162">
        <v>0</v>
      </c>
      <c r="G9" s="160">
        <v>1162</v>
      </c>
      <c r="H9" s="160">
        <v>1741</v>
      </c>
      <c r="I9" s="160">
        <v>1029</v>
      </c>
      <c r="J9" s="160">
        <v>755</v>
      </c>
      <c r="K9" s="160">
        <v>495</v>
      </c>
      <c r="L9" s="163">
        <v>5182</v>
      </c>
      <c r="M9" s="164">
        <v>5182</v>
      </c>
      <c r="N9" s="159">
        <v>0</v>
      </c>
      <c r="O9" s="160">
        <v>2</v>
      </c>
      <c r="P9" s="165">
        <v>2</v>
      </c>
      <c r="Q9" s="162">
        <v>0</v>
      </c>
      <c r="R9" s="160">
        <v>2</v>
      </c>
      <c r="S9" s="160">
        <v>29</v>
      </c>
      <c r="T9" s="160">
        <v>44</v>
      </c>
      <c r="U9" s="160">
        <v>140</v>
      </c>
      <c r="V9" s="160">
        <v>208</v>
      </c>
      <c r="W9" s="165">
        <v>423</v>
      </c>
      <c r="X9" s="164">
        <v>425</v>
      </c>
      <c r="Y9" s="159">
        <v>119</v>
      </c>
      <c r="Z9" s="160">
        <v>421</v>
      </c>
      <c r="AA9" s="165">
        <v>540</v>
      </c>
      <c r="AB9" s="162">
        <v>0</v>
      </c>
      <c r="AC9" s="160">
        <v>731</v>
      </c>
      <c r="AD9" s="160">
        <v>1233</v>
      </c>
      <c r="AE9" s="160">
        <v>848</v>
      </c>
      <c r="AF9" s="160">
        <v>660</v>
      </c>
      <c r="AG9" s="160">
        <v>431</v>
      </c>
      <c r="AH9" s="165">
        <v>3903</v>
      </c>
      <c r="AI9" s="164">
        <v>4443</v>
      </c>
      <c r="AJ9" s="159">
        <v>7</v>
      </c>
      <c r="AK9" s="160">
        <v>38</v>
      </c>
      <c r="AL9" s="165">
        <v>45</v>
      </c>
      <c r="AM9" s="162">
        <v>0</v>
      </c>
      <c r="AN9" s="160">
        <v>26</v>
      </c>
      <c r="AO9" s="160">
        <v>68</v>
      </c>
      <c r="AP9" s="160">
        <v>49</v>
      </c>
      <c r="AQ9" s="160">
        <v>42</v>
      </c>
      <c r="AR9" s="160">
        <v>20</v>
      </c>
      <c r="AS9" s="165">
        <v>205</v>
      </c>
      <c r="AT9" s="164">
        <v>250</v>
      </c>
      <c r="AU9" s="159">
        <v>225</v>
      </c>
      <c r="AV9" s="160">
        <v>373</v>
      </c>
      <c r="AW9" s="165">
        <v>598</v>
      </c>
      <c r="AX9" s="162">
        <v>0</v>
      </c>
      <c r="AY9" s="160">
        <v>1328</v>
      </c>
      <c r="AZ9" s="160">
        <v>1868</v>
      </c>
      <c r="BA9" s="160">
        <v>1888</v>
      </c>
      <c r="BB9" s="160">
        <v>1582</v>
      </c>
      <c r="BC9" s="160">
        <v>1056</v>
      </c>
      <c r="BD9" s="163">
        <v>7722</v>
      </c>
      <c r="BE9" s="164">
        <v>8320</v>
      </c>
      <c r="BF9" s="159">
        <v>0</v>
      </c>
      <c r="BG9" s="160">
        <v>0</v>
      </c>
      <c r="BH9" s="165">
        <v>0</v>
      </c>
      <c r="BI9" s="162">
        <v>0</v>
      </c>
      <c r="BJ9" s="160">
        <v>1649</v>
      </c>
      <c r="BK9" s="160">
        <v>1903</v>
      </c>
      <c r="BL9" s="160">
        <v>1155</v>
      </c>
      <c r="BM9" s="160">
        <v>576</v>
      </c>
      <c r="BN9" s="160">
        <v>266</v>
      </c>
      <c r="BO9" s="165">
        <v>5549</v>
      </c>
      <c r="BP9" s="164">
        <v>5549</v>
      </c>
      <c r="BQ9" s="159">
        <v>95</v>
      </c>
      <c r="BR9" s="160">
        <v>173</v>
      </c>
      <c r="BS9" s="165">
        <v>268</v>
      </c>
      <c r="BT9" s="162">
        <v>0</v>
      </c>
      <c r="BU9" s="160">
        <v>150</v>
      </c>
      <c r="BV9" s="160">
        <v>405</v>
      </c>
      <c r="BW9" s="160">
        <v>252</v>
      </c>
      <c r="BX9" s="160">
        <v>128</v>
      </c>
      <c r="BY9" s="160">
        <v>44</v>
      </c>
      <c r="BZ9" s="165">
        <v>979</v>
      </c>
      <c r="CA9" s="164">
        <v>1247</v>
      </c>
      <c r="CB9" s="159">
        <v>6</v>
      </c>
      <c r="CC9" s="160">
        <v>14</v>
      </c>
      <c r="CD9" s="165">
        <v>20</v>
      </c>
      <c r="CE9" s="162">
        <v>0</v>
      </c>
      <c r="CF9" s="160">
        <v>141</v>
      </c>
      <c r="CG9" s="160">
        <v>276</v>
      </c>
      <c r="CH9" s="160">
        <v>360</v>
      </c>
      <c r="CI9" s="160">
        <v>293</v>
      </c>
      <c r="CJ9" s="160">
        <v>131</v>
      </c>
      <c r="CK9" s="165">
        <v>1201</v>
      </c>
      <c r="CL9" s="164">
        <v>1221</v>
      </c>
      <c r="CM9" s="159">
        <v>0</v>
      </c>
      <c r="CN9" s="160">
        <v>0</v>
      </c>
      <c r="CO9" s="165">
        <v>0</v>
      </c>
      <c r="CP9" s="162">
        <v>0</v>
      </c>
      <c r="CQ9" s="160">
        <v>1</v>
      </c>
      <c r="CR9" s="160">
        <v>5</v>
      </c>
      <c r="CS9" s="160">
        <v>9</v>
      </c>
      <c r="CT9" s="160">
        <v>10</v>
      </c>
      <c r="CU9" s="160">
        <v>4</v>
      </c>
      <c r="CV9" s="165">
        <v>29</v>
      </c>
      <c r="CW9" s="164">
        <v>29</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871</v>
      </c>
      <c r="DU9" s="160">
        <v>2426</v>
      </c>
      <c r="DV9" s="165">
        <v>3297</v>
      </c>
      <c r="DW9" s="162">
        <v>0</v>
      </c>
      <c r="DX9" s="160">
        <v>1946</v>
      </c>
      <c r="DY9" s="160">
        <v>3889</v>
      </c>
      <c r="DZ9" s="160">
        <v>2386</v>
      </c>
      <c r="EA9" s="160">
        <v>1671</v>
      </c>
      <c r="EB9" s="160">
        <v>930</v>
      </c>
      <c r="EC9" s="165">
        <v>10822</v>
      </c>
      <c r="ED9" s="164">
        <v>14119</v>
      </c>
      <c r="EE9" s="159">
        <v>115</v>
      </c>
      <c r="EF9" s="160">
        <v>108</v>
      </c>
      <c r="EG9" s="165">
        <v>223</v>
      </c>
      <c r="EH9" s="162">
        <v>0</v>
      </c>
      <c r="EI9" s="160">
        <v>342</v>
      </c>
      <c r="EJ9" s="160">
        <v>284</v>
      </c>
      <c r="EK9" s="160">
        <v>296</v>
      </c>
      <c r="EL9" s="160">
        <v>313</v>
      </c>
      <c r="EM9" s="160">
        <v>159</v>
      </c>
      <c r="EN9" s="165">
        <v>1394</v>
      </c>
      <c r="EO9" s="164">
        <v>1617</v>
      </c>
      <c r="EP9" s="159">
        <v>1035</v>
      </c>
      <c r="EQ9" s="160">
        <v>2713</v>
      </c>
      <c r="ER9" s="165">
        <v>3748</v>
      </c>
      <c r="ES9" s="162">
        <v>0</v>
      </c>
      <c r="ET9" s="160">
        <v>4043</v>
      </c>
      <c r="EU9" s="160">
        <v>5185</v>
      </c>
      <c r="EV9" s="160">
        <v>2857</v>
      </c>
      <c r="EW9" s="160">
        <v>1822</v>
      </c>
      <c r="EX9" s="160">
        <v>971</v>
      </c>
      <c r="EY9" s="165">
        <v>14878</v>
      </c>
      <c r="EZ9" s="164">
        <v>18626</v>
      </c>
    </row>
    <row r="10" spans="2:156" ht="21" customHeight="1" x14ac:dyDescent="0.2">
      <c r="B10" s="166" t="s">
        <v>7</v>
      </c>
      <c r="C10" s="159">
        <v>0</v>
      </c>
      <c r="D10" s="160">
        <v>0</v>
      </c>
      <c r="E10" s="161">
        <v>0</v>
      </c>
      <c r="F10" s="162">
        <v>0</v>
      </c>
      <c r="G10" s="160">
        <v>1351</v>
      </c>
      <c r="H10" s="160">
        <v>997</v>
      </c>
      <c r="I10" s="160">
        <v>544</v>
      </c>
      <c r="J10" s="160">
        <v>491</v>
      </c>
      <c r="K10" s="160">
        <v>347</v>
      </c>
      <c r="L10" s="163">
        <v>3730</v>
      </c>
      <c r="M10" s="164">
        <v>3730</v>
      </c>
      <c r="N10" s="159">
        <v>0</v>
      </c>
      <c r="O10" s="160">
        <v>0</v>
      </c>
      <c r="P10" s="165">
        <v>0</v>
      </c>
      <c r="Q10" s="162">
        <v>0</v>
      </c>
      <c r="R10" s="160">
        <v>12</v>
      </c>
      <c r="S10" s="160">
        <v>34</v>
      </c>
      <c r="T10" s="160">
        <v>50</v>
      </c>
      <c r="U10" s="160">
        <v>148</v>
      </c>
      <c r="V10" s="160">
        <v>211</v>
      </c>
      <c r="W10" s="165">
        <v>455</v>
      </c>
      <c r="X10" s="164">
        <v>455</v>
      </c>
      <c r="Y10" s="159">
        <v>23</v>
      </c>
      <c r="Z10" s="160">
        <v>39</v>
      </c>
      <c r="AA10" s="165">
        <v>62</v>
      </c>
      <c r="AB10" s="162">
        <v>0</v>
      </c>
      <c r="AC10" s="160">
        <v>574</v>
      </c>
      <c r="AD10" s="160">
        <v>537</v>
      </c>
      <c r="AE10" s="160">
        <v>324</v>
      </c>
      <c r="AF10" s="160">
        <v>346</v>
      </c>
      <c r="AG10" s="160">
        <v>318</v>
      </c>
      <c r="AH10" s="165">
        <v>2099</v>
      </c>
      <c r="AI10" s="164">
        <v>2161</v>
      </c>
      <c r="AJ10" s="159">
        <v>5</v>
      </c>
      <c r="AK10" s="160">
        <v>7</v>
      </c>
      <c r="AL10" s="165">
        <v>12</v>
      </c>
      <c r="AM10" s="162">
        <v>0</v>
      </c>
      <c r="AN10" s="160">
        <v>74</v>
      </c>
      <c r="AO10" s="160">
        <v>87</v>
      </c>
      <c r="AP10" s="160">
        <v>41</v>
      </c>
      <c r="AQ10" s="160">
        <v>55</v>
      </c>
      <c r="AR10" s="160">
        <v>26</v>
      </c>
      <c r="AS10" s="165">
        <v>283</v>
      </c>
      <c r="AT10" s="164">
        <v>295</v>
      </c>
      <c r="AU10" s="159">
        <v>139</v>
      </c>
      <c r="AV10" s="160">
        <v>103</v>
      </c>
      <c r="AW10" s="165">
        <v>242</v>
      </c>
      <c r="AX10" s="162">
        <v>0</v>
      </c>
      <c r="AY10" s="160">
        <v>1230</v>
      </c>
      <c r="AZ10" s="160">
        <v>1155</v>
      </c>
      <c r="BA10" s="160">
        <v>1015</v>
      </c>
      <c r="BB10" s="160">
        <v>1049</v>
      </c>
      <c r="BC10" s="160">
        <v>711</v>
      </c>
      <c r="BD10" s="163">
        <v>5160</v>
      </c>
      <c r="BE10" s="164">
        <v>5402</v>
      </c>
      <c r="BF10" s="159">
        <v>0</v>
      </c>
      <c r="BG10" s="160">
        <v>0</v>
      </c>
      <c r="BH10" s="165">
        <v>0</v>
      </c>
      <c r="BI10" s="162">
        <v>0</v>
      </c>
      <c r="BJ10" s="160">
        <v>1756</v>
      </c>
      <c r="BK10" s="160">
        <v>1076</v>
      </c>
      <c r="BL10" s="160">
        <v>519</v>
      </c>
      <c r="BM10" s="160">
        <v>277</v>
      </c>
      <c r="BN10" s="160">
        <v>147</v>
      </c>
      <c r="BO10" s="165">
        <v>3775</v>
      </c>
      <c r="BP10" s="164">
        <v>3775</v>
      </c>
      <c r="BQ10" s="159">
        <v>54</v>
      </c>
      <c r="BR10" s="160">
        <v>69</v>
      </c>
      <c r="BS10" s="165">
        <v>123</v>
      </c>
      <c r="BT10" s="162">
        <v>0</v>
      </c>
      <c r="BU10" s="160">
        <v>286</v>
      </c>
      <c r="BV10" s="160">
        <v>226</v>
      </c>
      <c r="BW10" s="160">
        <v>124</v>
      </c>
      <c r="BX10" s="160">
        <v>67</v>
      </c>
      <c r="BY10" s="160">
        <v>27</v>
      </c>
      <c r="BZ10" s="165">
        <v>730</v>
      </c>
      <c r="CA10" s="164">
        <v>853</v>
      </c>
      <c r="CB10" s="159">
        <v>4</v>
      </c>
      <c r="CC10" s="160">
        <v>3</v>
      </c>
      <c r="CD10" s="165">
        <v>7</v>
      </c>
      <c r="CE10" s="162">
        <v>0</v>
      </c>
      <c r="CF10" s="160">
        <v>233</v>
      </c>
      <c r="CG10" s="160">
        <v>282</v>
      </c>
      <c r="CH10" s="160">
        <v>287</v>
      </c>
      <c r="CI10" s="160">
        <v>193</v>
      </c>
      <c r="CJ10" s="160">
        <v>115</v>
      </c>
      <c r="CK10" s="165">
        <v>1110</v>
      </c>
      <c r="CL10" s="164">
        <v>1117</v>
      </c>
      <c r="CM10" s="159">
        <v>0</v>
      </c>
      <c r="CN10" s="160">
        <v>0</v>
      </c>
      <c r="CO10" s="165">
        <v>0</v>
      </c>
      <c r="CP10" s="162">
        <v>0</v>
      </c>
      <c r="CQ10" s="160">
        <v>14</v>
      </c>
      <c r="CR10" s="160">
        <v>10</v>
      </c>
      <c r="CS10" s="160">
        <v>13</v>
      </c>
      <c r="CT10" s="160">
        <v>12</v>
      </c>
      <c r="CU10" s="160">
        <v>6</v>
      </c>
      <c r="CV10" s="165">
        <v>55</v>
      </c>
      <c r="CW10" s="164">
        <v>55</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436</v>
      </c>
      <c r="DU10" s="160">
        <v>812</v>
      </c>
      <c r="DV10" s="165">
        <v>1248</v>
      </c>
      <c r="DW10" s="162">
        <v>0</v>
      </c>
      <c r="DX10" s="160">
        <v>2137</v>
      </c>
      <c r="DY10" s="160">
        <v>2243</v>
      </c>
      <c r="DZ10" s="160">
        <v>1169</v>
      </c>
      <c r="EA10" s="160">
        <v>948</v>
      </c>
      <c r="EB10" s="160">
        <v>617</v>
      </c>
      <c r="EC10" s="165">
        <v>7114</v>
      </c>
      <c r="ED10" s="164">
        <v>8362</v>
      </c>
      <c r="EE10" s="159">
        <v>95</v>
      </c>
      <c r="EF10" s="160">
        <v>46</v>
      </c>
      <c r="EG10" s="165">
        <v>141</v>
      </c>
      <c r="EH10" s="162">
        <v>0</v>
      </c>
      <c r="EI10" s="160">
        <v>427</v>
      </c>
      <c r="EJ10" s="160">
        <v>290</v>
      </c>
      <c r="EK10" s="160">
        <v>253</v>
      </c>
      <c r="EL10" s="160">
        <v>280</v>
      </c>
      <c r="EM10" s="160">
        <v>151</v>
      </c>
      <c r="EN10" s="165">
        <v>1401</v>
      </c>
      <c r="EO10" s="164">
        <v>1542</v>
      </c>
      <c r="EP10" s="159">
        <v>499</v>
      </c>
      <c r="EQ10" s="160">
        <v>893</v>
      </c>
      <c r="ER10" s="165">
        <v>1392</v>
      </c>
      <c r="ES10" s="162">
        <v>0</v>
      </c>
      <c r="ET10" s="160">
        <v>4264</v>
      </c>
      <c r="EU10" s="160">
        <v>2836</v>
      </c>
      <c r="EV10" s="160">
        <v>1366</v>
      </c>
      <c r="EW10" s="160">
        <v>995</v>
      </c>
      <c r="EX10" s="160">
        <v>604</v>
      </c>
      <c r="EY10" s="165">
        <v>10065</v>
      </c>
      <c r="EZ10" s="164">
        <v>11457</v>
      </c>
    </row>
    <row r="11" spans="2:156" ht="21" customHeight="1" x14ac:dyDescent="0.2">
      <c r="B11" s="166" t="s">
        <v>8</v>
      </c>
      <c r="C11" s="159">
        <v>0</v>
      </c>
      <c r="D11" s="160">
        <v>0</v>
      </c>
      <c r="E11" s="161">
        <v>0</v>
      </c>
      <c r="F11" s="162">
        <v>0</v>
      </c>
      <c r="G11" s="160">
        <v>433</v>
      </c>
      <c r="H11" s="160">
        <v>601</v>
      </c>
      <c r="I11" s="160">
        <v>376</v>
      </c>
      <c r="J11" s="160">
        <v>313</v>
      </c>
      <c r="K11" s="160">
        <v>248</v>
      </c>
      <c r="L11" s="163">
        <v>1971</v>
      </c>
      <c r="M11" s="164">
        <v>1971</v>
      </c>
      <c r="N11" s="159">
        <v>0</v>
      </c>
      <c r="O11" s="160">
        <v>0</v>
      </c>
      <c r="P11" s="165">
        <v>0</v>
      </c>
      <c r="Q11" s="162">
        <v>0</v>
      </c>
      <c r="R11" s="160">
        <v>7</v>
      </c>
      <c r="S11" s="160">
        <v>14</v>
      </c>
      <c r="T11" s="160">
        <v>24</v>
      </c>
      <c r="U11" s="160">
        <v>53</v>
      </c>
      <c r="V11" s="160">
        <v>93</v>
      </c>
      <c r="W11" s="165">
        <v>191</v>
      </c>
      <c r="X11" s="164">
        <v>191</v>
      </c>
      <c r="Y11" s="159">
        <v>58</v>
      </c>
      <c r="Z11" s="160">
        <v>95</v>
      </c>
      <c r="AA11" s="165">
        <v>153</v>
      </c>
      <c r="AB11" s="162">
        <v>0</v>
      </c>
      <c r="AC11" s="160">
        <v>311</v>
      </c>
      <c r="AD11" s="160">
        <v>437</v>
      </c>
      <c r="AE11" s="160">
        <v>274</v>
      </c>
      <c r="AF11" s="160">
        <v>230</v>
      </c>
      <c r="AG11" s="160">
        <v>198</v>
      </c>
      <c r="AH11" s="165">
        <v>1450</v>
      </c>
      <c r="AI11" s="164">
        <v>1603</v>
      </c>
      <c r="AJ11" s="159">
        <v>10</v>
      </c>
      <c r="AK11" s="160">
        <v>22</v>
      </c>
      <c r="AL11" s="165">
        <v>32</v>
      </c>
      <c r="AM11" s="162">
        <v>0</v>
      </c>
      <c r="AN11" s="160">
        <v>79</v>
      </c>
      <c r="AO11" s="160">
        <v>89</v>
      </c>
      <c r="AP11" s="160">
        <v>49</v>
      </c>
      <c r="AQ11" s="160">
        <v>47</v>
      </c>
      <c r="AR11" s="160">
        <v>32</v>
      </c>
      <c r="AS11" s="165">
        <v>296</v>
      </c>
      <c r="AT11" s="164">
        <v>328</v>
      </c>
      <c r="AU11" s="159">
        <v>75</v>
      </c>
      <c r="AV11" s="160">
        <v>59</v>
      </c>
      <c r="AW11" s="165">
        <v>134</v>
      </c>
      <c r="AX11" s="162">
        <v>0</v>
      </c>
      <c r="AY11" s="160">
        <v>501</v>
      </c>
      <c r="AZ11" s="160">
        <v>584</v>
      </c>
      <c r="BA11" s="160">
        <v>566</v>
      </c>
      <c r="BB11" s="160">
        <v>574</v>
      </c>
      <c r="BC11" s="160">
        <v>440</v>
      </c>
      <c r="BD11" s="163">
        <v>2665</v>
      </c>
      <c r="BE11" s="164">
        <v>2799</v>
      </c>
      <c r="BF11" s="159">
        <v>0</v>
      </c>
      <c r="BG11" s="160">
        <v>0</v>
      </c>
      <c r="BH11" s="165">
        <v>0</v>
      </c>
      <c r="BI11" s="162">
        <v>0</v>
      </c>
      <c r="BJ11" s="160">
        <v>568</v>
      </c>
      <c r="BK11" s="160">
        <v>623</v>
      </c>
      <c r="BL11" s="160">
        <v>347</v>
      </c>
      <c r="BM11" s="160">
        <v>200</v>
      </c>
      <c r="BN11" s="160">
        <v>108</v>
      </c>
      <c r="BO11" s="165">
        <v>1846</v>
      </c>
      <c r="BP11" s="164">
        <v>1846</v>
      </c>
      <c r="BQ11" s="159">
        <v>63</v>
      </c>
      <c r="BR11" s="160">
        <v>66</v>
      </c>
      <c r="BS11" s="165">
        <v>129</v>
      </c>
      <c r="BT11" s="162">
        <v>0</v>
      </c>
      <c r="BU11" s="160">
        <v>161</v>
      </c>
      <c r="BV11" s="160">
        <v>153</v>
      </c>
      <c r="BW11" s="160">
        <v>101</v>
      </c>
      <c r="BX11" s="160">
        <v>64</v>
      </c>
      <c r="BY11" s="160">
        <v>16</v>
      </c>
      <c r="BZ11" s="165">
        <v>495</v>
      </c>
      <c r="CA11" s="164">
        <v>624</v>
      </c>
      <c r="CB11" s="159">
        <v>2</v>
      </c>
      <c r="CC11" s="160">
        <v>4</v>
      </c>
      <c r="CD11" s="165">
        <v>6</v>
      </c>
      <c r="CE11" s="162">
        <v>0</v>
      </c>
      <c r="CF11" s="160">
        <v>78</v>
      </c>
      <c r="CG11" s="160">
        <v>178</v>
      </c>
      <c r="CH11" s="160">
        <v>198</v>
      </c>
      <c r="CI11" s="160">
        <v>123</v>
      </c>
      <c r="CJ11" s="160">
        <v>56</v>
      </c>
      <c r="CK11" s="165">
        <v>633</v>
      </c>
      <c r="CL11" s="164">
        <v>639</v>
      </c>
      <c r="CM11" s="159">
        <v>0</v>
      </c>
      <c r="CN11" s="160">
        <v>0</v>
      </c>
      <c r="CO11" s="165">
        <v>0</v>
      </c>
      <c r="CP11" s="162">
        <v>0</v>
      </c>
      <c r="CQ11" s="160">
        <v>2</v>
      </c>
      <c r="CR11" s="160">
        <v>9</v>
      </c>
      <c r="CS11" s="160">
        <v>6</v>
      </c>
      <c r="CT11" s="160">
        <v>3</v>
      </c>
      <c r="CU11" s="160">
        <v>2</v>
      </c>
      <c r="CV11" s="165">
        <v>22</v>
      </c>
      <c r="CW11" s="164">
        <v>22</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461</v>
      </c>
      <c r="DU11" s="160">
        <v>621</v>
      </c>
      <c r="DV11" s="165">
        <v>1082</v>
      </c>
      <c r="DW11" s="162">
        <v>0</v>
      </c>
      <c r="DX11" s="160">
        <v>1026</v>
      </c>
      <c r="DY11" s="160">
        <v>1570</v>
      </c>
      <c r="DZ11" s="160">
        <v>885</v>
      </c>
      <c r="EA11" s="160">
        <v>652</v>
      </c>
      <c r="EB11" s="160">
        <v>402</v>
      </c>
      <c r="EC11" s="165">
        <v>4535</v>
      </c>
      <c r="ED11" s="164">
        <v>5617</v>
      </c>
      <c r="EE11" s="159">
        <v>48</v>
      </c>
      <c r="EF11" s="160">
        <v>19</v>
      </c>
      <c r="EG11" s="165">
        <v>67</v>
      </c>
      <c r="EH11" s="162">
        <v>0</v>
      </c>
      <c r="EI11" s="160">
        <v>158</v>
      </c>
      <c r="EJ11" s="160">
        <v>130</v>
      </c>
      <c r="EK11" s="160">
        <v>107</v>
      </c>
      <c r="EL11" s="160">
        <v>135</v>
      </c>
      <c r="EM11" s="160">
        <v>75</v>
      </c>
      <c r="EN11" s="165">
        <v>605</v>
      </c>
      <c r="EO11" s="164">
        <v>672</v>
      </c>
      <c r="EP11" s="159">
        <v>554</v>
      </c>
      <c r="EQ11" s="160">
        <v>697</v>
      </c>
      <c r="ER11" s="165">
        <v>1251</v>
      </c>
      <c r="ES11" s="162">
        <v>0</v>
      </c>
      <c r="ET11" s="160">
        <v>1776</v>
      </c>
      <c r="EU11" s="160">
        <v>1809</v>
      </c>
      <c r="EV11" s="160">
        <v>951</v>
      </c>
      <c r="EW11" s="160">
        <v>657</v>
      </c>
      <c r="EX11" s="160">
        <v>404</v>
      </c>
      <c r="EY11" s="165">
        <v>5597</v>
      </c>
      <c r="EZ11" s="164">
        <v>6848</v>
      </c>
    </row>
    <row r="12" spans="2:156" ht="21" customHeight="1" x14ac:dyDescent="0.2">
      <c r="B12" s="166" t="s">
        <v>9</v>
      </c>
      <c r="C12" s="159">
        <v>0</v>
      </c>
      <c r="D12" s="160">
        <v>0</v>
      </c>
      <c r="E12" s="161">
        <v>0</v>
      </c>
      <c r="F12" s="162">
        <v>0</v>
      </c>
      <c r="G12" s="160">
        <v>596</v>
      </c>
      <c r="H12" s="160">
        <v>468</v>
      </c>
      <c r="I12" s="160">
        <v>355</v>
      </c>
      <c r="J12" s="160">
        <v>338</v>
      </c>
      <c r="K12" s="160">
        <v>253</v>
      </c>
      <c r="L12" s="163">
        <v>2010</v>
      </c>
      <c r="M12" s="164">
        <v>2010</v>
      </c>
      <c r="N12" s="159">
        <v>0</v>
      </c>
      <c r="O12" s="160">
        <v>0</v>
      </c>
      <c r="P12" s="165">
        <v>0</v>
      </c>
      <c r="Q12" s="162">
        <v>0</v>
      </c>
      <c r="R12" s="160">
        <v>1</v>
      </c>
      <c r="S12" s="160">
        <v>8</v>
      </c>
      <c r="T12" s="160">
        <v>22</v>
      </c>
      <c r="U12" s="160">
        <v>56</v>
      </c>
      <c r="V12" s="160">
        <v>99</v>
      </c>
      <c r="W12" s="165">
        <v>186</v>
      </c>
      <c r="X12" s="164">
        <v>186</v>
      </c>
      <c r="Y12" s="159">
        <v>60</v>
      </c>
      <c r="Z12" s="160">
        <v>96</v>
      </c>
      <c r="AA12" s="165">
        <v>156</v>
      </c>
      <c r="AB12" s="162">
        <v>0</v>
      </c>
      <c r="AC12" s="160">
        <v>405</v>
      </c>
      <c r="AD12" s="160">
        <v>349</v>
      </c>
      <c r="AE12" s="160">
        <v>272</v>
      </c>
      <c r="AF12" s="160">
        <v>264</v>
      </c>
      <c r="AG12" s="160">
        <v>216</v>
      </c>
      <c r="AH12" s="165">
        <v>1506</v>
      </c>
      <c r="AI12" s="164">
        <v>1662</v>
      </c>
      <c r="AJ12" s="159">
        <v>5</v>
      </c>
      <c r="AK12" s="160">
        <v>13</v>
      </c>
      <c r="AL12" s="165">
        <v>18</v>
      </c>
      <c r="AM12" s="162">
        <v>0</v>
      </c>
      <c r="AN12" s="160">
        <v>29</v>
      </c>
      <c r="AO12" s="160">
        <v>40</v>
      </c>
      <c r="AP12" s="160">
        <v>32</v>
      </c>
      <c r="AQ12" s="160">
        <v>33</v>
      </c>
      <c r="AR12" s="160">
        <v>30</v>
      </c>
      <c r="AS12" s="165">
        <v>164</v>
      </c>
      <c r="AT12" s="164">
        <v>182</v>
      </c>
      <c r="AU12" s="159">
        <v>95</v>
      </c>
      <c r="AV12" s="160">
        <v>69</v>
      </c>
      <c r="AW12" s="165">
        <v>164</v>
      </c>
      <c r="AX12" s="162">
        <v>0</v>
      </c>
      <c r="AY12" s="160">
        <v>550</v>
      </c>
      <c r="AZ12" s="160">
        <v>582</v>
      </c>
      <c r="BA12" s="160">
        <v>593</v>
      </c>
      <c r="BB12" s="160">
        <v>606</v>
      </c>
      <c r="BC12" s="160">
        <v>448</v>
      </c>
      <c r="BD12" s="163">
        <v>2779</v>
      </c>
      <c r="BE12" s="164">
        <v>2943</v>
      </c>
      <c r="BF12" s="159">
        <v>0</v>
      </c>
      <c r="BG12" s="160">
        <v>0</v>
      </c>
      <c r="BH12" s="165">
        <v>0</v>
      </c>
      <c r="BI12" s="162">
        <v>0</v>
      </c>
      <c r="BJ12" s="160">
        <v>608</v>
      </c>
      <c r="BK12" s="160">
        <v>413</v>
      </c>
      <c r="BL12" s="160">
        <v>261</v>
      </c>
      <c r="BM12" s="160">
        <v>170</v>
      </c>
      <c r="BN12" s="160">
        <v>63</v>
      </c>
      <c r="BO12" s="165">
        <v>1515</v>
      </c>
      <c r="BP12" s="164">
        <v>1515</v>
      </c>
      <c r="BQ12" s="159">
        <v>40</v>
      </c>
      <c r="BR12" s="160">
        <v>55</v>
      </c>
      <c r="BS12" s="165">
        <v>95</v>
      </c>
      <c r="BT12" s="162">
        <v>0</v>
      </c>
      <c r="BU12" s="160">
        <v>126</v>
      </c>
      <c r="BV12" s="160">
        <v>120</v>
      </c>
      <c r="BW12" s="160">
        <v>73</v>
      </c>
      <c r="BX12" s="160">
        <v>81</v>
      </c>
      <c r="BY12" s="160">
        <v>23</v>
      </c>
      <c r="BZ12" s="165">
        <v>423</v>
      </c>
      <c r="CA12" s="164">
        <v>518</v>
      </c>
      <c r="CB12" s="159">
        <v>3</v>
      </c>
      <c r="CC12" s="160">
        <v>3</v>
      </c>
      <c r="CD12" s="165">
        <v>6</v>
      </c>
      <c r="CE12" s="162">
        <v>0</v>
      </c>
      <c r="CF12" s="160">
        <v>71</v>
      </c>
      <c r="CG12" s="160">
        <v>93</v>
      </c>
      <c r="CH12" s="160">
        <v>129</v>
      </c>
      <c r="CI12" s="160">
        <v>98</v>
      </c>
      <c r="CJ12" s="160">
        <v>52</v>
      </c>
      <c r="CK12" s="165">
        <v>443</v>
      </c>
      <c r="CL12" s="164">
        <v>449</v>
      </c>
      <c r="CM12" s="159">
        <v>0</v>
      </c>
      <c r="CN12" s="160">
        <v>1</v>
      </c>
      <c r="CO12" s="165">
        <v>1</v>
      </c>
      <c r="CP12" s="162">
        <v>0</v>
      </c>
      <c r="CQ12" s="160">
        <v>8</v>
      </c>
      <c r="CR12" s="160">
        <v>8</v>
      </c>
      <c r="CS12" s="160">
        <v>27</v>
      </c>
      <c r="CT12" s="160">
        <v>22</v>
      </c>
      <c r="CU12" s="160">
        <v>13</v>
      </c>
      <c r="CV12" s="165">
        <v>78</v>
      </c>
      <c r="CW12" s="164">
        <v>79</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354</v>
      </c>
      <c r="DU12" s="160">
        <v>464</v>
      </c>
      <c r="DV12" s="165">
        <v>818</v>
      </c>
      <c r="DW12" s="162">
        <v>0</v>
      </c>
      <c r="DX12" s="160">
        <v>942</v>
      </c>
      <c r="DY12" s="160">
        <v>956</v>
      </c>
      <c r="DZ12" s="160">
        <v>660</v>
      </c>
      <c r="EA12" s="160">
        <v>576</v>
      </c>
      <c r="EB12" s="160">
        <v>389</v>
      </c>
      <c r="EC12" s="165">
        <v>3523</v>
      </c>
      <c r="ED12" s="164">
        <v>4341</v>
      </c>
      <c r="EE12" s="159">
        <v>57</v>
      </c>
      <c r="EF12" s="160">
        <v>21</v>
      </c>
      <c r="EG12" s="165">
        <v>78</v>
      </c>
      <c r="EH12" s="162">
        <v>0</v>
      </c>
      <c r="EI12" s="160">
        <v>200</v>
      </c>
      <c r="EJ12" s="160">
        <v>155</v>
      </c>
      <c r="EK12" s="160">
        <v>171</v>
      </c>
      <c r="EL12" s="160">
        <v>165</v>
      </c>
      <c r="EM12" s="160">
        <v>110</v>
      </c>
      <c r="EN12" s="165">
        <v>801</v>
      </c>
      <c r="EO12" s="164">
        <v>879</v>
      </c>
      <c r="EP12" s="159">
        <v>438</v>
      </c>
      <c r="EQ12" s="160">
        <v>555</v>
      </c>
      <c r="ER12" s="165">
        <v>993</v>
      </c>
      <c r="ES12" s="162">
        <v>0</v>
      </c>
      <c r="ET12" s="160">
        <v>1710</v>
      </c>
      <c r="EU12" s="160">
        <v>1220</v>
      </c>
      <c r="EV12" s="160">
        <v>746</v>
      </c>
      <c r="EW12" s="160">
        <v>570</v>
      </c>
      <c r="EX12" s="160">
        <v>360</v>
      </c>
      <c r="EY12" s="165">
        <v>4606</v>
      </c>
      <c r="EZ12" s="164">
        <v>5599</v>
      </c>
    </row>
    <row r="13" spans="2:156" ht="21" customHeight="1" x14ac:dyDescent="0.2">
      <c r="B13" s="166" t="s">
        <v>10</v>
      </c>
      <c r="C13" s="159">
        <v>0</v>
      </c>
      <c r="D13" s="160">
        <v>0</v>
      </c>
      <c r="E13" s="161">
        <v>0</v>
      </c>
      <c r="F13" s="162">
        <v>0</v>
      </c>
      <c r="G13" s="160">
        <v>1277</v>
      </c>
      <c r="H13" s="160">
        <v>755</v>
      </c>
      <c r="I13" s="160">
        <v>509</v>
      </c>
      <c r="J13" s="160">
        <v>477</v>
      </c>
      <c r="K13" s="160">
        <v>351</v>
      </c>
      <c r="L13" s="163">
        <v>3369</v>
      </c>
      <c r="M13" s="164">
        <v>3369</v>
      </c>
      <c r="N13" s="159">
        <v>0</v>
      </c>
      <c r="O13" s="160">
        <v>1</v>
      </c>
      <c r="P13" s="165">
        <v>1</v>
      </c>
      <c r="Q13" s="162">
        <v>0</v>
      </c>
      <c r="R13" s="160">
        <v>10</v>
      </c>
      <c r="S13" s="160">
        <v>27</v>
      </c>
      <c r="T13" s="160">
        <v>38</v>
      </c>
      <c r="U13" s="160">
        <v>81</v>
      </c>
      <c r="V13" s="160">
        <v>162</v>
      </c>
      <c r="W13" s="165">
        <v>318</v>
      </c>
      <c r="X13" s="164">
        <v>319</v>
      </c>
      <c r="Y13" s="159">
        <v>174</v>
      </c>
      <c r="Z13" s="160">
        <v>303</v>
      </c>
      <c r="AA13" s="165">
        <v>477</v>
      </c>
      <c r="AB13" s="162">
        <v>0</v>
      </c>
      <c r="AC13" s="160">
        <v>859</v>
      </c>
      <c r="AD13" s="160">
        <v>591</v>
      </c>
      <c r="AE13" s="160">
        <v>368</v>
      </c>
      <c r="AF13" s="160">
        <v>336</v>
      </c>
      <c r="AG13" s="160">
        <v>280</v>
      </c>
      <c r="AH13" s="165">
        <v>2434</v>
      </c>
      <c r="AI13" s="164">
        <v>2911</v>
      </c>
      <c r="AJ13" s="159">
        <v>25</v>
      </c>
      <c r="AK13" s="160">
        <v>52</v>
      </c>
      <c r="AL13" s="165">
        <v>77</v>
      </c>
      <c r="AM13" s="162">
        <v>0</v>
      </c>
      <c r="AN13" s="160">
        <v>101</v>
      </c>
      <c r="AO13" s="160">
        <v>78</v>
      </c>
      <c r="AP13" s="160">
        <v>61</v>
      </c>
      <c r="AQ13" s="160">
        <v>39</v>
      </c>
      <c r="AR13" s="160">
        <v>46</v>
      </c>
      <c r="AS13" s="165">
        <v>325</v>
      </c>
      <c r="AT13" s="164">
        <v>402</v>
      </c>
      <c r="AU13" s="159">
        <v>204</v>
      </c>
      <c r="AV13" s="160">
        <v>279</v>
      </c>
      <c r="AW13" s="165">
        <v>483</v>
      </c>
      <c r="AX13" s="162">
        <v>0</v>
      </c>
      <c r="AY13" s="160">
        <v>1363</v>
      </c>
      <c r="AZ13" s="160">
        <v>1127</v>
      </c>
      <c r="BA13" s="160">
        <v>1011</v>
      </c>
      <c r="BB13" s="160">
        <v>1019</v>
      </c>
      <c r="BC13" s="160">
        <v>786</v>
      </c>
      <c r="BD13" s="163">
        <v>5306</v>
      </c>
      <c r="BE13" s="164">
        <v>5789</v>
      </c>
      <c r="BF13" s="159">
        <v>0</v>
      </c>
      <c r="BG13" s="160">
        <v>0</v>
      </c>
      <c r="BH13" s="165">
        <v>0</v>
      </c>
      <c r="BI13" s="162">
        <v>0</v>
      </c>
      <c r="BJ13" s="160">
        <v>1686</v>
      </c>
      <c r="BK13" s="160">
        <v>849</v>
      </c>
      <c r="BL13" s="160">
        <v>485</v>
      </c>
      <c r="BM13" s="160">
        <v>287</v>
      </c>
      <c r="BN13" s="160">
        <v>131</v>
      </c>
      <c r="BO13" s="165">
        <v>3438</v>
      </c>
      <c r="BP13" s="164">
        <v>3438</v>
      </c>
      <c r="BQ13" s="159">
        <v>50</v>
      </c>
      <c r="BR13" s="160">
        <v>76</v>
      </c>
      <c r="BS13" s="165">
        <v>126</v>
      </c>
      <c r="BT13" s="162">
        <v>0</v>
      </c>
      <c r="BU13" s="160">
        <v>241</v>
      </c>
      <c r="BV13" s="160">
        <v>191</v>
      </c>
      <c r="BW13" s="160">
        <v>100</v>
      </c>
      <c r="BX13" s="160">
        <v>70</v>
      </c>
      <c r="BY13" s="160">
        <v>35</v>
      </c>
      <c r="BZ13" s="165">
        <v>637</v>
      </c>
      <c r="CA13" s="164">
        <v>763</v>
      </c>
      <c r="CB13" s="159">
        <v>3</v>
      </c>
      <c r="CC13" s="160">
        <v>19</v>
      </c>
      <c r="CD13" s="165">
        <v>22</v>
      </c>
      <c r="CE13" s="162">
        <v>0</v>
      </c>
      <c r="CF13" s="160">
        <v>200</v>
      </c>
      <c r="CG13" s="160">
        <v>169</v>
      </c>
      <c r="CH13" s="160">
        <v>192</v>
      </c>
      <c r="CI13" s="160">
        <v>146</v>
      </c>
      <c r="CJ13" s="160">
        <v>85</v>
      </c>
      <c r="CK13" s="165">
        <v>792</v>
      </c>
      <c r="CL13" s="164">
        <v>814</v>
      </c>
      <c r="CM13" s="159">
        <v>0</v>
      </c>
      <c r="CN13" s="160">
        <v>0</v>
      </c>
      <c r="CO13" s="165">
        <v>0</v>
      </c>
      <c r="CP13" s="162">
        <v>0</v>
      </c>
      <c r="CQ13" s="160">
        <v>8</v>
      </c>
      <c r="CR13" s="160">
        <v>18</v>
      </c>
      <c r="CS13" s="160">
        <v>22</v>
      </c>
      <c r="CT13" s="160">
        <v>11</v>
      </c>
      <c r="CU13" s="160">
        <v>8</v>
      </c>
      <c r="CV13" s="165">
        <v>67</v>
      </c>
      <c r="CW13" s="164">
        <v>67</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996</v>
      </c>
      <c r="DU13" s="160">
        <v>1333</v>
      </c>
      <c r="DV13" s="165">
        <v>2329</v>
      </c>
      <c r="DW13" s="162">
        <v>0</v>
      </c>
      <c r="DX13" s="160">
        <v>2077</v>
      </c>
      <c r="DY13" s="160">
        <v>1647</v>
      </c>
      <c r="DZ13" s="160">
        <v>1035</v>
      </c>
      <c r="EA13" s="160">
        <v>911</v>
      </c>
      <c r="EB13" s="160">
        <v>597</v>
      </c>
      <c r="EC13" s="165">
        <v>6267</v>
      </c>
      <c r="ED13" s="164">
        <v>8596</v>
      </c>
      <c r="EE13" s="159">
        <v>79</v>
      </c>
      <c r="EF13" s="160">
        <v>66</v>
      </c>
      <c r="EG13" s="165">
        <v>145</v>
      </c>
      <c r="EH13" s="162">
        <v>0</v>
      </c>
      <c r="EI13" s="160">
        <v>292</v>
      </c>
      <c r="EJ13" s="160">
        <v>242</v>
      </c>
      <c r="EK13" s="160">
        <v>228</v>
      </c>
      <c r="EL13" s="160">
        <v>230</v>
      </c>
      <c r="EM13" s="160">
        <v>145</v>
      </c>
      <c r="EN13" s="165">
        <v>1137</v>
      </c>
      <c r="EO13" s="164">
        <v>1282</v>
      </c>
      <c r="EP13" s="159">
        <v>1160</v>
      </c>
      <c r="EQ13" s="160">
        <v>1519</v>
      </c>
      <c r="ER13" s="165">
        <v>2679</v>
      </c>
      <c r="ES13" s="162">
        <v>0</v>
      </c>
      <c r="ET13" s="160">
        <v>3423</v>
      </c>
      <c r="EU13" s="160">
        <v>1927</v>
      </c>
      <c r="EV13" s="160">
        <v>1104</v>
      </c>
      <c r="EW13" s="160">
        <v>863</v>
      </c>
      <c r="EX13" s="160">
        <v>544</v>
      </c>
      <c r="EY13" s="165">
        <v>7861</v>
      </c>
      <c r="EZ13" s="164">
        <v>10540</v>
      </c>
    </row>
    <row r="14" spans="2:156" ht="21" customHeight="1" x14ac:dyDescent="0.2">
      <c r="B14" s="166" t="s">
        <v>11</v>
      </c>
      <c r="C14" s="159">
        <v>0</v>
      </c>
      <c r="D14" s="160">
        <v>0</v>
      </c>
      <c r="E14" s="161">
        <v>0</v>
      </c>
      <c r="F14" s="162">
        <v>0</v>
      </c>
      <c r="G14" s="160">
        <v>510</v>
      </c>
      <c r="H14" s="160">
        <v>359</v>
      </c>
      <c r="I14" s="160">
        <v>253</v>
      </c>
      <c r="J14" s="160">
        <v>257</v>
      </c>
      <c r="K14" s="160">
        <v>166</v>
      </c>
      <c r="L14" s="163">
        <v>1545</v>
      </c>
      <c r="M14" s="164">
        <v>1545</v>
      </c>
      <c r="N14" s="159">
        <v>0</v>
      </c>
      <c r="O14" s="160">
        <v>0</v>
      </c>
      <c r="P14" s="165">
        <v>0</v>
      </c>
      <c r="Q14" s="162">
        <v>0</v>
      </c>
      <c r="R14" s="160">
        <v>6</v>
      </c>
      <c r="S14" s="160">
        <v>8</v>
      </c>
      <c r="T14" s="160">
        <v>23</v>
      </c>
      <c r="U14" s="160">
        <v>60</v>
      </c>
      <c r="V14" s="160">
        <v>59</v>
      </c>
      <c r="W14" s="165">
        <v>156</v>
      </c>
      <c r="X14" s="164">
        <v>156</v>
      </c>
      <c r="Y14" s="159">
        <v>45</v>
      </c>
      <c r="Z14" s="160">
        <v>76</v>
      </c>
      <c r="AA14" s="165">
        <v>121</v>
      </c>
      <c r="AB14" s="162">
        <v>0</v>
      </c>
      <c r="AC14" s="160">
        <v>315</v>
      </c>
      <c r="AD14" s="160">
        <v>236</v>
      </c>
      <c r="AE14" s="160">
        <v>185</v>
      </c>
      <c r="AF14" s="160">
        <v>216</v>
      </c>
      <c r="AG14" s="160">
        <v>135</v>
      </c>
      <c r="AH14" s="165">
        <v>1087</v>
      </c>
      <c r="AI14" s="164">
        <v>1208</v>
      </c>
      <c r="AJ14" s="159">
        <v>4</v>
      </c>
      <c r="AK14" s="160">
        <v>5</v>
      </c>
      <c r="AL14" s="165">
        <v>9</v>
      </c>
      <c r="AM14" s="162">
        <v>0</v>
      </c>
      <c r="AN14" s="160">
        <v>23</v>
      </c>
      <c r="AO14" s="160">
        <v>31</v>
      </c>
      <c r="AP14" s="160">
        <v>21</v>
      </c>
      <c r="AQ14" s="160">
        <v>26</v>
      </c>
      <c r="AR14" s="160">
        <v>5</v>
      </c>
      <c r="AS14" s="165">
        <v>106</v>
      </c>
      <c r="AT14" s="164">
        <v>115</v>
      </c>
      <c r="AU14" s="159">
        <v>57</v>
      </c>
      <c r="AV14" s="160">
        <v>50</v>
      </c>
      <c r="AW14" s="165">
        <v>107</v>
      </c>
      <c r="AX14" s="162">
        <v>0</v>
      </c>
      <c r="AY14" s="160">
        <v>448</v>
      </c>
      <c r="AZ14" s="160">
        <v>499</v>
      </c>
      <c r="BA14" s="160">
        <v>444</v>
      </c>
      <c r="BB14" s="160">
        <v>469</v>
      </c>
      <c r="BC14" s="160">
        <v>310</v>
      </c>
      <c r="BD14" s="163">
        <v>2170</v>
      </c>
      <c r="BE14" s="164">
        <v>2277</v>
      </c>
      <c r="BF14" s="159">
        <v>0</v>
      </c>
      <c r="BG14" s="160">
        <v>0</v>
      </c>
      <c r="BH14" s="165">
        <v>0</v>
      </c>
      <c r="BI14" s="162">
        <v>0</v>
      </c>
      <c r="BJ14" s="160">
        <v>683</v>
      </c>
      <c r="BK14" s="160">
        <v>420</v>
      </c>
      <c r="BL14" s="160">
        <v>269</v>
      </c>
      <c r="BM14" s="160">
        <v>202</v>
      </c>
      <c r="BN14" s="160">
        <v>86</v>
      </c>
      <c r="BO14" s="165">
        <v>1660</v>
      </c>
      <c r="BP14" s="164">
        <v>1660</v>
      </c>
      <c r="BQ14" s="159">
        <v>110</v>
      </c>
      <c r="BR14" s="160">
        <v>84</v>
      </c>
      <c r="BS14" s="165">
        <v>194</v>
      </c>
      <c r="BT14" s="162">
        <v>0</v>
      </c>
      <c r="BU14" s="160">
        <v>246</v>
      </c>
      <c r="BV14" s="160">
        <v>157</v>
      </c>
      <c r="BW14" s="160">
        <v>96</v>
      </c>
      <c r="BX14" s="160">
        <v>73</v>
      </c>
      <c r="BY14" s="160">
        <v>23</v>
      </c>
      <c r="BZ14" s="165">
        <v>595</v>
      </c>
      <c r="CA14" s="164">
        <v>789</v>
      </c>
      <c r="CB14" s="159">
        <v>6</v>
      </c>
      <c r="CC14" s="160">
        <v>10</v>
      </c>
      <c r="CD14" s="165">
        <v>16</v>
      </c>
      <c r="CE14" s="162">
        <v>0</v>
      </c>
      <c r="CF14" s="160">
        <v>96</v>
      </c>
      <c r="CG14" s="160">
        <v>74</v>
      </c>
      <c r="CH14" s="160">
        <v>109</v>
      </c>
      <c r="CI14" s="160">
        <v>82</v>
      </c>
      <c r="CJ14" s="160">
        <v>42</v>
      </c>
      <c r="CK14" s="165">
        <v>403</v>
      </c>
      <c r="CL14" s="164">
        <v>419</v>
      </c>
      <c r="CM14" s="159">
        <v>0</v>
      </c>
      <c r="CN14" s="160">
        <v>1</v>
      </c>
      <c r="CO14" s="165">
        <v>1</v>
      </c>
      <c r="CP14" s="162">
        <v>0</v>
      </c>
      <c r="CQ14" s="160">
        <v>6</v>
      </c>
      <c r="CR14" s="160">
        <v>7</v>
      </c>
      <c r="CS14" s="160">
        <v>7</v>
      </c>
      <c r="CT14" s="160">
        <v>8</v>
      </c>
      <c r="CU14" s="160">
        <v>12</v>
      </c>
      <c r="CV14" s="165">
        <v>40</v>
      </c>
      <c r="CW14" s="164">
        <v>41</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408</v>
      </c>
      <c r="DU14" s="160">
        <v>492</v>
      </c>
      <c r="DV14" s="165">
        <v>900</v>
      </c>
      <c r="DW14" s="162">
        <v>0</v>
      </c>
      <c r="DX14" s="160">
        <v>1010</v>
      </c>
      <c r="DY14" s="160">
        <v>890</v>
      </c>
      <c r="DZ14" s="160">
        <v>656</v>
      </c>
      <c r="EA14" s="160">
        <v>551</v>
      </c>
      <c r="EB14" s="160">
        <v>275</v>
      </c>
      <c r="EC14" s="165">
        <v>3382</v>
      </c>
      <c r="ED14" s="164">
        <v>4282</v>
      </c>
      <c r="EE14" s="159">
        <v>40</v>
      </c>
      <c r="EF14" s="160">
        <v>25</v>
      </c>
      <c r="EG14" s="165">
        <v>65</v>
      </c>
      <c r="EH14" s="162">
        <v>0</v>
      </c>
      <c r="EI14" s="160">
        <v>182</v>
      </c>
      <c r="EJ14" s="160">
        <v>155</v>
      </c>
      <c r="EK14" s="160">
        <v>118</v>
      </c>
      <c r="EL14" s="160">
        <v>152</v>
      </c>
      <c r="EM14" s="160">
        <v>73</v>
      </c>
      <c r="EN14" s="165">
        <v>680</v>
      </c>
      <c r="EO14" s="164">
        <v>745</v>
      </c>
      <c r="EP14" s="159">
        <v>518</v>
      </c>
      <c r="EQ14" s="160">
        <v>580</v>
      </c>
      <c r="ER14" s="165">
        <v>1098</v>
      </c>
      <c r="ES14" s="162">
        <v>0</v>
      </c>
      <c r="ET14" s="160">
        <v>1706</v>
      </c>
      <c r="EU14" s="160">
        <v>1056</v>
      </c>
      <c r="EV14" s="160">
        <v>695</v>
      </c>
      <c r="EW14" s="160">
        <v>541</v>
      </c>
      <c r="EX14" s="160">
        <v>256</v>
      </c>
      <c r="EY14" s="165">
        <v>4254</v>
      </c>
      <c r="EZ14" s="164">
        <v>5352</v>
      </c>
    </row>
    <row r="15" spans="2:156" ht="21" customHeight="1" x14ac:dyDescent="0.2">
      <c r="B15" s="166" t="s">
        <v>12</v>
      </c>
      <c r="C15" s="159">
        <v>0</v>
      </c>
      <c r="D15" s="160">
        <v>0</v>
      </c>
      <c r="E15" s="161">
        <v>0</v>
      </c>
      <c r="F15" s="162">
        <v>0</v>
      </c>
      <c r="G15" s="160">
        <v>516</v>
      </c>
      <c r="H15" s="160">
        <v>497</v>
      </c>
      <c r="I15" s="160">
        <v>323</v>
      </c>
      <c r="J15" s="160">
        <v>294</v>
      </c>
      <c r="K15" s="160">
        <v>231</v>
      </c>
      <c r="L15" s="163">
        <v>1861</v>
      </c>
      <c r="M15" s="164">
        <v>1861</v>
      </c>
      <c r="N15" s="159">
        <v>0</v>
      </c>
      <c r="O15" s="160">
        <v>5</v>
      </c>
      <c r="P15" s="165">
        <v>5</v>
      </c>
      <c r="Q15" s="162">
        <v>0</v>
      </c>
      <c r="R15" s="160">
        <v>2</v>
      </c>
      <c r="S15" s="160">
        <v>16</v>
      </c>
      <c r="T15" s="160">
        <v>17</v>
      </c>
      <c r="U15" s="160">
        <v>72</v>
      </c>
      <c r="V15" s="160">
        <v>77</v>
      </c>
      <c r="W15" s="165">
        <v>184</v>
      </c>
      <c r="X15" s="164">
        <v>189</v>
      </c>
      <c r="Y15" s="159">
        <v>110</v>
      </c>
      <c r="Z15" s="160">
        <v>310</v>
      </c>
      <c r="AA15" s="165">
        <v>420</v>
      </c>
      <c r="AB15" s="162">
        <v>0</v>
      </c>
      <c r="AC15" s="160">
        <v>365</v>
      </c>
      <c r="AD15" s="160">
        <v>440</v>
      </c>
      <c r="AE15" s="160">
        <v>242</v>
      </c>
      <c r="AF15" s="160">
        <v>247</v>
      </c>
      <c r="AG15" s="160">
        <v>190</v>
      </c>
      <c r="AH15" s="165">
        <v>1484</v>
      </c>
      <c r="AI15" s="164">
        <v>1904</v>
      </c>
      <c r="AJ15" s="159">
        <v>5</v>
      </c>
      <c r="AK15" s="160">
        <v>30</v>
      </c>
      <c r="AL15" s="165">
        <v>35</v>
      </c>
      <c r="AM15" s="162">
        <v>0</v>
      </c>
      <c r="AN15" s="160">
        <v>17</v>
      </c>
      <c r="AO15" s="160">
        <v>48</v>
      </c>
      <c r="AP15" s="160">
        <v>24</v>
      </c>
      <c r="AQ15" s="160">
        <v>19</v>
      </c>
      <c r="AR15" s="160">
        <v>14</v>
      </c>
      <c r="AS15" s="165">
        <v>122</v>
      </c>
      <c r="AT15" s="164">
        <v>157</v>
      </c>
      <c r="AU15" s="159">
        <v>72</v>
      </c>
      <c r="AV15" s="160">
        <v>135</v>
      </c>
      <c r="AW15" s="165">
        <v>207</v>
      </c>
      <c r="AX15" s="162">
        <v>0</v>
      </c>
      <c r="AY15" s="160">
        <v>348</v>
      </c>
      <c r="AZ15" s="160">
        <v>434</v>
      </c>
      <c r="BA15" s="160">
        <v>404</v>
      </c>
      <c r="BB15" s="160">
        <v>479</v>
      </c>
      <c r="BC15" s="160">
        <v>363</v>
      </c>
      <c r="BD15" s="163">
        <v>2028</v>
      </c>
      <c r="BE15" s="164">
        <v>2235</v>
      </c>
      <c r="BF15" s="159">
        <v>0</v>
      </c>
      <c r="BG15" s="160">
        <v>0</v>
      </c>
      <c r="BH15" s="165">
        <v>0</v>
      </c>
      <c r="BI15" s="162">
        <v>0</v>
      </c>
      <c r="BJ15" s="160">
        <v>679</v>
      </c>
      <c r="BK15" s="160">
        <v>481</v>
      </c>
      <c r="BL15" s="160">
        <v>262</v>
      </c>
      <c r="BM15" s="160">
        <v>193</v>
      </c>
      <c r="BN15" s="160">
        <v>99</v>
      </c>
      <c r="BO15" s="165">
        <v>1714</v>
      </c>
      <c r="BP15" s="164">
        <v>1714</v>
      </c>
      <c r="BQ15" s="159">
        <v>97</v>
      </c>
      <c r="BR15" s="160">
        <v>136</v>
      </c>
      <c r="BS15" s="165">
        <v>233</v>
      </c>
      <c r="BT15" s="162">
        <v>0</v>
      </c>
      <c r="BU15" s="160">
        <v>123</v>
      </c>
      <c r="BV15" s="160">
        <v>193</v>
      </c>
      <c r="BW15" s="160">
        <v>121</v>
      </c>
      <c r="BX15" s="160">
        <v>69</v>
      </c>
      <c r="BY15" s="160">
        <v>29</v>
      </c>
      <c r="BZ15" s="165">
        <v>535</v>
      </c>
      <c r="CA15" s="164">
        <v>768</v>
      </c>
      <c r="CB15" s="159">
        <v>4</v>
      </c>
      <c r="CC15" s="160">
        <v>15</v>
      </c>
      <c r="CD15" s="165">
        <v>19</v>
      </c>
      <c r="CE15" s="162">
        <v>0</v>
      </c>
      <c r="CF15" s="160">
        <v>96</v>
      </c>
      <c r="CG15" s="160">
        <v>119</v>
      </c>
      <c r="CH15" s="160">
        <v>131</v>
      </c>
      <c r="CI15" s="160">
        <v>96</v>
      </c>
      <c r="CJ15" s="160">
        <v>53</v>
      </c>
      <c r="CK15" s="165">
        <v>495</v>
      </c>
      <c r="CL15" s="164">
        <v>514</v>
      </c>
      <c r="CM15" s="159">
        <v>0</v>
      </c>
      <c r="CN15" s="160">
        <v>1</v>
      </c>
      <c r="CO15" s="165">
        <v>1</v>
      </c>
      <c r="CP15" s="162">
        <v>0</v>
      </c>
      <c r="CQ15" s="160">
        <v>5</v>
      </c>
      <c r="CR15" s="160">
        <v>6</v>
      </c>
      <c r="CS15" s="160">
        <v>7</v>
      </c>
      <c r="CT15" s="160">
        <v>6</v>
      </c>
      <c r="CU15" s="160">
        <v>3</v>
      </c>
      <c r="CV15" s="165">
        <v>27</v>
      </c>
      <c r="CW15" s="164">
        <v>28</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505</v>
      </c>
      <c r="DU15" s="160">
        <v>947</v>
      </c>
      <c r="DV15" s="165">
        <v>1452</v>
      </c>
      <c r="DW15" s="162">
        <v>0</v>
      </c>
      <c r="DX15" s="160">
        <v>648</v>
      </c>
      <c r="DY15" s="160">
        <v>1066</v>
      </c>
      <c r="DZ15" s="160">
        <v>682</v>
      </c>
      <c r="EA15" s="160">
        <v>617</v>
      </c>
      <c r="EB15" s="160">
        <v>388</v>
      </c>
      <c r="EC15" s="165">
        <v>3401</v>
      </c>
      <c r="ED15" s="164">
        <v>4853</v>
      </c>
      <c r="EE15" s="159">
        <v>36</v>
      </c>
      <c r="EF15" s="160">
        <v>46</v>
      </c>
      <c r="EG15" s="165">
        <v>82</v>
      </c>
      <c r="EH15" s="162">
        <v>0</v>
      </c>
      <c r="EI15" s="160">
        <v>134</v>
      </c>
      <c r="EJ15" s="160">
        <v>113</v>
      </c>
      <c r="EK15" s="160">
        <v>118</v>
      </c>
      <c r="EL15" s="160">
        <v>124</v>
      </c>
      <c r="EM15" s="160">
        <v>72</v>
      </c>
      <c r="EN15" s="165">
        <v>561</v>
      </c>
      <c r="EO15" s="164">
        <v>643</v>
      </c>
      <c r="EP15" s="159">
        <v>660</v>
      </c>
      <c r="EQ15" s="160">
        <v>1151</v>
      </c>
      <c r="ER15" s="165">
        <v>1811</v>
      </c>
      <c r="ES15" s="162">
        <v>0</v>
      </c>
      <c r="ET15" s="160">
        <v>1596</v>
      </c>
      <c r="EU15" s="160">
        <v>1336</v>
      </c>
      <c r="EV15" s="160">
        <v>766</v>
      </c>
      <c r="EW15" s="160">
        <v>620</v>
      </c>
      <c r="EX15" s="160">
        <v>365</v>
      </c>
      <c r="EY15" s="165">
        <v>4683</v>
      </c>
      <c r="EZ15" s="164">
        <v>6494</v>
      </c>
    </row>
    <row r="16" spans="2:156" ht="21" customHeight="1" x14ac:dyDescent="0.2">
      <c r="B16" s="166" t="s">
        <v>13</v>
      </c>
      <c r="C16" s="159">
        <v>0</v>
      </c>
      <c r="D16" s="160">
        <v>0</v>
      </c>
      <c r="E16" s="161">
        <v>0</v>
      </c>
      <c r="F16" s="162">
        <v>0</v>
      </c>
      <c r="G16" s="160">
        <v>248</v>
      </c>
      <c r="H16" s="160">
        <v>234</v>
      </c>
      <c r="I16" s="160">
        <v>143</v>
      </c>
      <c r="J16" s="160">
        <v>106</v>
      </c>
      <c r="K16" s="160">
        <v>97</v>
      </c>
      <c r="L16" s="163">
        <v>828</v>
      </c>
      <c r="M16" s="164">
        <v>828</v>
      </c>
      <c r="N16" s="159">
        <v>0</v>
      </c>
      <c r="O16" s="160">
        <v>0</v>
      </c>
      <c r="P16" s="165">
        <v>0</v>
      </c>
      <c r="Q16" s="162">
        <v>0</v>
      </c>
      <c r="R16" s="160">
        <v>1</v>
      </c>
      <c r="S16" s="160">
        <v>3</v>
      </c>
      <c r="T16" s="160">
        <v>6</v>
      </c>
      <c r="U16" s="160">
        <v>17</v>
      </c>
      <c r="V16" s="160">
        <v>39</v>
      </c>
      <c r="W16" s="165">
        <v>66</v>
      </c>
      <c r="X16" s="164">
        <v>66</v>
      </c>
      <c r="Y16" s="159">
        <v>14</v>
      </c>
      <c r="Z16" s="160">
        <v>25</v>
      </c>
      <c r="AA16" s="165">
        <v>39</v>
      </c>
      <c r="AB16" s="162">
        <v>0</v>
      </c>
      <c r="AC16" s="160">
        <v>117</v>
      </c>
      <c r="AD16" s="160">
        <v>186</v>
      </c>
      <c r="AE16" s="160">
        <v>100</v>
      </c>
      <c r="AF16" s="160">
        <v>80</v>
      </c>
      <c r="AG16" s="160">
        <v>67</v>
      </c>
      <c r="AH16" s="165">
        <v>550</v>
      </c>
      <c r="AI16" s="164">
        <v>589</v>
      </c>
      <c r="AJ16" s="159">
        <v>2</v>
      </c>
      <c r="AK16" s="160">
        <v>4</v>
      </c>
      <c r="AL16" s="165">
        <v>6</v>
      </c>
      <c r="AM16" s="162">
        <v>0</v>
      </c>
      <c r="AN16" s="160">
        <v>20</v>
      </c>
      <c r="AO16" s="160">
        <v>18</v>
      </c>
      <c r="AP16" s="160">
        <v>17</v>
      </c>
      <c r="AQ16" s="160">
        <v>5</v>
      </c>
      <c r="AR16" s="160">
        <v>11</v>
      </c>
      <c r="AS16" s="165">
        <v>71</v>
      </c>
      <c r="AT16" s="164">
        <v>77</v>
      </c>
      <c r="AU16" s="159">
        <v>26</v>
      </c>
      <c r="AV16" s="160">
        <v>27</v>
      </c>
      <c r="AW16" s="165">
        <v>53</v>
      </c>
      <c r="AX16" s="162">
        <v>0</v>
      </c>
      <c r="AY16" s="160">
        <v>207</v>
      </c>
      <c r="AZ16" s="160">
        <v>228</v>
      </c>
      <c r="BA16" s="160">
        <v>200</v>
      </c>
      <c r="BB16" s="160">
        <v>189</v>
      </c>
      <c r="BC16" s="160">
        <v>184</v>
      </c>
      <c r="BD16" s="163">
        <v>1008</v>
      </c>
      <c r="BE16" s="164">
        <v>1061</v>
      </c>
      <c r="BF16" s="159">
        <v>0</v>
      </c>
      <c r="BG16" s="160">
        <v>0</v>
      </c>
      <c r="BH16" s="165">
        <v>0</v>
      </c>
      <c r="BI16" s="162">
        <v>0</v>
      </c>
      <c r="BJ16" s="160">
        <v>199</v>
      </c>
      <c r="BK16" s="160">
        <v>213</v>
      </c>
      <c r="BL16" s="160">
        <v>98</v>
      </c>
      <c r="BM16" s="160">
        <v>56</v>
      </c>
      <c r="BN16" s="160">
        <v>33</v>
      </c>
      <c r="BO16" s="165">
        <v>599</v>
      </c>
      <c r="BP16" s="164">
        <v>599</v>
      </c>
      <c r="BQ16" s="159">
        <v>10</v>
      </c>
      <c r="BR16" s="160">
        <v>17</v>
      </c>
      <c r="BS16" s="165">
        <v>27</v>
      </c>
      <c r="BT16" s="162">
        <v>0</v>
      </c>
      <c r="BU16" s="160">
        <v>39</v>
      </c>
      <c r="BV16" s="160">
        <v>41</v>
      </c>
      <c r="BW16" s="160">
        <v>26</v>
      </c>
      <c r="BX16" s="160">
        <v>19</v>
      </c>
      <c r="BY16" s="160">
        <v>12</v>
      </c>
      <c r="BZ16" s="165">
        <v>137</v>
      </c>
      <c r="CA16" s="164">
        <v>164</v>
      </c>
      <c r="CB16" s="159">
        <v>0</v>
      </c>
      <c r="CC16" s="160">
        <v>0</v>
      </c>
      <c r="CD16" s="165">
        <v>0</v>
      </c>
      <c r="CE16" s="162">
        <v>0</v>
      </c>
      <c r="CF16" s="160">
        <v>14</v>
      </c>
      <c r="CG16" s="160">
        <v>24</v>
      </c>
      <c r="CH16" s="160">
        <v>43</v>
      </c>
      <c r="CI16" s="160">
        <v>32</v>
      </c>
      <c r="CJ16" s="160">
        <v>29</v>
      </c>
      <c r="CK16" s="165">
        <v>142</v>
      </c>
      <c r="CL16" s="164">
        <v>142</v>
      </c>
      <c r="CM16" s="159">
        <v>0</v>
      </c>
      <c r="CN16" s="160">
        <v>0</v>
      </c>
      <c r="CO16" s="165">
        <v>0</v>
      </c>
      <c r="CP16" s="162">
        <v>0</v>
      </c>
      <c r="CQ16" s="160">
        <v>2</v>
      </c>
      <c r="CR16" s="160">
        <v>3</v>
      </c>
      <c r="CS16" s="160">
        <v>3</v>
      </c>
      <c r="CT16" s="160">
        <v>6</v>
      </c>
      <c r="CU16" s="160">
        <v>2</v>
      </c>
      <c r="CV16" s="165">
        <v>16</v>
      </c>
      <c r="CW16" s="164">
        <v>16</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80</v>
      </c>
      <c r="DU16" s="160">
        <v>174</v>
      </c>
      <c r="DV16" s="165">
        <v>254</v>
      </c>
      <c r="DW16" s="162">
        <v>0</v>
      </c>
      <c r="DX16" s="160">
        <v>277</v>
      </c>
      <c r="DY16" s="160">
        <v>424</v>
      </c>
      <c r="DZ16" s="160">
        <v>246</v>
      </c>
      <c r="EA16" s="160">
        <v>180</v>
      </c>
      <c r="EB16" s="160">
        <v>135</v>
      </c>
      <c r="EC16" s="165">
        <v>1262</v>
      </c>
      <c r="ED16" s="164">
        <v>1516</v>
      </c>
      <c r="EE16" s="159">
        <v>12</v>
      </c>
      <c r="EF16" s="160">
        <v>12</v>
      </c>
      <c r="EG16" s="165">
        <v>24</v>
      </c>
      <c r="EH16" s="162">
        <v>0</v>
      </c>
      <c r="EI16" s="160">
        <v>82</v>
      </c>
      <c r="EJ16" s="160">
        <v>68</v>
      </c>
      <c r="EK16" s="160">
        <v>70</v>
      </c>
      <c r="EL16" s="160">
        <v>69</v>
      </c>
      <c r="EM16" s="160">
        <v>46</v>
      </c>
      <c r="EN16" s="165">
        <v>335</v>
      </c>
      <c r="EO16" s="164">
        <v>359</v>
      </c>
      <c r="EP16" s="159">
        <v>100</v>
      </c>
      <c r="EQ16" s="160">
        <v>197</v>
      </c>
      <c r="ER16" s="165">
        <v>297</v>
      </c>
      <c r="ES16" s="162">
        <v>0</v>
      </c>
      <c r="ET16" s="160">
        <v>611</v>
      </c>
      <c r="EU16" s="160">
        <v>587</v>
      </c>
      <c r="EV16" s="160">
        <v>295</v>
      </c>
      <c r="EW16" s="160">
        <v>197</v>
      </c>
      <c r="EX16" s="160">
        <v>152</v>
      </c>
      <c r="EY16" s="165">
        <v>1842</v>
      </c>
      <c r="EZ16" s="164">
        <v>2139</v>
      </c>
    </row>
    <row r="17" spans="2:156" ht="21" customHeight="1" x14ac:dyDescent="0.2">
      <c r="B17" s="166" t="s">
        <v>15</v>
      </c>
      <c r="C17" s="159">
        <v>0</v>
      </c>
      <c r="D17" s="160">
        <v>0</v>
      </c>
      <c r="E17" s="161">
        <v>0</v>
      </c>
      <c r="F17" s="162">
        <v>0</v>
      </c>
      <c r="G17" s="160">
        <v>118</v>
      </c>
      <c r="H17" s="160">
        <v>168</v>
      </c>
      <c r="I17" s="160">
        <v>84</v>
      </c>
      <c r="J17" s="160">
        <v>56</v>
      </c>
      <c r="K17" s="160">
        <v>42</v>
      </c>
      <c r="L17" s="163">
        <v>468</v>
      </c>
      <c r="M17" s="164">
        <v>468</v>
      </c>
      <c r="N17" s="159">
        <v>0</v>
      </c>
      <c r="O17" s="160">
        <v>0</v>
      </c>
      <c r="P17" s="165">
        <v>0</v>
      </c>
      <c r="Q17" s="162">
        <v>0</v>
      </c>
      <c r="R17" s="160">
        <v>0</v>
      </c>
      <c r="S17" s="160">
        <v>3</v>
      </c>
      <c r="T17" s="160">
        <v>8</v>
      </c>
      <c r="U17" s="160">
        <v>17</v>
      </c>
      <c r="V17" s="160">
        <v>21</v>
      </c>
      <c r="W17" s="165">
        <v>49</v>
      </c>
      <c r="X17" s="164">
        <v>49</v>
      </c>
      <c r="Y17" s="159">
        <v>8</v>
      </c>
      <c r="Z17" s="160">
        <v>20</v>
      </c>
      <c r="AA17" s="165">
        <v>28</v>
      </c>
      <c r="AB17" s="162">
        <v>0</v>
      </c>
      <c r="AC17" s="160">
        <v>66</v>
      </c>
      <c r="AD17" s="160">
        <v>79</v>
      </c>
      <c r="AE17" s="160">
        <v>51</v>
      </c>
      <c r="AF17" s="160">
        <v>43</v>
      </c>
      <c r="AG17" s="160">
        <v>40</v>
      </c>
      <c r="AH17" s="165">
        <v>279</v>
      </c>
      <c r="AI17" s="164">
        <v>307</v>
      </c>
      <c r="AJ17" s="159">
        <v>0</v>
      </c>
      <c r="AK17" s="160">
        <v>2</v>
      </c>
      <c r="AL17" s="165">
        <v>2</v>
      </c>
      <c r="AM17" s="162">
        <v>0</v>
      </c>
      <c r="AN17" s="160">
        <v>10</v>
      </c>
      <c r="AO17" s="160">
        <v>15</v>
      </c>
      <c r="AP17" s="160">
        <v>4</v>
      </c>
      <c r="AQ17" s="160">
        <v>4</v>
      </c>
      <c r="AR17" s="160">
        <v>5</v>
      </c>
      <c r="AS17" s="165">
        <v>38</v>
      </c>
      <c r="AT17" s="164">
        <v>40</v>
      </c>
      <c r="AU17" s="159">
        <v>14</v>
      </c>
      <c r="AV17" s="160">
        <v>14</v>
      </c>
      <c r="AW17" s="165">
        <v>28</v>
      </c>
      <c r="AX17" s="162">
        <v>0</v>
      </c>
      <c r="AY17" s="160">
        <v>115</v>
      </c>
      <c r="AZ17" s="160">
        <v>118</v>
      </c>
      <c r="BA17" s="160">
        <v>107</v>
      </c>
      <c r="BB17" s="160">
        <v>118</v>
      </c>
      <c r="BC17" s="160">
        <v>75</v>
      </c>
      <c r="BD17" s="163">
        <v>533</v>
      </c>
      <c r="BE17" s="164">
        <v>561</v>
      </c>
      <c r="BF17" s="159">
        <v>0</v>
      </c>
      <c r="BG17" s="160">
        <v>0</v>
      </c>
      <c r="BH17" s="165">
        <v>0</v>
      </c>
      <c r="BI17" s="162">
        <v>0</v>
      </c>
      <c r="BJ17" s="160">
        <v>129</v>
      </c>
      <c r="BK17" s="160">
        <v>129</v>
      </c>
      <c r="BL17" s="160">
        <v>59</v>
      </c>
      <c r="BM17" s="160">
        <v>35</v>
      </c>
      <c r="BN17" s="160">
        <v>11</v>
      </c>
      <c r="BO17" s="165">
        <v>363</v>
      </c>
      <c r="BP17" s="164">
        <v>363</v>
      </c>
      <c r="BQ17" s="159">
        <v>3</v>
      </c>
      <c r="BR17" s="160">
        <v>5</v>
      </c>
      <c r="BS17" s="165">
        <v>8</v>
      </c>
      <c r="BT17" s="162">
        <v>0</v>
      </c>
      <c r="BU17" s="160">
        <v>32</v>
      </c>
      <c r="BV17" s="160">
        <v>38</v>
      </c>
      <c r="BW17" s="160">
        <v>21</v>
      </c>
      <c r="BX17" s="160">
        <v>15</v>
      </c>
      <c r="BY17" s="160">
        <v>6</v>
      </c>
      <c r="BZ17" s="165">
        <v>112</v>
      </c>
      <c r="CA17" s="164">
        <v>120</v>
      </c>
      <c r="CB17" s="159">
        <v>0</v>
      </c>
      <c r="CC17" s="160">
        <v>0</v>
      </c>
      <c r="CD17" s="165">
        <v>0</v>
      </c>
      <c r="CE17" s="162">
        <v>0</v>
      </c>
      <c r="CF17" s="160">
        <v>19</v>
      </c>
      <c r="CG17" s="160">
        <v>33</v>
      </c>
      <c r="CH17" s="160">
        <v>51</v>
      </c>
      <c r="CI17" s="160">
        <v>37</v>
      </c>
      <c r="CJ17" s="160">
        <v>18</v>
      </c>
      <c r="CK17" s="165">
        <v>158</v>
      </c>
      <c r="CL17" s="164">
        <v>158</v>
      </c>
      <c r="CM17" s="159">
        <v>0</v>
      </c>
      <c r="CN17" s="160">
        <v>0</v>
      </c>
      <c r="CO17" s="165">
        <v>0</v>
      </c>
      <c r="CP17" s="162">
        <v>0</v>
      </c>
      <c r="CQ17" s="160">
        <v>2</v>
      </c>
      <c r="CR17" s="160">
        <v>5</v>
      </c>
      <c r="CS17" s="160">
        <v>3</v>
      </c>
      <c r="CT17" s="160">
        <v>3</v>
      </c>
      <c r="CU17" s="160">
        <v>1</v>
      </c>
      <c r="CV17" s="165">
        <v>14</v>
      </c>
      <c r="CW17" s="164">
        <v>14</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67</v>
      </c>
      <c r="DU17" s="160">
        <v>171</v>
      </c>
      <c r="DV17" s="165">
        <v>238</v>
      </c>
      <c r="DW17" s="162">
        <v>0</v>
      </c>
      <c r="DX17" s="160">
        <v>228</v>
      </c>
      <c r="DY17" s="160">
        <v>359</v>
      </c>
      <c r="DZ17" s="160">
        <v>183</v>
      </c>
      <c r="EA17" s="160">
        <v>128</v>
      </c>
      <c r="EB17" s="160">
        <v>76</v>
      </c>
      <c r="EC17" s="165">
        <v>974</v>
      </c>
      <c r="ED17" s="164">
        <v>1212</v>
      </c>
      <c r="EE17" s="159">
        <v>22</v>
      </c>
      <c r="EF17" s="160">
        <v>10</v>
      </c>
      <c r="EG17" s="165">
        <v>32</v>
      </c>
      <c r="EH17" s="162">
        <v>0</v>
      </c>
      <c r="EI17" s="160">
        <v>51</v>
      </c>
      <c r="EJ17" s="160">
        <v>23</v>
      </c>
      <c r="EK17" s="160">
        <v>24</v>
      </c>
      <c r="EL17" s="160">
        <v>37</v>
      </c>
      <c r="EM17" s="160">
        <v>16</v>
      </c>
      <c r="EN17" s="165">
        <v>151</v>
      </c>
      <c r="EO17" s="164">
        <v>183</v>
      </c>
      <c r="EP17" s="159">
        <v>77</v>
      </c>
      <c r="EQ17" s="160">
        <v>179</v>
      </c>
      <c r="ER17" s="165">
        <v>256</v>
      </c>
      <c r="ES17" s="162">
        <v>0</v>
      </c>
      <c r="ET17" s="160">
        <v>453</v>
      </c>
      <c r="EU17" s="160">
        <v>472</v>
      </c>
      <c r="EV17" s="160">
        <v>238</v>
      </c>
      <c r="EW17" s="160">
        <v>148</v>
      </c>
      <c r="EX17" s="160">
        <v>86</v>
      </c>
      <c r="EY17" s="165">
        <v>1397</v>
      </c>
      <c r="EZ17" s="164">
        <v>1653</v>
      </c>
    </row>
    <row r="18" spans="2:156" ht="21" customHeight="1" x14ac:dyDescent="0.2">
      <c r="B18" s="166" t="s">
        <v>16</v>
      </c>
      <c r="C18" s="159">
        <v>0</v>
      </c>
      <c r="D18" s="160">
        <v>0</v>
      </c>
      <c r="E18" s="161">
        <v>0</v>
      </c>
      <c r="F18" s="162">
        <v>0</v>
      </c>
      <c r="G18" s="160">
        <v>180</v>
      </c>
      <c r="H18" s="160">
        <v>283</v>
      </c>
      <c r="I18" s="160">
        <v>143</v>
      </c>
      <c r="J18" s="160">
        <v>131</v>
      </c>
      <c r="K18" s="160">
        <v>81</v>
      </c>
      <c r="L18" s="163">
        <v>818</v>
      </c>
      <c r="M18" s="164">
        <v>818</v>
      </c>
      <c r="N18" s="159">
        <v>0</v>
      </c>
      <c r="O18" s="160">
        <v>0</v>
      </c>
      <c r="P18" s="165">
        <v>0</v>
      </c>
      <c r="Q18" s="162">
        <v>0</v>
      </c>
      <c r="R18" s="160">
        <v>1</v>
      </c>
      <c r="S18" s="160">
        <v>5</v>
      </c>
      <c r="T18" s="160">
        <v>9</v>
      </c>
      <c r="U18" s="160">
        <v>29</v>
      </c>
      <c r="V18" s="160">
        <v>48</v>
      </c>
      <c r="W18" s="165">
        <v>92</v>
      </c>
      <c r="X18" s="164">
        <v>92</v>
      </c>
      <c r="Y18" s="159">
        <v>35</v>
      </c>
      <c r="Z18" s="160">
        <v>60</v>
      </c>
      <c r="AA18" s="165">
        <v>95</v>
      </c>
      <c r="AB18" s="162">
        <v>0</v>
      </c>
      <c r="AC18" s="160">
        <v>159</v>
      </c>
      <c r="AD18" s="160">
        <v>293</v>
      </c>
      <c r="AE18" s="160">
        <v>156</v>
      </c>
      <c r="AF18" s="160">
        <v>166</v>
      </c>
      <c r="AG18" s="160">
        <v>109</v>
      </c>
      <c r="AH18" s="165">
        <v>883</v>
      </c>
      <c r="AI18" s="164">
        <v>978</v>
      </c>
      <c r="AJ18" s="159">
        <v>5</v>
      </c>
      <c r="AK18" s="160">
        <v>9</v>
      </c>
      <c r="AL18" s="165">
        <v>14</v>
      </c>
      <c r="AM18" s="162">
        <v>0</v>
      </c>
      <c r="AN18" s="160">
        <v>9</v>
      </c>
      <c r="AO18" s="160">
        <v>37</v>
      </c>
      <c r="AP18" s="160">
        <v>11</v>
      </c>
      <c r="AQ18" s="160">
        <v>7</v>
      </c>
      <c r="AR18" s="160">
        <v>11</v>
      </c>
      <c r="AS18" s="165">
        <v>75</v>
      </c>
      <c r="AT18" s="164">
        <v>89</v>
      </c>
      <c r="AU18" s="159">
        <v>43</v>
      </c>
      <c r="AV18" s="160">
        <v>46</v>
      </c>
      <c r="AW18" s="165">
        <v>89</v>
      </c>
      <c r="AX18" s="162">
        <v>0</v>
      </c>
      <c r="AY18" s="160">
        <v>225</v>
      </c>
      <c r="AZ18" s="160">
        <v>343</v>
      </c>
      <c r="BA18" s="160">
        <v>279</v>
      </c>
      <c r="BB18" s="160">
        <v>309</v>
      </c>
      <c r="BC18" s="160">
        <v>208</v>
      </c>
      <c r="BD18" s="163">
        <v>1364</v>
      </c>
      <c r="BE18" s="164">
        <v>1453</v>
      </c>
      <c r="BF18" s="159">
        <v>0</v>
      </c>
      <c r="BG18" s="160">
        <v>0</v>
      </c>
      <c r="BH18" s="165">
        <v>0</v>
      </c>
      <c r="BI18" s="162">
        <v>0</v>
      </c>
      <c r="BJ18" s="160">
        <v>306</v>
      </c>
      <c r="BK18" s="160">
        <v>406</v>
      </c>
      <c r="BL18" s="160">
        <v>196</v>
      </c>
      <c r="BM18" s="160">
        <v>154</v>
      </c>
      <c r="BN18" s="160">
        <v>83</v>
      </c>
      <c r="BO18" s="165">
        <v>1145</v>
      </c>
      <c r="BP18" s="164">
        <v>1145</v>
      </c>
      <c r="BQ18" s="159">
        <v>48</v>
      </c>
      <c r="BR18" s="160">
        <v>108</v>
      </c>
      <c r="BS18" s="165">
        <v>156</v>
      </c>
      <c r="BT18" s="162">
        <v>0</v>
      </c>
      <c r="BU18" s="160">
        <v>169</v>
      </c>
      <c r="BV18" s="160">
        <v>257</v>
      </c>
      <c r="BW18" s="160">
        <v>96</v>
      </c>
      <c r="BX18" s="160">
        <v>52</v>
      </c>
      <c r="BY18" s="160">
        <v>19</v>
      </c>
      <c r="BZ18" s="165">
        <v>593</v>
      </c>
      <c r="CA18" s="164">
        <v>749</v>
      </c>
      <c r="CB18" s="159">
        <v>1</v>
      </c>
      <c r="CC18" s="160">
        <v>4</v>
      </c>
      <c r="CD18" s="165">
        <v>5</v>
      </c>
      <c r="CE18" s="162">
        <v>0</v>
      </c>
      <c r="CF18" s="160">
        <v>34</v>
      </c>
      <c r="CG18" s="160">
        <v>88</v>
      </c>
      <c r="CH18" s="160">
        <v>57</v>
      </c>
      <c r="CI18" s="160">
        <v>47</v>
      </c>
      <c r="CJ18" s="160">
        <v>28</v>
      </c>
      <c r="CK18" s="165">
        <v>254</v>
      </c>
      <c r="CL18" s="164">
        <v>259</v>
      </c>
      <c r="CM18" s="159">
        <v>0</v>
      </c>
      <c r="CN18" s="160">
        <v>0</v>
      </c>
      <c r="CO18" s="165">
        <v>0</v>
      </c>
      <c r="CP18" s="162">
        <v>0</v>
      </c>
      <c r="CQ18" s="160">
        <v>2</v>
      </c>
      <c r="CR18" s="160">
        <v>9</v>
      </c>
      <c r="CS18" s="160">
        <v>10</v>
      </c>
      <c r="CT18" s="160">
        <v>8</v>
      </c>
      <c r="CU18" s="160">
        <v>4</v>
      </c>
      <c r="CV18" s="165">
        <v>33</v>
      </c>
      <c r="CW18" s="164">
        <v>33</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58</v>
      </c>
      <c r="DU18" s="160">
        <v>408</v>
      </c>
      <c r="DV18" s="165">
        <v>566</v>
      </c>
      <c r="DW18" s="162">
        <v>0</v>
      </c>
      <c r="DX18" s="160">
        <v>391</v>
      </c>
      <c r="DY18" s="160">
        <v>836</v>
      </c>
      <c r="DZ18" s="160">
        <v>429</v>
      </c>
      <c r="EA18" s="160">
        <v>349</v>
      </c>
      <c r="EB18" s="160">
        <v>210</v>
      </c>
      <c r="EC18" s="165">
        <v>2215</v>
      </c>
      <c r="ED18" s="164">
        <v>2781</v>
      </c>
      <c r="EE18" s="159">
        <v>29</v>
      </c>
      <c r="EF18" s="160">
        <v>16</v>
      </c>
      <c r="EG18" s="165">
        <v>45</v>
      </c>
      <c r="EH18" s="162">
        <v>0</v>
      </c>
      <c r="EI18" s="160">
        <v>100</v>
      </c>
      <c r="EJ18" s="160">
        <v>113</v>
      </c>
      <c r="EK18" s="160">
        <v>92</v>
      </c>
      <c r="EL18" s="160">
        <v>126</v>
      </c>
      <c r="EM18" s="160">
        <v>66</v>
      </c>
      <c r="EN18" s="165">
        <v>497</v>
      </c>
      <c r="EO18" s="164">
        <v>542</v>
      </c>
      <c r="EP18" s="159">
        <v>221</v>
      </c>
      <c r="EQ18" s="160">
        <v>491</v>
      </c>
      <c r="ER18" s="165">
        <v>712</v>
      </c>
      <c r="ES18" s="162">
        <v>0</v>
      </c>
      <c r="ET18" s="160">
        <v>805</v>
      </c>
      <c r="EU18" s="160">
        <v>1124</v>
      </c>
      <c r="EV18" s="160">
        <v>519</v>
      </c>
      <c r="EW18" s="160">
        <v>367</v>
      </c>
      <c r="EX18" s="160">
        <v>211</v>
      </c>
      <c r="EY18" s="165">
        <v>3026</v>
      </c>
      <c r="EZ18" s="164">
        <v>3738</v>
      </c>
    </row>
    <row r="19" spans="2:156" ht="21" customHeight="1" x14ac:dyDescent="0.2">
      <c r="B19" s="166" t="s">
        <v>17</v>
      </c>
      <c r="C19" s="159">
        <v>0</v>
      </c>
      <c r="D19" s="160">
        <v>0</v>
      </c>
      <c r="E19" s="161">
        <v>0</v>
      </c>
      <c r="F19" s="162">
        <v>0</v>
      </c>
      <c r="G19" s="160">
        <v>217</v>
      </c>
      <c r="H19" s="160">
        <v>474</v>
      </c>
      <c r="I19" s="160">
        <v>310</v>
      </c>
      <c r="J19" s="160">
        <v>237</v>
      </c>
      <c r="K19" s="160">
        <v>147</v>
      </c>
      <c r="L19" s="163">
        <v>1385</v>
      </c>
      <c r="M19" s="164">
        <v>1385</v>
      </c>
      <c r="N19" s="159">
        <v>0</v>
      </c>
      <c r="O19" s="160">
        <v>1</v>
      </c>
      <c r="P19" s="165">
        <v>1</v>
      </c>
      <c r="Q19" s="162">
        <v>0</v>
      </c>
      <c r="R19" s="160">
        <v>0</v>
      </c>
      <c r="S19" s="160">
        <v>7</v>
      </c>
      <c r="T19" s="160">
        <v>17</v>
      </c>
      <c r="U19" s="160">
        <v>53</v>
      </c>
      <c r="V19" s="160">
        <v>71</v>
      </c>
      <c r="W19" s="165">
        <v>148</v>
      </c>
      <c r="X19" s="164">
        <v>149</v>
      </c>
      <c r="Y19" s="159">
        <v>35</v>
      </c>
      <c r="Z19" s="160">
        <v>101</v>
      </c>
      <c r="AA19" s="165">
        <v>136</v>
      </c>
      <c r="AB19" s="162">
        <v>0</v>
      </c>
      <c r="AC19" s="160">
        <v>193</v>
      </c>
      <c r="AD19" s="160">
        <v>383</v>
      </c>
      <c r="AE19" s="160">
        <v>248</v>
      </c>
      <c r="AF19" s="160">
        <v>212</v>
      </c>
      <c r="AG19" s="160">
        <v>137</v>
      </c>
      <c r="AH19" s="165">
        <v>1173</v>
      </c>
      <c r="AI19" s="164">
        <v>1309</v>
      </c>
      <c r="AJ19" s="159">
        <v>7</v>
      </c>
      <c r="AK19" s="160">
        <v>9</v>
      </c>
      <c r="AL19" s="165">
        <v>16</v>
      </c>
      <c r="AM19" s="162">
        <v>0</v>
      </c>
      <c r="AN19" s="160">
        <v>9</v>
      </c>
      <c r="AO19" s="160">
        <v>44</v>
      </c>
      <c r="AP19" s="160">
        <v>24</v>
      </c>
      <c r="AQ19" s="160">
        <v>25</v>
      </c>
      <c r="AR19" s="160">
        <v>18</v>
      </c>
      <c r="AS19" s="165">
        <v>120</v>
      </c>
      <c r="AT19" s="164">
        <v>136</v>
      </c>
      <c r="AU19" s="159">
        <v>52</v>
      </c>
      <c r="AV19" s="160">
        <v>66</v>
      </c>
      <c r="AW19" s="165">
        <v>118</v>
      </c>
      <c r="AX19" s="162">
        <v>0</v>
      </c>
      <c r="AY19" s="160">
        <v>251</v>
      </c>
      <c r="AZ19" s="160">
        <v>506</v>
      </c>
      <c r="BA19" s="160">
        <v>476</v>
      </c>
      <c r="BB19" s="160">
        <v>451</v>
      </c>
      <c r="BC19" s="160">
        <v>324</v>
      </c>
      <c r="BD19" s="163">
        <v>2008</v>
      </c>
      <c r="BE19" s="164">
        <v>2126</v>
      </c>
      <c r="BF19" s="159">
        <v>0</v>
      </c>
      <c r="BG19" s="160">
        <v>0</v>
      </c>
      <c r="BH19" s="165">
        <v>0</v>
      </c>
      <c r="BI19" s="162">
        <v>0</v>
      </c>
      <c r="BJ19" s="160">
        <v>328</v>
      </c>
      <c r="BK19" s="160">
        <v>540</v>
      </c>
      <c r="BL19" s="160">
        <v>327</v>
      </c>
      <c r="BM19" s="160">
        <v>179</v>
      </c>
      <c r="BN19" s="160">
        <v>97</v>
      </c>
      <c r="BO19" s="165">
        <v>1471</v>
      </c>
      <c r="BP19" s="164">
        <v>1471</v>
      </c>
      <c r="BQ19" s="159">
        <v>39</v>
      </c>
      <c r="BR19" s="160">
        <v>72</v>
      </c>
      <c r="BS19" s="165">
        <v>111</v>
      </c>
      <c r="BT19" s="162">
        <v>0</v>
      </c>
      <c r="BU19" s="160">
        <v>61</v>
      </c>
      <c r="BV19" s="160">
        <v>193</v>
      </c>
      <c r="BW19" s="160">
        <v>106</v>
      </c>
      <c r="BX19" s="160">
        <v>47</v>
      </c>
      <c r="BY19" s="160">
        <v>18</v>
      </c>
      <c r="BZ19" s="165">
        <v>425</v>
      </c>
      <c r="CA19" s="164">
        <v>536</v>
      </c>
      <c r="CB19" s="159">
        <v>1</v>
      </c>
      <c r="CC19" s="160">
        <v>3</v>
      </c>
      <c r="CD19" s="165">
        <v>4</v>
      </c>
      <c r="CE19" s="162">
        <v>0</v>
      </c>
      <c r="CF19" s="160">
        <v>25</v>
      </c>
      <c r="CG19" s="160">
        <v>108</v>
      </c>
      <c r="CH19" s="160">
        <v>94</v>
      </c>
      <c r="CI19" s="160">
        <v>87</v>
      </c>
      <c r="CJ19" s="160">
        <v>43</v>
      </c>
      <c r="CK19" s="165">
        <v>357</v>
      </c>
      <c r="CL19" s="164">
        <v>361</v>
      </c>
      <c r="CM19" s="159">
        <v>0</v>
      </c>
      <c r="CN19" s="160">
        <v>0</v>
      </c>
      <c r="CO19" s="165">
        <v>0</v>
      </c>
      <c r="CP19" s="162">
        <v>0</v>
      </c>
      <c r="CQ19" s="160">
        <v>5</v>
      </c>
      <c r="CR19" s="160">
        <v>12</v>
      </c>
      <c r="CS19" s="160">
        <v>15</v>
      </c>
      <c r="CT19" s="160">
        <v>12</v>
      </c>
      <c r="CU19" s="160">
        <v>6</v>
      </c>
      <c r="CV19" s="165">
        <v>50</v>
      </c>
      <c r="CW19" s="164">
        <v>50</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197</v>
      </c>
      <c r="DU19" s="160">
        <v>540</v>
      </c>
      <c r="DV19" s="165">
        <v>737</v>
      </c>
      <c r="DW19" s="162">
        <v>0</v>
      </c>
      <c r="DX19" s="160">
        <v>398</v>
      </c>
      <c r="DY19" s="160">
        <v>1229</v>
      </c>
      <c r="DZ19" s="160">
        <v>768</v>
      </c>
      <c r="EA19" s="160">
        <v>564</v>
      </c>
      <c r="EB19" s="160">
        <v>296</v>
      </c>
      <c r="EC19" s="165">
        <v>3255</v>
      </c>
      <c r="ED19" s="164">
        <v>3992</v>
      </c>
      <c r="EE19" s="159">
        <v>30</v>
      </c>
      <c r="EF19" s="160">
        <v>33</v>
      </c>
      <c r="EG19" s="165">
        <v>63</v>
      </c>
      <c r="EH19" s="162">
        <v>0</v>
      </c>
      <c r="EI19" s="160">
        <v>92</v>
      </c>
      <c r="EJ19" s="160">
        <v>141</v>
      </c>
      <c r="EK19" s="160">
        <v>93</v>
      </c>
      <c r="EL19" s="160">
        <v>102</v>
      </c>
      <c r="EM19" s="160">
        <v>67</v>
      </c>
      <c r="EN19" s="165">
        <v>495</v>
      </c>
      <c r="EO19" s="164">
        <v>558</v>
      </c>
      <c r="EP19" s="159">
        <v>262</v>
      </c>
      <c r="EQ19" s="160">
        <v>620</v>
      </c>
      <c r="ER19" s="165">
        <v>882</v>
      </c>
      <c r="ES19" s="162">
        <v>0</v>
      </c>
      <c r="ET19" s="160">
        <v>927</v>
      </c>
      <c r="EU19" s="160">
        <v>1583</v>
      </c>
      <c r="EV19" s="160">
        <v>865</v>
      </c>
      <c r="EW19" s="160">
        <v>601</v>
      </c>
      <c r="EX19" s="160">
        <v>305</v>
      </c>
      <c r="EY19" s="165">
        <v>4281</v>
      </c>
      <c r="EZ19" s="164">
        <v>5163</v>
      </c>
    </row>
    <row r="20" spans="2:156" ht="21" customHeight="1" x14ac:dyDescent="0.2">
      <c r="B20" s="166" t="s">
        <v>18</v>
      </c>
      <c r="C20" s="159">
        <v>0</v>
      </c>
      <c r="D20" s="160">
        <v>0</v>
      </c>
      <c r="E20" s="161">
        <v>0</v>
      </c>
      <c r="F20" s="162">
        <v>0</v>
      </c>
      <c r="G20" s="160">
        <v>431</v>
      </c>
      <c r="H20" s="160">
        <v>498</v>
      </c>
      <c r="I20" s="160">
        <v>289</v>
      </c>
      <c r="J20" s="160">
        <v>230</v>
      </c>
      <c r="K20" s="160">
        <v>195</v>
      </c>
      <c r="L20" s="163">
        <v>1643</v>
      </c>
      <c r="M20" s="164">
        <v>1643</v>
      </c>
      <c r="N20" s="159">
        <v>0</v>
      </c>
      <c r="O20" s="160">
        <v>0</v>
      </c>
      <c r="P20" s="165">
        <v>0</v>
      </c>
      <c r="Q20" s="162">
        <v>0</v>
      </c>
      <c r="R20" s="160">
        <v>3</v>
      </c>
      <c r="S20" s="160">
        <v>12</v>
      </c>
      <c r="T20" s="160">
        <v>18</v>
      </c>
      <c r="U20" s="160">
        <v>48</v>
      </c>
      <c r="V20" s="160">
        <v>80</v>
      </c>
      <c r="W20" s="165">
        <v>161</v>
      </c>
      <c r="X20" s="164">
        <v>161</v>
      </c>
      <c r="Y20" s="159">
        <v>59</v>
      </c>
      <c r="Z20" s="160">
        <v>128</v>
      </c>
      <c r="AA20" s="165">
        <v>187</v>
      </c>
      <c r="AB20" s="162">
        <v>0</v>
      </c>
      <c r="AC20" s="160">
        <v>349</v>
      </c>
      <c r="AD20" s="160">
        <v>420</v>
      </c>
      <c r="AE20" s="160">
        <v>256</v>
      </c>
      <c r="AF20" s="160">
        <v>200</v>
      </c>
      <c r="AG20" s="160">
        <v>153</v>
      </c>
      <c r="AH20" s="165">
        <v>1378</v>
      </c>
      <c r="AI20" s="164">
        <v>1565</v>
      </c>
      <c r="AJ20" s="159">
        <v>10</v>
      </c>
      <c r="AK20" s="160">
        <v>15</v>
      </c>
      <c r="AL20" s="165">
        <v>25</v>
      </c>
      <c r="AM20" s="162">
        <v>0</v>
      </c>
      <c r="AN20" s="160">
        <v>37</v>
      </c>
      <c r="AO20" s="160">
        <v>58</v>
      </c>
      <c r="AP20" s="160">
        <v>34</v>
      </c>
      <c r="AQ20" s="160">
        <v>18</v>
      </c>
      <c r="AR20" s="160">
        <v>14</v>
      </c>
      <c r="AS20" s="165">
        <v>161</v>
      </c>
      <c r="AT20" s="164">
        <v>186</v>
      </c>
      <c r="AU20" s="159">
        <v>56</v>
      </c>
      <c r="AV20" s="160">
        <v>76</v>
      </c>
      <c r="AW20" s="165">
        <v>132</v>
      </c>
      <c r="AX20" s="162">
        <v>0</v>
      </c>
      <c r="AY20" s="160">
        <v>501</v>
      </c>
      <c r="AZ20" s="160">
        <v>617</v>
      </c>
      <c r="BA20" s="160">
        <v>544</v>
      </c>
      <c r="BB20" s="160">
        <v>514</v>
      </c>
      <c r="BC20" s="160">
        <v>380</v>
      </c>
      <c r="BD20" s="163">
        <v>2556</v>
      </c>
      <c r="BE20" s="164">
        <v>2688</v>
      </c>
      <c r="BF20" s="159">
        <v>0</v>
      </c>
      <c r="BG20" s="160">
        <v>0</v>
      </c>
      <c r="BH20" s="165">
        <v>0</v>
      </c>
      <c r="BI20" s="162">
        <v>0</v>
      </c>
      <c r="BJ20" s="160">
        <v>703</v>
      </c>
      <c r="BK20" s="160">
        <v>645</v>
      </c>
      <c r="BL20" s="160">
        <v>370</v>
      </c>
      <c r="BM20" s="160">
        <v>199</v>
      </c>
      <c r="BN20" s="160">
        <v>94</v>
      </c>
      <c r="BO20" s="165">
        <v>2011</v>
      </c>
      <c r="BP20" s="164">
        <v>2011</v>
      </c>
      <c r="BQ20" s="159">
        <v>72</v>
      </c>
      <c r="BR20" s="160">
        <v>123</v>
      </c>
      <c r="BS20" s="165">
        <v>195</v>
      </c>
      <c r="BT20" s="162">
        <v>0</v>
      </c>
      <c r="BU20" s="160">
        <v>182</v>
      </c>
      <c r="BV20" s="160">
        <v>223</v>
      </c>
      <c r="BW20" s="160">
        <v>130</v>
      </c>
      <c r="BX20" s="160">
        <v>63</v>
      </c>
      <c r="BY20" s="160">
        <v>23</v>
      </c>
      <c r="BZ20" s="165">
        <v>621</v>
      </c>
      <c r="CA20" s="164">
        <v>816</v>
      </c>
      <c r="CB20" s="159">
        <v>1</v>
      </c>
      <c r="CC20" s="160">
        <v>5</v>
      </c>
      <c r="CD20" s="165">
        <v>6</v>
      </c>
      <c r="CE20" s="162">
        <v>0</v>
      </c>
      <c r="CF20" s="160">
        <v>47</v>
      </c>
      <c r="CG20" s="160">
        <v>100</v>
      </c>
      <c r="CH20" s="160">
        <v>122</v>
      </c>
      <c r="CI20" s="160">
        <v>105</v>
      </c>
      <c r="CJ20" s="160">
        <v>56</v>
      </c>
      <c r="CK20" s="165">
        <v>430</v>
      </c>
      <c r="CL20" s="164">
        <v>436</v>
      </c>
      <c r="CM20" s="159">
        <v>1</v>
      </c>
      <c r="CN20" s="160">
        <v>0</v>
      </c>
      <c r="CO20" s="165">
        <v>1</v>
      </c>
      <c r="CP20" s="162">
        <v>0</v>
      </c>
      <c r="CQ20" s="160">
        <v>2</v>
      </c>
      <c r="CR20" s="160">
        <v>9</v>
      </c>
      <c r="CS20" s="160">
        <v>3</v>
      </c>
      <c r="CT20" s="160">
        <v>3</v>
      </c>
      <c r="CU20" s="160">
        <v>1</v>
      </c>
      <c r="CV20" s="165">
        <v>18</v>
      </c>
      <c r="CW20" s="164">
        <v>19</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244</v>
      </c>
      <c r="DU20" s="160">
        <v>562</v>
      </c>
      <c r="DV20" s="165">
        <v>806</v>
      </c>
      <c r="DW20" s="162">
        <v>0</v>
      </c>
      <c r="DX20" s="160">
        <v>813</v>
      </c>
      <c r="DY20" s="160">
        <v>1168</v>
      </c>
      <c r="DZ20" s="160">
        <v>713</v>
      </c>
      <c r="EA20" s="160">
        <v>529</v>
      </c>
      <c r="EB20" s="160">
        <v>345</v>
      </c>
      <c r="EC20" s="165">
        <v>3568</v>
      </c>
      <c r="ED20" s="164">
        <v>4374</v>
      </c>
      <c r="EE20" s="159">
        <v>33</v>
      </c>
      <c r="EF20" s="160">
        <v>10</v>
      </c>
      <c r="EG20" s="165">
        <v>43</v>
      </c>
      <c r="EH20" s="162">
        <v>0</v>
      </c>
      <c r="EI20" s="160">
        <v>129</v>
      </c>
      <c r="EJ20" s="160">
        <v>110</v>
      </c>
      <c r="EK20" s="160">
        <v>105</v>
      </c>
      <c r="EL20" s="160">
        <v>112</v>
      </c>
      <c r="EM20" s="160">
        <v>72</v>
      </c>
      <c r="EN20" s="165">
        <v>528</v>
      </c>
      <c r="EO20" s="164">
        <v>571</v>
      </c>
      <c r="EP20" s="159">
        <v>348</v>
      </c>
      <c r="EQ20" s="160">
        <v>693</v>
      </c>
      <c r="ER20" s="165">
        <v>1041</v>
      </c>
      <c r="ES20" s="162">
        <v>0</v>
      </c>
      <c r="ET20" s="160">
        <v>1625</v>
      </c>
      <c r="EU20" s="160">
        <v>1535</v>
      </c>
      <c r="EV20" s="160">
        <v>824</v>
      </c>
      <c r="EW20" s="160">
        <v>557</v>
      </c>
      <c r="EX20" s="160">
        <v>332</v>
      </c>
      <c r="EY20" s="165">
        <v>4873</v>
      </c>
      <c r="EZ20" s="164">
        <v>5914</v>
      </c>
    </row>
    <row r="21" spans="2:156" ht="21" customHeight="1" x14ac:dyDescent="0.2">
      <c r="B21" s="166" t="s">
        <v>19</v>
      </c>
      <c r="C21" s="159">
        <v>0</v>
      </c>
      <c r="D21" s="160">
        <v>0</v>
      </c>
      <c r="E21" s="161">
        <v>0</v>
      </c>
      <c r="F21" s="162">
        <v>0</v>
      </c>
      <c r="G21" s="160">
        <v>202</v>
      </c>
      <c r="H21" s="160">
        <v>152</v>
      </c>
      <c r="I21" s="160">
        <v>105</v>
      </c>
      <c r="J21" s="160">
        <v>77</v>
      </c>
      <c r="K21" s="160">
        <v>57</v>
      </c>
      <c r="L21" s="163">
        <v>593</v>
      </c>
      <c r="M21" s="164">
        <v>593</v>
      </c>
      <c r="N21" s="159">
        <v>0</v>
      </c>
      <c r="O21" s="160">
        <v>0</v>
      </c>
      <c r="P21" s="165">
        <v>0</v>
      </c>
      <c r="Q21" s="162">
        <v>0</v>
      </c>
      <c r="R21" s="160">
        <v>5</v>
      </c>
      <c r="S21" s="160">
        <v>7</v>
      </c>
      <c r="T21" s="160">
        <v>10</v>
      </c>
      <c r="U21" s="160">
        <v>20</v>
      </c>
      <c r="V21" s="160">
        <v>23</v>
      </c>
      <c r="W21" s="165">
        <v>65</v>
      </c>
      <c r="X21" s="164">
        <v>65</v>
      </c>
      <c r="Y21" s="159">
        <v>38</v>
      </c>
      <c r="Z21" s="160">
        <v>54</v>
      </c>
      <c r="AA21" s="165">
        <v>92</v>
      </c>
      <c r="AB21" s="162">
        <v>0</v>
      </c>
      <c r="AC21" s="160">
        <v>176</v>
      </c>
      <c r="AD21" s="160">
        <v>153</v>
      </c>
      <c r="AE21" s="160">
        <v>116</v>
      </c>
      <c r="AF21" s="160">
        <v>75</v>
      </c>
      <c r="AG21" s="160">
        <v>70</v>
      </c>
      <c r="AH21" s="165">
        <v>590</v>
      </c>
      <c r="AI21" s="164">
        <v>682</v>
      </c>
      <c r="AJ21" s="159">
        <v>3</v>
      </c>
      <c r="AK21" s="160">
        <v>4</v>
      </c>
      <c r="AL21" s="165">
        <v>7</v>
      </c>
      <c r="AM21" s="162">
        <v>0</v>
      </c>
      <c r="AN21" s="160">
        <v>19</v>
      </c>
      <c r="AO21" s="160">
        <v>11</v>
      </c>
      <c r="AP21" s="160">
        <v>7</v>
      </c>
      <c r="AQ21" s="160">
        <v>9</v>
      </c>
      <c r="AR21" s="160">
        <v>2</v>
      </c>
      <c r="AS21" s="165">
        <v>48</v>
      </c>
      <c r="AT21" s="164">
        <v>55</v>
      </c>
      <c r="AU21" s="159">
        <v>46</v>
      </c>
      <c r="AV21" s="160">
        <v>49</v>
      </c>
      <c r="AW21" s="165">
        <v>95</v>
      </c>
      <c r="AX21" s="162">
        <v>0</v>
      </c>
      <c r="AY21" s="160">
        <v>222</v>
      </c>
      <c r="AZ21" s="160">
        <v>232</v>
      </c>
      <c r="BA21" s="160">
        <v>193</v>
      </c>
      <c r="BB21" s="160">
        <v>174</v>
      </c>
      <c r="BC21" s="160">
        <v>146</v>
      </c>
      <c r="BD21" s="163">
        <v>967</v>
      </c>
      <c r="BE21" s="164">
        <v>1062</v>
      </c>
      <c r="BF21" s="159">
        <v>0</v>
      </c>
      <c r="BG21" s="160">
        <v>0</v>
      </c>
      <c r="BH21" s="165">
        <v>0</v>
      </c>
      <c r="BI21" s="162">
        <v>0</v>
      </c>
      <c r="BJ21" s="160">
        <v>285</v>
      </c>
      <c r="BK21" s="160">
        <v>247</v>
      </c>
      <c r="BL21" s="160">
        <v>129</v>
      </c>
      <c r="BM21" s="160">
        <v>63</v>
      </c>
      <c r="BN21" s="160">
        <v>37</v>
      </c>
      <c r="BO21" s="165">
        <v>761</v>
      </c>
      <c r="BP21" s="164">
        <v>761</v>
      </c>
      <c r="BQ21" s="159">
        <v>38</v>
      </c>
      <c r="BR21" s="160">
        <v>67</v>
      </c>
      <c r="BS21" s="165">
        <v>105</v>
      </c>
      <c r="BT21" s="162">
        <v>0</v>
      </c>
      <c r="BU21" s="160">
        <v>135</v>
      </c>
      <c r="BV21" s="160">
        <v>106</v>
      </c>
      <c r="BW21" s="160">
        <v>63</v>
      </c>
      <c r="BX21" s="160">
        <v>30</v>
      </c>
      <c r="BY21" s="160">
        <v>9</v>
      </c>
      <c r="BZ21" s="165">
        <v>343</v>
      </c>
      <c r="CA21" s="164">
        <v>448</v>
      </c>
      <c r="CB21" s="159">
        <v>0</v>
      </c>
      <c r="CC21" s="160">
        <v>2</v>
      </c>
      <c r="CD21" s="165">
        <v>2</v>
      </c>
      <c r="CE21" s="162">
        <v>0</v>
      </c>
      <c r="CF21" s="160">
        <v>24</v>
      </c>
      <c r="CG21" s="160">
        <v>53</v>
      </c>
      <c r="CH21" s="160">
        <v>47</v>
      </c>
      <c r="CI21" s="160">
        <v>24</v>
      </c>
      <c r="CJ21" s="160">
        <v>9</v>
      </c>
      <c r="CK21" s="165">
        <v>157</v>
      </c>
      <c r="CL21" s="164">
        <v>159</v>
      </c>
      <c r="CM21" s="159">
        <v>0</v>
      </c>
      <c r="CN21" s="160">
        <v>1</v>
      </c>
      <c r="CO21" s="165">
        <v>1</v>
      </c>
      <c r="CP21" s="162">
        <v>0</v>
      </c>
      <c r="CQ21" s="160">
        <v>6</v>
      </c>
      <c r="CR21" s="160">
        <v>10</v>
      </c>
      <c r="CS21" s="160">
        <v>11</v>
      </c>
      <c r="CT21" s="160">
        <v>11</v>
      </c>
      <c r="CU21" s="160">
        <v>5</v>
      </c>
      <c r="CV21" s="165">
        <v>43</v>
      </c>
      <c r="CW21" s="164">
        <v>44</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158</v>
      </c>
      <c r="DU21" s="160">
        <v>236</v>
      </c>
      <c r="DV21" s="165">
        <v>394</v>
      </c>
      <c r="DW21" s="162">
        <v>0</v>
      </c>
      <c r="DX21" s="160">
        <v>439</v>
      </c>
      <c r="DY21" s="160">
        <v>429</v>
      </c>
      <c r="DZ21" s="160">
        <v>269</v>
      </c>
      <c r="EA21" s="160">
        <v>186</v>
      </c>
      <c r="EB21" s="160">
        <v>118</v>
      </c>
      <c r="EC21" s="165">
        <v>1441</v>
      </c>
      <c r="ED21" s="164">
        <v>1835</v>
      </c>
      <c r="EE21" s="159">
        <v>14</v>
      </c>
      <c r="EF21" s="160">
        <v>17</v>
      </c>
      <c r="EG21" s="165">
        <v>31</v>
      </c>
      <c r="EH21" s="162">
        <v>0</v>
      </c>
      <c r="EI21" s="160">
        <v>64</v>
      </c>
      <c r="EJ21" s="160">
        <v>55</v>
      </c>
      <c r="EK21" s="160">
        <v>60</v>
      </c>
      <c r="EL21" s="160">
        <v>45</v>
      </c>
      <c r="EM21" s="160">
        <v>36</v>
      </c>
      <c r="EN21" s="165">
        <v>260</v>
      </c>
      <c r="EO21" s="164">
        <v>291</v>
      </c>
      <c r="EP21" s="159">
        <v>214</v>
      </c>
      <c r="EQ21" s="160">
        <v>301</v>
      </c>
      <c r="ER21" s="165">
        <v>515</v>
      </c>
      <c r="ES21" s="162">
        <v>0</v>
      </c>
      <c r="ET21" s="160">
        <v>710</v>
      </c>
      <c r="EU21" s="160">
        <v>530</v>
      </c>
      <c r="EV21" s="160">
        <v>290</v>
      </c>
      <c r="EW21" s="160">
        <v>178</v>
      </c>
      <c r="EX21" s="160">
        <v>105</v>
      </c>
      <c r="EY21" s="165">
        <v>1813</v>
      </c>
      <c r="EZ21" s="164">
        <v>2328</v>
      </c>
    </row>
    <row r="22" spans="2:156" ht="21" customHeight="1" x14ac:dyDescent="0.2">
      <c r="B22" s="166" t="s">
        <v>20</v>
      </c>
      <c r="C22" s="159">
        <v>0</v>
      </c>
      <c r="D22" s="160">
        <v>0</v>
      </c>
      <c r="E22" s="161">
        <v>0</v>
      </c>
      <c r="F22" s="162">
        <v>0</v>
      </c>
      <c r="G22" s="160">
        <v>279</v>
      </c>
      <c r="H22" s="160">
        <v>209</v>
      </c>
      <c r="I22" s="160">
        <v>143</v>
      </c>
      <c r="J22" s="160">
        <v>95</v>
      </c>
      <c r="K22" s="160">
        <v>86</v>
      </c>
      <c r="L22" s="163">
        <v>812</v>
      </c>
      <c r="M22" s="164">
        <v>812</v>
      </c>
      <c r="N22" s="159">
        <v>0</v>
      </c>
      <c r="O22" s="160">
        <v>0</v>
      </c>
      <c r="P22" s="165">
        <v>0</v>
      </c>
      <c r="Q22" s="162">
        <v>0</v>
      </c>
      <c r="R22" s="160">
        <v>3</v>
      </c>
      <c r="S22" s="160">
        <v>6</v>
      </c>
      <c r="T22" s="160">
        <v>9</v>
      </c>
      <c r="U22" s="160">
        <v>22</v>
      </c>
      <c r="V22" s="160">
        <v>28</v>
      </c>
      <c r="W22" s="165">
        <v>68</v>
      </c>
      <c r="X22" s="164">
        <v>68</v>
      </c>
      <c r="Y22" s="159">
        <v>40</v>
      </c>
      <c r="Z22" s="160">
        <v>91</v>
      </c>
      <c r="AA22" s="165">
        <v>131</v>
      </c>
      <c r="AB22" s="162">
        <v>0</v>
      </c>
      <c r="AC22" s="160">
        <v>255</v>
      </c>
      <c r="AD22" s="160">
        <v>217</v>
      </c>
      <c r="AE22" s="160">
        <v>131</v>
      </c>
      <c r="AF22" s="160">
        <v>92</v>
      </c>
      <c r="AG22" s="160">
        <v>56</v>
      </c>
      <c r="AH22" s="165">
        <v>751</v>
      </c>
      <c r="AI22" s="164">
        <v>882</v>
      </c>
      <c r="AJ22" s="159">
        <v>8</v>
      </c>
      <c r="AK22" s="160">
        <v>31</v>
      </c>
      <c r="AL22" s="165">
        <v>39</v>
      </c>
      <c r="AM22" s="162">
        <v>0</v>
      </c>
      <c r="AN22" s="160">
        <v>62</v>
      </c>
      <c r="AO22" s="160">
        <v>62</v>
      </c>
      <c r="AP22" s="160">
        <v>40</v>
      </c>
      <c r="AQ22" s="160">
        <v>25</v>
      </c>
      <c r="AR22" s="160">
        <v>16</v>
      </c>
      <c r="AS22" s="165">
        <v>205</v>
      </c>
      <c r="AT22" s="164">
        <v>244</v>
      </c>
      <c r="AU22" s="159">
        <v>26</v>
      </c>
      <c r="AV22" s="160">
        <v>43</v>
      </c>
      <c r="AW22" s="165">
        <v>69</v>
      </c>
      <c r="AX22" s="162">
        <v>0</v>
      </c>
      <c r="AY22" s="160">
        <v>254</v>
      </c>
      <c r="AZ22" s="160">
        <v>248</v>
      </c>
      <c r="BA22" s="160">
        <v>264</v>
      </c>
      <c r="BB22" s="160">
        <v>193</v>
      </c>
      <c r="BC22" s="160">
        <v>161</v>
      </c>
      <c r="BD22" s="163">
        <v>1120</v>
      </c>
      <c r="BE22" s="164">
        <v>1189</v>
      </c>
      <c r="BF22" s="159">
        <v>0</v>
      </c>
      <c r="BG22" s="160">
        <v>0</v>
      </c>
      <c r="BH22" s="165">
        <v>0</v>
      </c>
      <c r="BI22" s="162">
        <v>0</v>
      </c>
      <c r="BJ22" s="160">
        <v>374</v>
      </c>
      <c r="BK22" s="160">
        <v>264</v>
      </c>
      <c r="BL22" s="160">
        <v>154</v>
      </c>
      <c r="BM22" s="160">
        <v>78</v>
      </c>
      <c r="BN22" s="160">
        <v>37</v>
      </c>
      <c r="BO22" s="165">
        <v>907</v>
      </c>
      <c r="BP22" s="164">
        <v>907</v>
      </c>
      <c r="BQ22" s="159">
        <v>16</v>
      </c>
      <c r="BR22" s="160">
        <v>36</v>
      </c>
      <c r="BS22" s="165">
        <v>52</v>
      </c>
      <c r="BT22" s="162">
        <v>0</v>
      </c>
      <c r="BU22" s="160">
        <v>129</v>
      </c>
      <c r="BV22" s="160">
        <v>97</v>
      </c>
      <c r="BW22" s="160">
        <v>48</v>
      </c>
      <c r="BX22" s="160">
        <v>41</v>
      </c>
      <c r="BY22" s="160">
        <v>15</v>
      </c>
      <c r="BZ22" s="165">
        <v>330</v>
      </c>
      <c r="CA22" s="164">
        <v>382</v>
      </c>
      <c r="CB22" s="159">
        <v>0</v>
      </c>
      <c r="CC22" s="160">
        <v>3</v>
      </c>
      <c r="CD22" s="165">
        <v>3</v>
      </c>
      <c r="CE22" s="162">
        <v>0</v>
      </c>
      <c r="CF22" s="160">
        <v>40</v>
      </c>
      <c r="CG22" s="160">
        <v>54</v>
      </c>
      <c r="CH22" s="160">
        <v>74</v>
      </c>
      <c r="CI22" s="160">
        <v>51</v>
      </c>
      <c r="CJ22" s="160">
        <v>25</v>
      </c>
      <c r="CK22" s="165">
        <v>244</v>
      </c>
      <c r="CL22" s="164">
        <v>247</v>
      </c>
      <c r="CM22" s="159">
        <v>0</v>
      </c>
      <c r="CN22" s="160">
        <v>0</v>
      </c>
      <c r="CO22" s="165">
        <v>0</v>
      </c>
      <c r="CP22" s="162">
        <v>0</v>
      </c>
      <c r="CQ22" s="160">
        <v>2</v>
      </c>
      <c r="CR22" s="160">
        <v>6</v>
      </c>
      <c r="CS22" s="160">
        <v>6</v>
      </c>
      <c r="CT22" s="160">
        <v>8</v>
      </c>
      <c r="CU22" s="160">
        <v>5</v>
      </c>
      <c r="CV22" s="165">
        <v>27</v>
      </c>
      <c r="CW22" s="164">
        <v>27</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63</v>
      </c>
      <c r="DU22" s="160">
        <v>339</v>
      </c>
      <c r="DV22" s="165">
        <v>502</v>
      </c>
      <c r="DW22" s="162">
        <v>0</v>
      </c>
      <c r="DX22" s="160">
        <v>594</v>
      </c>
      <c r="DY22" s="160">
        <v>504</v>
      </c>
      <c r="DZ22" s="160">
        <v>329</v>
      </c>
      <c r="EA22" s="160">
        <v>237</v>
      </c>
      <c r="EB22" s="160">
        <v>137</v>
      </c>
      <c r="EC22" s="165">
        <v>1801</v>
      </c>
      <c r="ED22" s="164">
        <v>2303</v>
      </c>
      <c r="EE22" s="159">
        <v>12</v>
      </c>
      <c r="EF22" s="160">
        <v>13</v>
      </c>
      <c r="EG22" s="165">
        <v>25</v>
      </c>
      <c r="EH22" s="162">
        <v>0</v>
      </c>
      <c r="EI22" s="160">
        <v>80</v>
      </c>
      <c r="EJ22" s="160">
        <v>53</v>
      </c>
      <c r="EK22" s="160">
        <v>65</v>
      </c>
      <c r="EL22" s="160">
        <v>59</v>
      </c>
      <c r="EM22" s="160">
        <v>32</v>
      </c>
      <c r="EN22" s="165">
        <v>289</v>
      </c>
      <c r="EO22" s="164">
        <v>314</v>
      </c>
      <c r="EP22" s="159">
        <v>216</v>
      </c>
      <c r="EQ22" s="160">
        <v>424</v>
      </c>
      <c r="ER22" s="165">
        <v>640</v>
      </c>
      <c r="ES22" s="162">
        <v>0</v>
      </c>
      <c r="ET22" s="160">
        <v>834</v>
      </c>
      <c r="EU22" s="160">
        <v>578</v>
      </c>
      <c r="EV22" s="160">
        <v>336</v>
      </c>
      <c r="EW22" s="160">
        <v>229</v>
      </c>
      <c r="EX22" s="160">
        <v>131</v>
      </c>
      <c r="EY22" s="165">
        <v>2108</v>
      </c>
      <c r="EZ22" s="164">
        <v>2748</v>
      </c>
    </row>
    <row r="23" spans="2:156" ht="21" customHeight="1" x14ac:dyDescent="0.2">
      <c r="B23" s="166" t="s">
        <v>21</v>
      </c>
      <c r="C23" s="159">
        <v>0</v>
      </c>
      <c r="D23" s="160">
        <v>0</v>
      </c>
      <c r="E23" s="161">
        <v>0</v>
      </c>
      <c r="F23" s="162">
        <v>0</v>
      </c>
      <c r="G23" s="160">
        <v>256</v>
      </c>
      <c r="H23" s="160">
        <v>321</v>
      </c>
      <c r="I23" s="160">
        <v>209</v>
      </c>
      <c r="J23" s="160">
        <v>120</v>
      </c>
      <c r="K23" s="160">
        <v>105</v>
      </c>
      <c r="L23" s="163">
        <v>1011</v>
      </c>
      <c r="M23" s="164">
        <v>1011</v>
      </c>
      <c r="N23" s="159">
        <v>0</v>
      </c>
      <c r="O23" s="160">
        <v>0</v>
      </c>
      <c r="P23" s="165">
        <v>0</v>
      </c>
      <c r="Q23" s="162">
        <v>0</v>
      </c>
      <c r="R23" s="160">
        <v>0</v>
      </c>
      <c r="S23" s="160">
        <v>6</v>
      </c>
      <c r="T23" s="160">
        <v>10</v>
      </c>
      <c r="U23" s="160">
        <v>20</v>
      </c>
      <c r="V23" s="160">
        <v>43</v>
      </c>
      <c r="W23" s="165">
        <v>79</v>
      </c>
      <c r="X23" s="164">
        <v>79</v>
      </c>
      <c r="Y23" s="159">
        <v>55</v>
      </c>
      <c r="Z23" s="160">
        <v>107</v>
      </c>
      <c r="AA23" s="165">
        <v>162</v>
      </c>
      <c r="AB23" s="162">
        <v>0</v>
      </c>
      <c r="AC23" s="160">
        <v>225</v>
      </c>
      <c r="AD23" s="160">
        <v>274</v>
      </c>
      <c r="AE23" s="160">
        <v>174</v>
      </c>
      <c r="AF23" s="160">
        <v>125</v>
      </c>
      <c r="AG23" s="160">
        <v>83</v>
      </c>
      <c r="AH23" s="165">
        <v>881</v>
      </c>
      <c r="AI23" s="164">
        <v>1043</v>
      </c>
      <c r="AJ23" s="159">
        <v>17</v>
      </c>
      <c r="AK23" s="160">
        <v>33</v>
      </c>
      <c r="AL23" s="165">
        <v>50</v>
      </c>
      <c r="AM23" s="162">
        <v>0</v>
      </c>
      <c r="AN23" s="160">
        <v>23</v>
      </c>
      <c r="AO23" s="160">
        <v>44</v>
      </c>
      <c r="AP23" s="160">
        <v>23</v>
      </c>
      <c r="AQ23" s="160">
        <v>12</v>
      </c>
      <c r="AR23" s="160">
        <v>7</v>
      </c>
      <c r="AS23" s="165">
        <v>109</v>
      </c>
      <c r="AT23" s="164">
        <v>159</v>
      </c>
      <c r="AU23" s="159">
        <v>44</v>
      </c>
      <c r="AV23" s="160">
        <v>42</v>
      </c>
      <c r="AW23" s="165">
        <v>86</v>
      </c>
      <c r="AX23" s="162">
        <v>0</v>
      </c>
      <c r="AY23" s="160">
        <v>291</v>
      </c>
      <c r="AZ23" s="160">
        <v>363</v>
      </c>
      <c r="BA23" s="160">
        <v>318</v>
      </c>
      <c r="BB23" s="160">
        <v>238</v>
      </c>
      <c r="BC23" s="160">
        <v>192</v>
      </c>
      <c r="BD23" s="163">
        <v>1402</v>
      </c>
      <c r="BE23" s="164">
        <v>1488</v>
      </c>
      <c r="BF23" s="159">
        <v>0</v>
      </c>
      <c r="BG23" s="160">
        <v>0</v>
      </c>
      <c r="BH23" s="165">
        <v>0</v>
      </c>
      <c r="BI23" s="162">
        <v>0</v>
      </c>
      <c r="BJ23" s="160">
        <v>335</v>
      </c>
      <c r="BK23" s="160">
        <v>364</v>
      </c>
      <c r="BL23" s="160">
        <v>207</v>
      </c>
      <c r="BM23" s="160">
        <v>90</v>
      </c>
      <c r="BN23" s="160">
        <v>33</v>
      </c>
      <c r="BO23" s="165">
        <v>1029</v>
      </c>
      <c r="BP23" s="164">
        <v>1029</v>
      </c>
      <c r="BQ23" s="159">
        <v>21</v>
      </c>
      <c r="BR23" s="160">
        <v>38</v>
      </c>
      <c r="BS23" s="165">
        <v>59</v>
      </c>
      <c r="BT23" s="162">
        <v>0</v>
      </c>
      <c r="BU23" s="160">
        <v>61</v>
      </c>
      <c r="BV23" s="160">
        <v>61</v>
      </c>
      <c r="BW23" s="160">
        <v>43</v>
      </c>
      <c r="BX23" s="160">
        <v>16</v>
      </c>
      <c r="BY23" s="160">
        <v>7</v>
      </c>
      <c r="BZ23" s="165">
        <v>188</v>
      </c>
      <c r="CA23" s="164">
        <v>247</v>
      </c>
      <c r="CB23" s="159">
        <v>1</v>
      </c>
      <c r="CC23" s="160">
        <v>3</v>
      </c>
      <c r="CD23" s="165">
        <v>4</v>
      </c>
      <c r="CE23" s="162">
        <v>0</v>
      </c>
      <c r="CF23" s="160">
        <v>29</v>
      </c>
      <c r="CG23" s="160">
        <v>47</v>
      </c>
      <c r="CH23" s="160">
        <v>61</v>
      </c>
      <c r="CI23" s="160">
        <v>46</v>
      </c>
      <c r="CJ23" s="160">
        <v>28</v>
      </c>
      <c r="CK23" s="165">
        <v>211</v>
      </c>
      <c r="CL23" s="164">
        <v>215</v>
      </c>
      <c r="CM23" s="159">
        <v>0</v>
      </c>
      <c r="CN23" s="160">
        <v>1</v>
      </c>
      <c r="CO23" s="165">
        <v>1</v>
      </c>
      <c r="CP23" s="162">
        <v>0</v>
      </c>
      <c r="CQ23" s="160">
        <v>0</v>
      </c>
      <c r="CR23" s="160">
        <v>4</v>
      </c>
      <c r="CS23" s="160">
        <v>4</v>
      </c>
      <c r="CT23" s="160">
        <v>2</v>
      </c>
      <c r="CU23" s="160">
        <v>1</v>
      </c>
      <c r="CV23" s="165">
        <v>11</v>
      </c>
      <c r="CW23" s="164">
        <v>12</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210</v>
      </c>
      <c r="DU23" s="160">
        <v>342</v>
      </c>
      <c r="DV23" s="165">
        <v>552</v>
      </c>
      <c r="DW23" s="162">
        <v>0</v>
      </c>
      <c r="DX23" s="160">
        <v>380</v>
      </c>
      <c r="DY23" s="160">
        <v>654</v>
      </c>
      <c r="DZ23" s="160">
        <v>417</v>
      </c>
      <c r="EA23" s="160">
        <v>244</v>
      </c>
      <c r="EB23" s="160">
        <v>155</v>
      </c>
      <c r="EC23" s="165">
        <v>1850</v>
      </c>
      <c r="ED23" s="164">
        <v>2402</v>
      </c>
      <c r="EE23" s="159">
        <v>17</v>
      </c>
      <c r="EF23" s="160">
        <v>15</v>
      </c>
      <c r="EG23" s="165">
        <v>32</v>
      </c>
      <c r="EH23" s="162">
        <v>0</v>
      </c>
      <c r="EI23" s="160">
        <v>76</v>
      </c>
      <c r="EJ23" s="160">
        <v>70</v>
      </c>
      <c r="EK23" s="160">
        <v>62</v>
      </c>
      <c r="EL23" s="160">
        <v>61</v>
      </c>
      <c r="EM23" s="160">
        <v>42</v>
      </c>
      <c r="EN23" s="165">
        <v>311</v>
      </c>
      <c r="EO23" s="164">
        <v>343</v>
      </c>
      <c r="EP23" s="159">
        <v>281</v>
      </c>
      <c r="EQ23" s="160">
        <v>434</v>
      </c>
      <c r="ER23" s="165">
        <v>715</v>
      </c>
      <c r="ES23" s="162">
        <v>0</v>
      </c>
      <c r="ET23" s="160">
        <v>841</v>
      </c>
      <c r="EU23" s="160">
        <v>877</v>
      </c>
      <c r="EV23" s="160">
        <v>480</v>
      </c>
      <c r="EW23" s="160">
        <v>269</v>
      </c>
      <c r="EX23" s="160">
        <v>168</v>
      </c>
      <c r="EY23" s="165">
        <v>2635</v>
      </c>
      <c r="EZ23" s="164">
        <v>3350</v>
      </c>
    </row>
    <row r="24" spans="2:156" ht="21" customHeight="1" x14ac:dyDescent="0.2">
      <c r="B24" s="166" t="s">
        <v>22</v>
      </c>
      <c r="C24" s="159">
        <v>0</v>
      </c>
      <c r="D24" s="160">
        <v>0</v>
      </c>
      <c r="E24" s="161">
        <v>0</v>
      </c>
      <c r="F24" s="162">
        <v>0</v>
      </c>
      <c r="G24" s="160">
        <v>69</v>
      </c>
      <c r="H24" s="160">
        <v>75</v>
      </c>
      <c r="I24" s="160">
        <v>33</v>
      </c>
      <c r="J24" s="160">
        <v>41</v>
      </c>
      <c r="K24" s="160">
        <v>32</v>
      </c>
      <c r="L24" s="163">
        <v>250</v>
      </c>
      <c r="M24" s="164">
        <v>250</v>
      </c>
      <c r="N24" s="159">
        <v>0</v>
      </c>
      <c r="O24" s="160">
        <v>0</v>
      </c>
      <c r="P24" s="165">
        <v>0</v>
      </c>
      <c r="Q24" s="162">
        <v>0</v>
      </c>
      <c r="R24" s="160">
        <v>1</v>
      </c>
      <c r="S24" s="160">
        <v>4</v>
      </c>
      <c r="T24" s="160">
        <v>1</v>
      </c>
      <c r="U24" s="160">
        <v>10</v>
      </c>
      <c r="V24" s="160">
        <v>22</v>
      </c>
      <c r="W24" s="165">
        <v>38</v>
      </c>
      <c r="X24" s="164">
        <v>38</v>
      </c>
      <c r="Y24" s="159">
        <v>7</v>
      </c>
      <c r="Z24" s="160">
        <v>17</v>
      </c>
      <c r="AA24" s="165">
        <v>24</v>
      </c>
      <c r="AB24" s="162">
        <v>0</v>
      </c>
      <c r="AC24" s="160">
        <v>50</v>
      </c>
      <c r="AD24" s="160">
        <v>72</v>
      </c>
      <c r="AE24" s="160">
        <v>37</v>
      </c>
      <c r="AF24" s="160">
        <v>45</v>
      </c>
      <c r="AG24" s="160">
        <v>38</v>
      </c>
      <c r="AH24" s="165">
        <v>242</v>
      </c>
      <c r="AI24" s="164">
        <v>266</v>
      </c>
      <c r="AJ24" s="159">
        <v>1</v>
      </c>
      <c r="AK24" s="160">
        <v>0</v>
      </c>
      <c r="AL24" s="165">
        <v>1</v>
      </c>
      <c r="AM24" s="162">
        <v>0</v>
      </c>
      <c r="AN24" s="160">
        <v>10</v>
      </c>
      <c r="AO24" s="160">
        <v>10</v>
      </c>
      <c r="AP24" s="160">
        <v>3</v>
      </c>
      <c r="AQ24" s="160">
        <v>7</v>
      </c>
      <c r="AR24" s="160">
        <v>3</v>
      </c>
      <c r="AS24" s="165">
        <v>33</v>
      </c>
      <c r="AT24" s="164">
        <v>34</v>
      </c>
      <c r="AU24" s="159">
        <v>6</v>
      </c>
      <c r="AV24" s="160">
        <v>6</v>
      </c>
      <c r="AW24" s="165">
        <v>12</v>
      </c>
      <c r="AX24" s="162">
        <v>0</v>
      </c>
      <c r="AY24" s="160">
        <v>71</v>
      </c>
      <c r="AZ24" s="160">
        <v>92</v>
      </c>
      <c r="BA24" s="160">
        <v>65</v>
      </c>
      <c r="BB24" s="160">
        <v>75</v>
      </c>
      <c r="BC24" s="160">
        <v>46</v>
      </c>
      <c r="BD24" s="163">
        <v>349</v>
      </c>
      <c r="BE24" s="164">
        <v>361</v>
      </c>
      <c r="BF24" s="159">
        <v>0</v>
      </c>
      <c r="BG24" s="160">
        <v>0</v>
      </c>
      <c r="BH24" s="165">
        <v>0</v>
      </c>
      <c r="BI24" s="162">
        <v>0</v>
      </c>
      <c r="BJ24" s="160">
        <v>103</v>
      </c>
      <c r="BK24" s="160">
        <v>122</v>
      </c>
      <c r="BL24" s="160">
        <v>68</v>
      </c>
      <c r="BM24" s="160">
        <v>38</v>
      </c>
      <c r="BN24" s="160">
        <v>14</v>
      </c>
      <c r="BO24" s="165">
        <v>345</v>
      </c>
      <c r="BP24" s="164">
        <v>345</v>
      </c>
      <c r="BQ24" s="159">
        <v>9</v>
      </c>
      <c r="BR24" s="160">
        <v>12</v>
      </c>
      <c r="BS24" s="165">
        <v>21</v>
      </c>
      <c r="BT24" s="162">
        <v>0</v>
      </c>
      <c r="BU24" s="160">
        <v>32</v>
      </c>
      <c r="BV24" s="160">
        <v>37</v>
      </c>
      <c r="BW24" s="160">
        <v>11</v>
      </c>
      <c r="BX24" s="160">
        <v>16</v>
      </c>
      <c r="BY24" s="160">
        <v>6</v>
      </c>
      <c r="BZ24" s="165">
        <v>102</v>
      </c>
      <c r="CA24" s="164">
        <v>123</v>
      </c>
      <c r="CB24" s="159">
        <v>0</v>
      </c>
      <c r="CC24" s="160">
        <v>2</v>
      </c>
      <c r="CD24" s="165">
        <v>2</v>
      </c>
      <c r="CE24" s="162">
        <v>0</v>
      </c>
      <c r="CF24" s="160">
        <v>11</v>
      </c>
      <c r="CG24" s="160">
        <v>25</v>
      </c>
      <c r="CH24" s="160">
        <v>26</v>
      </c>
      <c r="CI24" s="160">
        <v>18</v>
      </c>
      <c r="CJ24" s="160">
        <v>5</v>
      </c>
      <c r="CK24" s="165">
        <v>85</v>
      </c>
      <c r="CL24" s="164">
        <v>87</v>
      </c>
      <c r="CM24" s="159">
        <v>0</v>
      </c>
      <c r="CN24" s="160">
        <v>0</v>
      </c>
      <c r="CO24" s="165">
        <v>0</v>
      </c>
      <c r="CP24" s="162">
        <v>0</v>
      </c>
      <c r="CQ24" s="160">
        <v>2</v>
      </c>
      <c r="CR24" s="160">
        <v>0</v>
      </c>
      <c r="CS24" s="160">
        <v>6</v>
      </c>
      <c r="CT24" s="160">
        <v>5</v>
      </c>
      <c r="CU24" s="160">
        <v>3</v>
      </c>
      <c r="CV24" s="165">
        <v>16</v>
      </c>
      <c r="CW24" s="164">
        <v>16</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53</v>
      </c>
      <c r="DU24" s="160">
        <v>155</v>
      </c>
      <c r="DV24" s="165">
        <v>208</v>
      </c>
      <c r="DW24" s="162">
        <v>0</v>
      </c>
      <c r="DX24" s="160">
        <v>208</v>
      </c>
      <c r="DY24" s="160">
        <v>258</v>
      </c>
      <c r="DZ24" s="160">
        <v>141</v>
      </c>
      <c r="EA24" s="160">
        <v>108</v>
      </c>
      <c r="EB24" s="160">
        <v>64</v>
      </c>
      <c r="EC24" s="165">
        <v>779</v>
      </c>
      <c r="ED24" s="164">
        <v>987</v>
      </c>
      <c r="EE24" s="159">
        <v>5</v>
      </c>
      <c r="EF24" s="160">
        <v>8</v>
      </c>
      <c r="EG24" s="165">
        <v>13</v>
      </c>
      <c r="EH24" s="162">
        <v>0</v>
      </c>
      <c r="EI24" s="160">
        <v>33</v>
      </c>
      <c r="EJ24" s="160">
        <v>22</v>
      </c>
      <c r="EK24" s="160">
        <v>19</v>
      </c>
      <c r="EL24" s="160">
        <v>30</v>
      </c>
      <c r="EM24" s="160">
        <v>11</v>
      </c>
      <c r="EN24" s="165">
        <v>115</v>
      </c>
      <c r="EO24" s="164">
        <v>128</v>
      </c>
      <c r="EP24" s="159">
        <v>65</v>
      </c>
      <c r="EQ24" s="160">
        <v>167</v>
      </c>
      <c r="ER24" s="165">
        <v>232</v>
      </c>
      <c r="ES24" s="162">
        <v>0</v>
      </c>
      <c r="ET24" s="160">
        <v>330</v>
      </c>
      <c r="EU24" s="160">
        <v>321</v>
      </c>
      <c r="EV24" s="160">
        <v>151</v>
      </c>
      <c r="EW24" s="160">
        <v>107</v>
      </c>
      <c r="EX24" s="160">
        <v>63</v>
      </c>
      <c r="EY24" s="165">
        <v>972</v>
      </c>
      <c r="EZ24" s="164">
        <v>1204</v>
      </c>
    </row>
    <row r="25" spans="2:156" ht="21" customHeight="1" x14ac:dyDescent="0.2">
      <c r="B25" s="166" t="s">
        <v>23</v>
      </c>
      <c r="C25" s="159">
        <v>0</v>
      </c>
      <c r="D25" s="160">
        <v>0</v>
      </c>
      <c r="E25" s="161">
        <v>0</v>
      </c>
      <c r="F25" s="162">
        <v>0</v>
      </c>
      <c r="G25" s="160">
        <v>129</v>
      </c>
      <c r="H25" s="160">
        <v>145</v>
      </c>
      <c r="I25" s="160">
        <v>76</v>
      </c>
      <c r="J25" s="160">
        <v>69</v>
      </c>
      <c r="K25" s="160">
        <v>44</v>
      </c>
      <c r="L25" s="163">
        <v>463</v>
      </c>
      <c r="M25" s="164">
        <v>463</v>
      </c>
      <c r="N25" s="159">
        <v>0</v>
      </c>
      <c r="O25" s="160">
        <v>0</v>
      </c>
      <c r="P25" s="165">
        <v>0</v>
      </c>
      <c r="Q25" s="162">
        <v>0</v>
      </c>
      <c r="R25" s="160">
        <v>0</v>
      </c>
      <c r="S25" s="160">
        <v>5</v>
      </c>
      <c r="T25" s="160">
        <v>3</v>
      </c>
      <c r="U25" s="160">
        <v>20</v>
      </c>
      <c r="V25" s="160">
        <v>21</v>
      </c>
      <c r="W25" s="165">
        <v>49</v>
      </c>
      <c r="X25" s="164">
        <v>49</v>
      </c>
      <c r="Y25" s="159">
        <v>34</v>
      </c>
      <c r="Z25" s="160">
        <v>68</v>
      </c>
      <c r="AA25" s="165">
        <v>102</v>
      </c>
      <c r="AB25" s="162">
        <v>0</v>
      </c>
      <c r="AC25" s="160">
        <v>98</v>
      </c>
      <c r="AD25" s="160">
        <v>155</v>
      </c>
      <c r="AE25" s="160">
        <v>72</v>
      </c>
      <c r="AF25" s="160">
        <v>78</v>
      </c>
      <c r="AG25" s="160">
        <v>44</v>
      </c>
      <c r="AH25" s="165">
        <v>447</v>
      </c>
      <c r="AI25" s="164">
        <v>549</v>
      </c>
      <c r="AJ25" s="159">
        <v>4</v>
      </c>
      <c r="AK25" s="160">
        <v>11</v>
      </c>
      <c r="AL25" s="165">
        <v>15</v>
      </c>
      <c r="AM25" s="162">
        <v>0</v>
      </c>
      <c r="AN25" s="160">
        <v>8</v>
      </c>
      <c r="AO25" s="160">
        <v>21</v>
      </c>
      <c r="AP25" s="160">
        <v>10</v>
      </c>
      <c r="AQ25" s="160">
        <v>7</v>
      </c>
      <c r="AR25" s="160">
        <v>2</v>
      </c>
      <c r="AS25" s="165">
        <v>48</v>
      </c>
      <c r="AT25" s="164">
        <v>63</v>
      </c>
      <c r="AU25" s="159">
        <v>21</v>
      </c>
      <c r="AV25" s="160">
        <v>20</v>
      </c>
      <c r="AW25" s="165">
        <v>41</v>
      </c>
      <c r="AX25" s="162">
        <v>0</v>
      </c>
      <c r="AY25" s="160">
        <v>173</v>
      </c>
      <c r="AZ25" s="160">
        <v>169</v>
      </c>
      <c r="BA25" s="160">
        <v>134</v>
      </c>
      <c r="BB25" s="160">
        <v>164</v>
      </c>
      <c r="BC25" s="160">
        <v>108</v>
      </c>
      <c r="BD25" s="163">
        <v>748</v>
      </c>
      <c r="BE25" s="164">
        <v>789</v>
      </c>
      <c r="BF25" s="159">
        <v>0</v>
      </c>
      <c r="BG25" s="160">
        <v>0</v>
      </c>
      <c r="BH25" s="165">
        <v>0</v>
      </c>
      <c r="BI25" s="162">
        <v>0</v>
      </c>
      <c r="BJ25" s="160">
        <v>274</v>
      </c>
      <c r="BK25" s="160">
        <v>245</v>
      </c>
      <c r="BL25" s="160">
        <v>127</v>
      </c>
      <c r="BM25" s="160">
        <v>61</v>
      </c>
      <c r="BN25" s="160">
        <v>33</v>
      </c>
      <c r="BO25" s="165">
        <v>740</v>
      </c>
      <c r="BP25" s="164">
        <v>740</v>
      </c>
      <c r="BQ25" s="159">
        <v>2</v>
      </c>
      <c r="BR25" s="160">
        <v>11</v>
      </c>
      <c r="BS25" s="165">
        <v>13</v>
      </c>
      <c r="BT25" s="162">
        <v>0</v>
      </c>
      <c r="BU25" s="160">
        <v>36</v>
      </c>
      <c r="BV25" s="160">
        <v>44</v>
      </c>
      <c r="BW25" s="160">
        <v>30</v>
      </c>
      <c r="BX25" s="160">
        <v>20</v>
      </c>
      <c r="BY25" s="160">
        <v>7</v>
      </c>
      <c r="BZ25" s="165">
        <v>137</v>
      </c>
      <c r="CA25" s="164">
        <v>150</v>
      </c>
      <c r="CB25" s="159">
        <v>1</v>
      </c>
      <c r="CC25" s="160">
        <v>1</v>
      </c>
      <c r="CD25" s="165">
        <v>2</v>
      </c>
      <c r="CE25" s="162">
        <v>0</v>
      </c>
      <c r="CF25" s="160">
        <v>24</v>
      </c>
      <c r="CG25" s="160">
        <v>37</v>
      </c>
      <c r="CH25" s="160">
        <v>51</v>
      </c>
      <c r="CI25" s="160">
        <v>29</v>
      </c>
      <c r="CJ25" s="160">
        <v>10</v>
      </c>
      <c r="CK25" s="165">
        <v>151</v>
      </c>
      <c r="CL25" s="164">
        <v>153</v>
      </c>
      <c r="CM25" s="159">
        <v>0</v>
      </c>
      <c r="CN25" s="160">
        <v>0</v>
      </c>
      <c r="CO25" s="165">
        <v>0</v>
      </c>
      <c r="CP25" s="162">
        <v>0</v>
      </c>
      <c r="CQ25" s="160">
        <v>1</v>
      </c>
      <c r="CR25" s="160">
        <v>3</v>
      </c>
      <c r="CS25" s="160">
        <v>0</v>
      </c>
      <c r="CT25" s="160">
        <v>3</v>
      </c>
      <c r="CU25" s="160">
        <v>2</v>
      </c>
      <c r="CV25" s="165">
        <v>9</v>
      </c>
      <c r="CW25" s="164">
        <v>9</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102</v>
      </c>
      <c r="DU25" s="160">
        <v>249</v>
      </c>
      <c r="DV25" s="165">
        <v>351</v>
      </c>
      <c r="DW25" s="162">
        <v>0</v>
      </c>
      <c r="DX25" s="160">
        <v>258</v>
      </c>
      <c r="DY25" s="160">
        <v>391</v>
      </c>
      <c r="DZ25" s="160">
        <v>225</v>
      </c>
      <c r="EA25" s="160">
        <v>172</v>
      </c>
      <c r="EB25" s="160">
        <v>87</v>
      </c>
      <c r="EC25" s="165">
        <v>1133</v>
      </c>
      <c r="ED25" s="164">
        <v>1484</v>
      </c>
      <c r="EE25" s="159">
        <v>8</v>
      </c>
      <c r="EF25" s="160">
        <v>3</v>
      </c>
      <c r="EG25" s="165">
        <v>11</v>
      </c>
      <c r="EH25" s="162">
        <v>0</v>
      </c>
      <c r="EI25" s="160">
        <v>55</v>
      </c>
      <c r="EJ25" s="160">
        <v>46</v>
      </c>
      <c r="EK25" s="160">
        <v>34</v>
      </c>
      <c r="EL25" s="160">
        <v>49</v>
      </c>
      <c r="EM25" s="160">
        <v>33</v>
      </c>
      <c r="EN25" s="165">
        <v>217</v>
      </c>
      <c r="EO25" s="164">
        <v>228</v>
      </c>
      <c r="EP25" s="159">
        <v>134</v>
      </c>
      <c r="EQ25" s="160">
        <v>291</v>
      </c>
      <c r="ER25" s="165">
        <v>425</v>
      </c>
      <c r="ES25" s="162">
        <v>0</v>
      </c>
      <c r="ET25" s="160">
        <v>510</v>
      </c>
      <c r="EU25" s="160">
        <v>523</v>
      </c>
      <c r="EV25" s="160">
        <v>274</v>
      </c>
      <c r="EW25" s="160">
        <v>187</v>
      </c>
      <c r="EX25" s="160">
        <v>92</v>
      </c>
      <c r="EY25" s="165">
        <v>1586</v>
      </c>
      <c r="EZ25" s="164">
        <v>2011</v>
      </c>
    </row>
    <row r="26" spans="2:156" ht="21" customHeight="1" x14ac:dyDescent="0.2">
      <c r="B26" s="166" t="s">
        <v>24</v>
      </c>
      <c r="C26" s="159">
        <v>0</v>
      </c>
      <c r="D26" s="160">
        <v>0</v>
      </c>
      <c r="E26" s="161">
        <v>0</v>
      </c>
      <c r="F26" s="162">
        <v>0</v>
      </c>
      <c r="G26" s="160">
        <v>65</v>
      </c>
      <c r="H26" s="160">
        <v>68</v>
      </c>
      <c r="I26" s="160">
        <v>47</v>
      </c>
      <c r="J26" s="160">
        <v>42</v>
      </c>
      <c r="K26" s="160">
        <v>27</v>
      </c>
      <c r="L26" s="163">
        <v>249</v>
      </c>
      <c r="M26" s="164">
        <v>249</v>
      </c>
      <c r="N26" s="159">
        <v>0</v>
      </c>
      <c r="O26" s="160">
        <v>0</v>
      </c>
      <c r="P26" s="165">
        <v>0</v>
      </c>
      <c r="Q26" s="162">
        <v>0</v>
      </c>
      <c r="R26" s="160">
        <v>1</v>
      </c>
      <c r="S26" s="160">
        <v>4</v>
      </c>
      <c r="T26" s="160">
        <v>5</v>
      </c>
      <c r="U26" s="160">
        <v>8</v>
      </c>
      <c r="V26" s="160">
        <v>22</v>
      </c>
      <c r="W26" s="165">
        <v>40</v>
      </c>
      <c r="X26" s="164">
        <v>40</v>
      </c>
      <c r="Y26" s="159">
        <v>18</v>
      </c>
      <c r="Z26" s="160">
        <v>26</v>
      </c>
      <c r="AA26" s="165">
        <v>44</v>
      </c>
      <c r="AB26" s="162">
        <v>0</v>
      </c>
      <c r="AC26" s="160">
        <v>68</v>
      </c>
      <c r="AD26" s="160">
        <v>75</v>
      </c>
      <c r="AE26" s="160">
        <v>40</v>
      </c>
      <c r="AF26" s="160">
        <v>45</v>
      </c>
      <c r="AG26" s="160">
        <v>25</v>
      </c>
      <c r="AH26" s="165">
        <v>253</v>
      </c>
      <c r="AI26" s="164">
        <v>297</v>
      </c>
      <c r="AJ26" s="159">
        <v>1</v>
      </c>
      <c r="AK26" s="160">
        <v>1</v>
      </c>
      <c r="AL26" s="165">
        <v>2</v>
      </c>
      <c r="AM26" s="162">
        <v>0</v>
      </c>
      <c r="AN26" s="160">
        <v>3</v>
      </c>
      <c r="AO26" s="160">
        <v>5</v>
      </c>
      <c r="AP26" s="160">
        <v>1</v>
      </c>
      <c r="AQ26" s="160">
        <v>3</v>
      </c>
      <c r="AR26" s="160">
        <v>4</v>
      </c>
      <c r="AS26" s="165">
        <v>16</v>
      </c>
      <c r="AT26" s="164">
        <v>18</v>
      </c>
      <c r="AU26" s="159">
        <v>23</v>
      </c>
      <c r="AV26" s="160">
        <v>19</v>
      </c>
      <c r="AW26" s="165">
        <v>42</v>
      </c>
      <c r="AX26" s="162">
        <v>0</v>
      </c>
      <c r="AY26" s="160">
        <v>85</v>
      </c>
      <c r="AZ26" s="160">
        <v>90</v>
      </c>
      <c r="BA26" s="160">
        <v>86</v>
      </c>
      <c r="BB26" s="160">
        <v>99</v>
      </c>
      <c r="BC26" s="160">
        <v>63</v>
      </c>
      <c r="BD26" s="163">
        <v>423</v>
      </c>
      <c r="BE26" s="164">
        <v>465</v>
      </c>
      <c r="BF26" s="159">
        <v>0</v>
      </c>
      <c r="BG26" s="160">
        <v>0</v>
      </c>
      <c r="BH26" s="165">
        <v>0</v>
      </c>
      <c r="BI26" s="162">
        <v>0</v>
      </c>
      <c r="BJ26" s="160">
        <v>117</v>
      </c>
      <c r="BK26" s="160">
        <v>95</v>
      </c>
      <c r="BL26" s="160">
        <v>30</v>
      </c>
      <c r="BM26" s="160">
        <v>27</v>
      </c>
      <c r="BN26" s="160">
        <v>9</v>
      </c>
      <c r="BO26" s="165">
        <v>278</v>
      </c>
      <c r="BP26" s="164">
        <v>278</v>
      </c>
      <c r="BQ26" s="159">
        <v>11</v>
      </c>
      <c r="BR26" s="160">
        <v>16</v>
      </c>
      <c r="BS26" s="165">
        <v>27</v>
      </c>
      <c r="BT26" s="162">
        <v>0</v>
      </c>
      <c r="BU26" s="160">
        <v>54</v>
      </c>
      <c r="BV26" s="160">
        <v>29</v>
      </c>
      <c r="BW26" s="160">
        <v>23</v>
      </c>
      <c r="BX26" s="160">
        <v>15</v>
      </c>
      <c r="BY26" s="160">
        <v>10</v>
      </c>
      <c r="BZ26" s="165">
        <v>131</v>
      </c>
      <c r="CA26" s="164">
        <v>158</v>
      </c>
      <c r="CB26" s="159">
        <v>2</v>
      </c>
      <c r="CC26" s="160">
        <v>3</v>
      </c>
      <c r="CD26" s="165">
        <v>5</v>
      </c>
      <c r="CE26" s="162">
        <v>0</v>
      </c>
      <c r="CF26" s="160">
        <v>19</v>
      </c>
      <c r="CG26" s="160">
        <v>23</v>
      </c>
      <c r="CH26" s="160">
        <v>20</v>
      </c>
      <c r="CI26" s="160">
        <v>20</v>
      </c>
      <c r="CJ26" s="160">
        <v>9</v>
      </c>
      <c r="CK26" s="165">
        <v>91</v>
      </c>
      <c r="CL26" s="164">
        <v>96</v>
      </c>
      <c r="CM26" s="159">
        <v>0</v>
      </c>
      <c r="CN26" s="160">
        <v>0</v>
      </c>
      <c r="CO26" s="165">
        <v>0</v>
      </c>
      <c r="CP26" s="162">
        <v>0</v>
      </c>
      <c r="CQ26" s="160">
        <v>3</v>
      </c>
      <c r="CR26" s="160">
        <v>0</v>
      </c>
      <c r="CS26" s="160">
        <v>0</v>
      </c>
      <c r="CT26" s="160">
        <v>1</v>
      </c>
      <c r="CU26" s="160">
        <v>1</v>
      </c>
      <c r="CV26" s="165">
        <v>5</v>
      </c>
      <c r="CW26" s="164">
        <v>5</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85</v>
      </c>
      <c r="DU26" s="160">
        <v>102</v>
      </c>
      <c r="DV26" s="165">
        <v>187</v>
      </c>
      <c r="DW26" s="162">
        <v>0</v>
      </c>
      <c r="DX26" s="160">
        <v>144</v>
      </c>
      <c r="DY26" s="160">
        <v>172</v>
      </c>
      <c r="DZ26" s="160">
        <v>103</v>
      </c>
      <c r="EA26" s="160">
        <v>88</v>
      </c>
      <c r="EB26" s="160">
        <v>47</v>
      </c>
      <c r="EC26" s="165">
        <v>554</v>
      </c>
      <c r="ED26" s="164">
        <v>741</v>
      </c>
      <c r="EE26" s="159">
        <v>14</v>
      </c>
      <c r="EF26" s="160">
        <v>10</v>
      </c>
      <c r="EG26" s="165">
        <v>24</v>
      </c>
      <c r="EH26" s="162">
        <v>0</v>
      </c>
      <c r="EI26" s="160">
        <v>40</v>
      </c>
      <c r="EJ26" s="160">
        <v>27</v>
      </c>
      <c r="EK26" s="160">
        <v>25</v>
      </c>
      <c r="EL26" s="160">
        <v>34</v>
      </c>
      <c r="EM26" s="160">
        <v>25</v>
      </c>
      <c r="EN26" s="165">
        <v>151</v>
      </c>
      <c r="EO26" s="164">
        <v>175</v>
      </c>
      <c r="EP26" s="159">
        <v>103</v>
      </c>
      <c r="EQ26" s="160">
        <v>121</v>
      </c>
      <c r="ER26" s="165">
        <v>224</v>
      </c>
      <c r="ES26" s="162">
        <v>0</v>
      </c>
      <c r="ET26" s="160">
        <v>212</v>
      </c>
      <c r="EU26" s="160">
        <v>178</v>
      </c>
      <c r="EV26" s="160">
        <v>86</v>
      </c>
      <c r="EW26" s="160">
        <v>80</v>
      </c>
      <c r="EX26" s="160">
        <v>34</v>
      </c>
      <c r="EY26" s="165">
        <v>590</v>
      </c>
      <c r="EZ26" s="164">
        <v>814</v>
      </c>
    </row>
    <row r="27" spans="2:156" ht="21" customHeight="1" x14ac:dyDescent="0.2">
      <c r="B27" s="166" t="s">
        <v>25</v>
      </c>
      <c r="C27" s="159">
        <v>0</v>
      </c>
      <c r="D27" s="160">
        <v>0</v>
      </c>
      <c r="E27" s="161">
        <v>0</v>
      </c>
      <c r="F27" s="162">
        <v>0</v>
      </c>
      <c r="G27" s="160">
        <v>100</v>
      </c>
      <c r="H27" s="160">
        <v>96</v>
      </c>
      <c r="I27" s="160">
        <v>55</v>
      </c>
      <c r="J27" s="160">
        <v>41</v>
      </c>
      <c r="K27" s="160">
        <v>30</v>
      </c>
      <c r="L27" s="163">
        <v>322</v>
      </c>
      <c r="M27" s="164">
        <v>322</v>
      </c>
      <c r="N27" s="159">
        <v>0</v>
      </c>
      <c r="O27" s="160">
        <v>0</v>
      </c>
      <c r="P27" s="165">
        <v>0</v>
      </c>
      <c r="Q27" s="162">
        <v>0</v>
      </c>
      <c r="R27" s="160">
        <v>2</v>
      </c>
      <c r="S27" s="160">
        <v>5</v>
      </c>
      <c r="T27" s="160">
        <v>11</v>
      </c>
      <c r="U27" s="160">
        <v>12</v>
      </c>
      <c r="V27" s="160">
        <v>13</v>
      </c>
      <c r="W27" s="165">
        <v>43</v>
      </c>
      <c r="X27" s="164">
        <v>43</v>
      </c>
      <c r="Y27" s="159">
        <v>23</v>
      </c>
      <c r="Z27" s="160">
        <v>50</v>
      </c>
      <c r="AA27" s="165">
        <v>73</v>
      </c>
      <c r="AB27" s="162">
        <v>0</v>
      </c>
      <c r="AC27" s="160">
        <v>90</v>
      </c>
      <c r="AD27" s="160">
        <v>101</v>
      </c>
      <c r="AE27" s="160">
        <v>46</v>
      </c>
      <c r="AF27" s="160">
        <v>38</v>
      </c>
      <c r="AG27" s="160">
        <v>25</v>
      </c>
      <c r="AH27" s="165">
        <v>300</v>
      </c>
      <c r="AI27" s="164">
        <v>373</v>
      </c>
      <c r="AJ27" s="159">
        <v>2</v>
      </c>
      <c r="AK27" s="160">
        <v>6</v>
      </c>
      <c r="AL27" s="165">
        <v>8</v>
      </c>
      <c r="AM27" s="162">
        <v>0</v>
      </c>
      <c r="AN27" s="160">
        <v>1</v>
      </c>
      <c r="AO27" s="160">
        <v>13</v>
      </c>
      <c r="AP27" s="160">
        <v>6</v>
      </c>
      <c r="AQ27" s="160">
        <v>4</v>
      </c>
      <c r="AR27" s="160">
        <v>4</v>
      </c>
      <c r="AS27" s="165">
        <v>28</v>
      </c>
      <c r="AT27" s="164">
        <v>36</v>
      </c>
      <c r="AU27" s="159">
        <v>8</v>
      </c>
      <c r="AV27" s="160">
        <v>15</v>
      </c>
      <c r="AW27" s="165">
        <v>23</v>
      </c>
      <c r="AX27" s="162">
        <v>0</v>
      </c>
      <c r="AY27" s="160">
        <v>79</v>
      </c>
      <c r="AZ27" s="160">
        <v>76</v>
      </c>
      <c r="BA27" s="160">
        <v>64</v>
      </c>
      <c r="BB27" s="160">
        <v>75</v>
      </c>
      <c r="BC27" s="160">
        <v>47</v>
      </c>
      <c r="BD27" s="163">
        <v>341</v>
      </c>
      <c r="BE27" s="164">
        <v>364</v>
      </c>
      <c r="BF27" s="159">
        <v>0</v>
      </c>
      <c r="BG27" s="160">
        <v>0</v>
      </c>
      <c r="BH27" s="165">
        <v>0</v>
      </c>
      <c r="BI27" s="162">
        <v>0</v>
      </c>
      <c r="BJ27" s="160">
        <v>160</v>
      </c>
      <c r="BK27" s="160">
        <v>105</v>
      </c>
      <c r="BL27" s="160">
        <v>56</v>
      </c>
      <c r="BM27" s="160">
        <v>36</v>
      </c>
      <c r="BN27" s="160">
        <v>10</v>
      </c>
      <c r="BO27" s="165">
        <v>367</v>
      </c>
      <c r="BP27" s="164">
        <v>367</v>
      </c>
      <c r="BQ27" s="159">
        <v>1</v>
      </c>
      <c r="BR27" s="160">
        <v>7</v>
      </c>
      <c r="BS27" s="165">
        <v>8</v>
      </c>
      <c r="BT27" s="162">
        <v>0</v>
      </c>
      <c r="BU27" s="160">
        <v>28</v>
      </c>
      <c r="BV27" s="160">
        <v>55</v>
      </c>
      <c r="BW27" s="160">
        <v>27</v>
      </c>
      <c r="BX27" s="160">
        <v>14</v>
      </c>
      <c r="BY27" s="160">
        <v>5</v>
      </c>
      <c r="BZ27" s="165">
        <v>129</v>
      </c>
      <c r="CA27" s="164">
        <v>137</v>
      </c>
      <c r="CB27" s="159">
        <v>0</v>
      </c>
      <c r="CC27" s="160">
        <v>2</v>
      </c>
      <c r="CD27" s="165">
        <v>2</v>
      </c>
      <c r="CE27" s="162">
        <v>0</v>
      </c>
      <c r="CF27" s="160">
        <v>20</v>
      </c>
      <c r="CG27" s="160">
        <v>24</v>
      </c>
      <c r="CH27" s="160">
        <v>25</v>
      </c>
      <c r="CI27" s="160">
        <v>15</v>
      </c>
      <c r="CJ27" s="160">
        <v>6</v>
      </c>
      <c r="CK27" s="165">
        <v>90</v>
      </c>
      <c r="CL27" s="164">
        <v>92</v>
      </c>
      <c r="CM27" s="159">
        <v>0</v>
      </c>
      <c r="CN27" s="160">
        <v>0</v>
      </c>
      <c r="CO27" s="165">
        <v>0</v>
      </c>
      <c r="CP27" s="162">
        <v>0</v>
      </c>
      <c r="CQ27" s="160">
        <v>3</v>
      </c>
      <c r="CR27" s="160">
        <v>10</v>
      </c>
      <c r="CS27" s="160">
        <v>7</v>
      </c>
      <c r="CT27" s="160">
        <v>3</v>
      </c>
      <c r="CU27" s="160">
        <v>3</v>
      </c>
      <c r="CV27" s="165">
        <v>26</v>
      </c>
      <c r="CW27" s="164">
        <v>26</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88</v>
      </c>
      <c r="DU27" s="160">
        <v>164</v>
      </c>
      <c r="DV27" s="165">
        <v>252</v>
      </c>
      <c r="DW27" s="162">
        <v>0</v>
      </c>
      <c r="DX27" s="160">
        <v>135</v>
      </c>
      <c r="DY27" s="160">
        <v>257</v>
      </c>
      <c r="DZ27" s="160">
        <v>120</v>
      </c>
      <c r="EA27" s="160">
        <v>94</v>
      </c>
      <c r="EB27" s="160">
        <v>49</v>
      </c>
      <c r="EC27" s="165">
        <v>655</v>
      </c>
      <c r="ED27" s="164">
        <v>907</v>
      </c>
      <c r="EE27" s="159">
        <v>5</v>
      </c>
      <c r="EF27" s="160">
        <v>5</v>
      </c>
      <c r="EG27" s="165">
        <v>10</v>
      </c>
      <c r="EH27" s="162">
        <v>0</v>
      </c>
      <c r="EI27" s="160">
        <v>24</v>
      </c>
      <c r="EJ27" s="160">
        <v>9</v>
      </c>
      <c r="EK27" s="160">
        <v>13</v>
      </c>
      <c r="EL27" s="160">
        <v>21</v>
      </c>
      <c r="EM27" s="160">
        <v>13</v>
      </c>
      <c r="EN27" s="165">
        <v>80</v>
      </c>
      <c r="EO27" s="164">
        <v>90</v>
      </c>
      <c r="EP27" s="159">
        <v>104</v>
      </c>
      <c r="EQ27" s="160">
        <v>189</v>
      </c>
      <c r="ER27" s="165">
        <v>293</v>
      </c>
      <c r="ES27" s="162">
        <v>0</v>
      </c>
      <c r="ET27" s="160">
        <v>344</v>
      </c>
      <c r="EU27" s="160">
        <v>315</v>
      </c>
      <c r="EV27" s="160">
        <v>149</v>
      </c>
      <c r="EW27" s="160">
        <v>101</v>
      </c>
      <c r="EX27" s="160">
        <v>51</v>
      </c>
      <c r="EY27" s="165">
        <v>960</v>
      </c>
      <c r="EZ27" s="164">
        <v>1253</v>
      </c>
    </row>
    <row r="28" spans="2:156" ht="21" customHeight="1" x14ac:dyDescent="0.2">
      <c r="B28" s="166" t="s">
        <v>26</v>
      </c>
      <c r="C28" s="159">
        <v>0</v>
      </c>
      <c r="D28" s="160">
        <v>0</v>
      </c>
      <c r="E28" s="161">
        <v>0</v>
      </c>
      <c r="F28" s="162">
        <v>0</v>
      </c>
      <c r="G28" s="160">
        <v>72</v>
      </c>
      <c r="H28" s="160">
        <v>91</v>
      </c>
      <c r="I28" s="160">
        <v>56</v>
      </c>
      <c r="J28" s="160">
        <v>33</v>
      </c>
      <c r="K28" s="160">
        <v>48</v>
      </c>
      <c r="L28" s="163">
        <v>300</v>
      </c>
      <c r="M28" s="164">
        <v>300</v>
      </c>
      <c r="N28" s="159">
        <v>0</v>
      </c>
      <c r="O28" s="160">
        <v>0</v>
      </c>
      <c r="P28" s="165">
        <v>0</v>
      </c>
      <c r="Q28" s="162">
        <v>0</v>
      </c>
      <c r="R28" s="160">
        <v>0</v>
      </c>
      <c r="S28" s="160">
        <v>1</v>
      </c>
      <c r="T28" s="160">
        <v>6</v>
      </c>
      <c r="U28" s="160">
        <v>8</v>
      </c>
      <c r="V28" s="160">
        <v>15</v>
      </c>
      <c r="W28" s="165">
        <v>30</v>
      </c>
      <c r="X28" s="164">
        <v>30</v>
      </c>
      <c r="Y28" s="159">
        <v>15</v>
      </c>
      <c r="Z28" s="160">
        <v>17</v>
      </c>
      <c r="AA28" s="165">
        <v>32</v>
      </c>
      <c r="AB28" s="162">
        <v>0</v>
      </c>
      <c r="AC28" s="160">
        <v>78</v>
      </c>
      <c r="AD28" s="160">
        <v>84</v>
      </c>
      <c r="AE28" s="160">
        <v>41</v>
      </c>
      <c r="AF28" s="160">
        <v>36</v>
      </c>
      <c r="AG28" s="160">
        <v>47</v>
      </c>
      <c r="AH28" s="165">
        <v>286</v>
      </c>
      <c r="AI28" s="164">
        <v>318</v>
      </c>
      <c r="AJ28" s="159">
        <v>1</v>
      </c>
      <c r="AK28" s="160">
        <v>1</v>
      </c>
      <c r="AL28" s="165">
        <v>2</v>
      </c>
      <c r="AM28" s="162">
        <v>0</v>
      </c>
      <c r="AN28" s="160">
        <v>2</v>
      </c>
      <c r="AO28" s="160">
        <v>3</v>
      </c>
      <c r="AP28" s="160">
        <v>6</v>
      </c>
      <c r="AQ28" s="160">
        <v>2</v>
      </c>
      <c r="AR28" s="160">
        <v>4</v>
      </c>
      <c r="AS28" s="165">
        <v>17</v>
      </c>
      <c r="AT28" s="164">
        <v>19</v>
      </c>
      <c r="AU28" s="159">
        <v>10</v>
      </c>
      <c r="AV28" s="160">
        <v>3</v>
      </c>
      <c r="AW28" s="165">
        <v>13</v>
      </c>
      <c r="AX28" s="162">
        <v>0</v>
      </c>
      <c r="AY28" s="160">
        <v>64</v>
      </c>
      <c r="AZ28" s="160">
        <v>68</v>
      </c>
      <c r="BA28" s="160">
        <v>91</v>
      </c>
      <c r="BB28" s="160">
        <v>57</v>
      </c>
      <c r="BC28" s="160">
        <v>65</v>
      </c>
      <c r="BD28" s="163">
        <v>345</v>
      </c>
      <c r="BE28" s="164">
        <v>358</v>
      </c>
      <c r="BF28" s="159">
        <v>0</v>
      </c>
      <c r="BG28" s="160">
        <v>0</v>
      </c>
      <c r="BH28" s="165">
        <v>0</v>
      </c>
      <c r="BI28" s="162">
        <v>0</v>
      </c>
      <c r="BJ28" s="160">
        <v>123</v>
      </c>
      <c r="BK28" s="160">
        <v>95</v>
      </c>
      <c r="BL28" s="160">
        <v>39</v>
      </c>
      <c r="BM28" s="160">
        <v>22</v>
      </c>
      <c r="BN28" s="160">
        <v>15</v>
      </c>
      <c r="BO28" s="165">
        <v>294</v>
      </c>
      <c r="BP28" s="164">
        <v>294</v>
      </c>
      <c r="BQ28" s="159">
        <v>8</v>
      </c>
      <c r="BR28" s="160">
        <v>6</v>
      </c>
      <c r="BS28" s="165">
        <v>14</v>
      </c>
      <c r="BT28" s="162">
        <v>0</v>
      </c>
      <c r="BU28" s="160">
        <v>22</v>
      </c>
      <c r="BV28" s="160">
        <v>28</v>
      </c>
      <c r="BW28" s="160">
        <v>12</v>
      </c>
      <c r="BX28" s="160">
        <v>13</v>
      </c>
      <c r="BY28" s="160">
        <v>6</v>
      </c>
      <c r="BZ28" s="165">
        <v>81</v>
      </c>
      <c r="CA28" s="164">
        <v>95</v>
      </c>
      <c r="CB28" s="159">
        <v>0</v>
      </c>
      <c r="CC28" s="160">
        <v>0</v>
      </c>
      <c r="CD28" s="165">
        <v>0</v>
      </c>
      <c r="CE28" s="162">
        <v>0</v>
      </c>
      <c r="CF28" s="160">
        <v>21</v>
      </c>
      <c r="CG28" s="160">
        <v>24</v>
      </c>
      <c r="CH28" s="160">
        <v>24</v>
      </c>
      <c r="CI28" s="160">
        <v>16</v>
      </c>
      <c r="CJ28" s="160">
        <v>12</v>
      </c>
      <c r="CK28" s="165">
        <v>97</v>
      </c>
      <c r="CL28" s="164">
        <v>97</v>
      </c>
      <c r="CM28" s="159">
        <v>0</v>
      </c>
      <c r="CN28" s="160">
        <v>0</v>
      </c>
      <c r="CO28" s="165">
        <v>0</v>
      </c>
      <c r="CP28" s="162">
        <v>0</v>
      </c>
      <c r="CQ28" s="160">
        <v>1</v>
      </c>
      <c r="CR28" s="160">
        <v>3</v>
      </c>
      <c r="CS28" s="160">
        <v>1</v>
      </c>
      <c r="CT28" s="160">
        <v>4</v>
      </c>
      <c r="CU28" s="160">
        <v>2</v>
      </c>
      <c r="CV28" s="165">
        <v>11</v>
      </c>
      <c r="CW28" s="164">
        <v>11</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67</v>
      </c>
      <c r="DU28" s="160">
        <v>118</v>
      </c>
      <c r="DV28" s="165">
        <v>185</v>
      </c>
      <c r="DW28" s="162">
        <v>0</v>
      </c>
      <c r="DX28" s="160">
        <v>151</v>
      </c>
      <c r="DY28" s="160">
        <v>192</v>
      </c>
      <c r="DZ28" s="160">
        <v>107</v>
      </c>
      <c r="EA28" s="160">
        <v>74</v>
      </c>
      <c r="EB28" s="160">
        <v>72</v>
      </c>
      <c r="EC28" s="165">
        <v>596</v>
      </c>
      <c r="ED28" s="164">
        <v>781</v>
      </c>
      <c r="EE28" s="159">
        <v>8</v>
      </c>
      <c r="EF28" s="160">
        <v>3</v>
      </c>
      <c r="EG28" s="165">
        <v>11</v>
      </c>
      <c r="EH28" s="162">
        <v>0</v>
      </c>
      <c r="EI28" s="160">
        <v>29</v>
      </c>
      <c r="EJ28" s="160">
        <v>16</v>
      </c>
      <c r="EK28" s="160">
        <v>26</v>
      </c>
      <c r="EL28" s="160">
        <v>23</v>
      </c>
      <c r="EM28" s="160">
        <v>13</v>
      </c>
      <c r="EN28" s="165">
        <v>107</v>
      </c>
      <c r="EO28" s="164">
        <v>118</v>
      </c>
      <c r="EP28" s="159">
        <v>79</v>
      </c>
      <c r="EQ28" s="160">
        <v>131</v>
      </c>
      <c r="ER28" s="165">
        <v>210</v>
      </c>
      <c r="ES28" s="162">
        <v>0</v>
      </c>
      <c r="ET28" s="160">
        <v>287</v>
      </c>
      <c r="EU28" s="160">
        <v>257</v>
      </c>
      <c r="EV28" s="160">
        <v>134</v>
      </c>
      <c r="EW28" s="160">
        <v>78</v>
      </c>
      <c r="EX28" s="160">
        <v>72</v>
      </c>
      <c r="EY28" s="165">
        <v>828</v>
      </c>
      <c r="EZ28" s="164">
        <v>1038</v>
      </c>
    </row>
    <row r="29" spans="2:156" ht="21" customHeight="1" x14ac:dyDescent="0.2">
      <c r="B29" s="166" t="s">
        <v>27</v>
      </c>
      <c r="C29" s="159">
        <v>0</v>
      </c>
      <c r="D29" s="160">
        <v>0</v>
      </c>
      <c r="E29" s="161">
        <v>0</v>
      </c>
      <c r="F29" s="162">
        <v>0</v>
      </c>
      <c r="G29" s="160">
        <v>56</v>
      </c>
      <c r="H29" s="160">
        <v>56</v>
      </c>
      <c r="I29" s="160">
        <v>42</v>
      </c>
      <c r="J29" s="160">
        <v>27</v>
      </c>
      <c r="K29" s="160">
        <v>30</v>
      </c>
      <c r="L29" s="163">
        <v>211</v>
      </c>
      <c r="M29" s="164">
        <v>211</v>
      </c>
      <c r="N29" s="159">
        <v>0</v>
      </c>
      <c r="O29" s="160">
        <v>0</v>
      </c>
      <c r="P29" s="165">
        <v>0</v>
      </c>
      <c r="Q29" s="162">
        <v>0</v>
      </c>
      <c r="R29" s="160">
        <v>1</v>
      </c>
      <c r="S29" s="160">
        <v>5</v>
      </c>
      <c r="T29" s="160">
        <v>5</v>
      </c>
      <c r="U29" s="160">
        <v>7</v>
      </c>
      <c r="V29" s="160">
        <v>16</v>
      </c>
      <c r="W29" s="165">
        <v>34</v>
      </c>
      <c r="X29" s="164">
        <v>34</v>
      </c>
      <c r="Y29" s="159">
        <v>22</v>
      </c>
      <c r="Z29" s="160">
        <v>49</v>
      </c>
      <c r="AA29" s="165">
        <v>71</v>
      </c>
      <c r="AB29" s="162">
        <v>0</v>
      </c>
      <c r="AC29" s="160">
        <v>33</v>
      </c>
      <c r="AD29" s="160">
        <v>51</v>
      </c>
      <c r="AE29" s="160">
        <v>43</v>
      </c>
      <c r="AF29" s="160">
        <v>24</v>
      </c>
      <c r="AG29" s="160">
        <v>23</v>
      </c>
      <c r="AH29" s="165">
        <v>174</v>
      </c>
      <c r="AI29" s="164">
        <v>245</v>
      </c>
      <c r="AJ29" s="159">
        <v>0</v>
      </c>
      <c r="AK29" s="160">
        <v>2</v>
      </c>
      <c r="AL29" s="165">
        <v>2</v>
      </c>
      <c r="AM29" s="162">
        <v>0</v>
      </c>
      <c r="AN29" s="160">
        <v>2</v>
      </c>
      <c r="AO29" s="160">
        <v>1</v>
      </c>
      <c r="AP29" s="160">
        <v>0</v>
      </c>
      <c r="AQ29" s="160">
        <v>0</v>
      </c>
      <c r="AR29" s="160">
        <v>2</v>
      </c>
      <c r="AS29" s="165">
        <v>5</v>
      </c>
      <c r="AT29" s="164">
        <v>7</v>
      </c>
      <c r="AU29" s="159">
        <v>10</v>
      </c>
      <c r="AV29" s="160">
        <v>17</v>
      </c>
      <c r="AW29" s="165">
        <v>27</v>
      </c>
      <c r="AX29" s="162">
        <v>0</v>
      </c>
      <c r="AY29" s="160">
        <v>68</v>
      </c>
      <c r="AZ29" s="160">
        <v>55</v>
      </c>
      <c r="BA29" s="160">
        <v>66</v>
      </c>
      <c r="BB29" s="160">
        <v>60</v>
      </c>
      <c r="BC29" s="160">
        <v>50</v>
      </c>
      <c r="BD29" s="163">
        <v>299</v>
      </c>
      <c r="BE29" s="164">
        <v>326</v>
      </c>
      <c r="BF29" s="159">
        <v>0</v>
      </c>
      <c r="BG29" s="160">
        <v>0</v>
      </c>
      <c r="BH29" s="165">
        <v>0</v>
      </c>
      <c r="BI29" s="162">
        <v>0</v>
      </c>
      <c r="BJ29" s="160">
        <v>107</v>
      </c>
      <c r="BK29" s="160">
        <v>58</v>
      </c>
      <c r="BL29" s="160">
        <v>39</v>
      </c>
      <c r="BM29" s="160">
        <v>31</v>
      </c>
      <c r="BN29" s="160">
        <v>11</v>
      </c>
      <c r="BO29" s="165">
        <v>246</v>
      </c>
      <c r="BP29" s="164">
        <v>246</v>
      </c>
      <c r="BQ29" s="159">
        <v>14</v>
      </c>
      <c r="BR29" s="160">
        <v>30</v>
      </c>
      <c r="BS29" s="165">
        <v>44</v>
      </c>
      <c r="BT29" s="162">
        <v>0</v>
      </c>
      <c r="BU29" s="160">
        <v>26</v>
      </c>
      <c r="BV29" s="160">
        <v>28</v>
      </c>
      <c r="BW29" s="160">
        <v>18</v>
      </c>
      <c r="BX29" s="160">
        <v>3</v>
      </c>
      <c r="BY29" s="160">
        <v>4</v>
      </c>
      <c r="BZ29" s="165">
        <v>79</v>
      </c>
      <c r="CA29" s="164">
        <v>123</v>
      </c>
      <c r="CB29" s="159">
        <v>0</v>
      </c>
      <c r="CC29" s="160">
        <v>1</v>
      </c>
      <c r="CD29" s="165">
        <v>1</v>
      </c>
      <c r="CE29" s="162">
        <v>0</v>
      </c>
      <c r="CF29" s="160">
        <v>10</v>
      </c>
      <c r="CG29" s="160">
        <v>10</v>
      </c>
      <c r="CH29" s="160">
        <v>12</v>
      </c>
      <c r="CI29" s="160">
        <v>11</v>
      </c>
      <c r="CJ29" s="160">
        <v>2</v>
      </c>
      <c r="CK29" s="165">
        <v>45</v>
      </c>
      <c r="CL29" s="164">
        <v>46</v>
      </c>
      <c r="CM29" s="159">
        <v>1</v>
      </c>
      <c r="CN29" s="160">
        <v>1</v>
      </c>
      <c r="CO29" s="165">
        <v>2</v>
      </c>
      <c r="CP29" s="162">
        <v>0</v>
      </c>
      <c r="CQ29" s="160">
        <v>0</v>
      </c>
      <c r="CR29" s="160">
        <v>1</v>
      </c>
      <c r="CS29" s="160">
        <v>1</v>
      </c>
      <c r="CT29" s="160">
        <v>1</v>
      </c>
      <c r="CU29" s="160">
        <v>0</v>
      </c>
      <c r="CV29" s="165">
        <v>3</v>
      </c>
      <c r="CW29" s="164">
        <v>5</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87</v>
      </c>
      <c r="DU29" s="160">
        <v>148</v>
      </c>
      <c r="DV29" s="165">
        <v>235</v>
      </c>
      <c r="DW29" s="162">
        <v>0</v>
      </c>
      <c r="DX29" s="160">
        <v>90</v>
      </c>
      <c r="DY29" s="160">
        <v>117</v>
      </c>
      <c r="DZ29" s="160">
        <v>90</v>
      </c>
      <c r="EA29" s="160">
        <v>52</v>
      </c>
      <c r="EB29" s="160">
        <v>41</v>
      </c>
      <c r="EC29" s="165">
        <v>390</v>
      </c>
      <c r="ED29" s="164">
        <v>625</v>
      </c>
      <c r="EE29" s="159">
        <v>10</v>
      </c>
      <c r="EF29" s="160">
        <v>14</v>
      </c>
      <c r="EG29" s="165">
        <v>24</v>
      </c>
      <c r="EH29" s="162">
        <v>0</v>
      </c>
      <c r="EI29" s="160">
        <v>43</v>
      </c>
      <c r="EJ29" s="160">
        <v>31</v>
      </c>
      <c r="EK29" s="160">
        <v>32</v>
      </c>
      <c r="EL29" s="160">
        <v>30</v>
      </c>
      <c r="EM29" s="160">
        <v>17</v>
      </c>
      <c r="EN29" s="165">
        <v>153</v>
      </c>
      <c r="EO29" s="164">
        <v>177</v>
      </c>
      <c r="EP29" s="159">
        <v>121</v>
      </c>
      <c r="EQ29" s="160">
        <v>182</v>
      </c>
      <c r="ER29" s="165">
        <v>303</v>
      </c>
      <c r="ES29" s="162">
        <v>0</v>
      </c>
      <c r="ET29" s="160">
        <v>219</v>
      </c>
      <c r="EU29" s="160">
        <v>150</v>
      </c>
      <c r="EV29" s="160">
        <v>100</v>
      </c>
      <c r="EW29" s="160">
        <v>53</v>
      </c>
      <c r="EX29" s="160">
        <v>41</v>
      </c>
      <c r="EY29" s="165">
        <v>563</v>
      </c>
      <c r="EZ29" s="164">
        <v>866</v>
      </c>
    </row>
    <row r="30" spans="2:156" ht="21" customHeight="1" x14ac:dyDescent="0.2">
      <c r="B30" s="166" t="s">
        <v>28</v>
      </c>
      <c r="C30" s="159">
        <v>0</v>
      </c>
      <c r="D30" s="160">
        <v>0</v>
      </c>
      <c r="E30" s="161">
        <v>0</v>
      </c>
      <c r="F30" s="162">
        <v>0</v>
      </c>
      <c r="G30" s="160">
        <v>13</v>
      </c>
      <c r="H30" s="160">
        <v>15</v>
      </c>
      <c r="I30" s="160">
        <v>5</v>
      </c>
      <c r="J30" s="160">
        <v>8</v>
      </c>
      <c r="K30" s="160">
        <v>8</v>
      </c>
      <c r="L30" s="163">
        <v>49</v>
      </c>
      <c r="M30" s="164">
        <v>49</v>
      </c>
      <c r="N30" s="159">
        <v>0</v>
      </c>
      <c r="O30" s="160">
        <v>0</v>
      </c>
      <c r="P30" s="165">
        <v>0</v>
      </c>
      <c r="Q30" s="162">
        <v>0</v>
      </c>
      <c r="R30" s="160">
        <v>0</v>
      </c>
      <c r="S30" s="160">
        <v>2</v>
      </c>
      <c r="T30" s="160">
        <v>2</v>
      </c>
      <c r="U30" s="160">
        <v>3</v>
      </c>
      <c r="V30" s="160">
        <v>5</v>
      </c>
      <c r="W30" s="165">
        <v>12</v>
      </c>
      <c r="X30" s="164">
        <v>12</v>
      </c>
      <c r="Y30" s="159">
        <v>1</v>
      </c>
      <c r="Z30" s="160">
        <v>4</v>
      </c>
      <c r="AA30" s="165">
        <v>5</v>
      </c>
      <c r="AB30" s="162">
        <v>0</v>
      </c>
      <c r="AC30" s="160">
        <v>10</v>
      </c>
      <c r="AD30" s="160">
        <v>14</v>
      </c>
      <c r="AE30" s="160">
        <v>8</v>
      </c>
      <c r="AF30" s="160">
        <v>12</v>
      </c>
      <c r="AG30" s="160">
        <v>10</v>
      </c>
      <c r="AH30" s="165">
        <v>54</v>
      </c>
      <c r="AI30" s="164">
        <v>59</v>
      </c>
      <c r="AJ30" s="159">
        <v>0</v>
      </c>
      <c r="AK30" s="160">
        <v>0</v>
      </c>
      <c r="AL30" s="165">
        <v>0</v>
      </c>
      <c r="AM30" s="162">
        <v>0</v>
      </c>
      <c r="AN30" s="160">
        <v>1</v>
      </c>
      <c r="AO30" s="160">
        <v>0</v>
      </c>
      <c r="AP30" s="160">
        <v>1</v>
      </c>
      <c r="AQ30" s="160">
        <v>1</v>
      </c>
      <c r="AR30" s="160">
        <v>2</v>
      </c>
      <c r="AS30" s="165">
        <v>5</v>
      </c>
      <c r="AT30" s="164">
        <v>5</v>
      </c>
      <c r="AU30" s="159">
        <v>1</v>
      </c>
      <c r="AV30" s="160">
        <v>1</v>
      </c>
      <c r="AW30" s="165">
        <v>2</v>
      </c>
      <c r="AX30" s="162">
        <v>0</v>
      </c>
      <c r="AY30" s="160">
        <v>14</v>
      </c>
      <c r="AZ30" s="160">
        <v>24</v>
      </c>
      <c r="BA30" s="160">
        <v>15</v>
      </c>
      <c r="BB30" s="160">
        <v>18</v>
      </c>
      <c r="BC30" s="160">
        <v>14</v>
      </c>
      <c r="BD30" s="163">
        <v>85</v>
      </c>
      <c r="BE30" s="164">
        <v>87</v>
      </c>
      <c r="BF30" s="159">
        <v>0</v>
      </c>
      <c r="BG30" s="160">
        <v>0</v>
      </c>
      <c r="BH30" s="165">
        <v>0</v>
      </c>
      <c r="BI30" s="162">
        <v>0</v>
      </c>
      <c r="BJ30" s="160">
        <v>28</v>
      </c>
      <c r="BK30" s="160">
        <v>32</v>
      </c>
      <c r="BL30" s="160">
        <v>21</v>
      </c>
      <c r="BM30" s="160">
        <v>10</v>
      </c>
      <c r="BN30" s="160">
        <v>5</v>
      </c>
      <c r="BO30" s="165">
        <v>96</v>
      </c>
      <c r="BP30" s="164">
        <v>96</v>
      </c>
      <c r="BQ30" s="159">
        <v>1</v>
      </c>
      <c r="BR30" s="160">
        <v>4</v>
      </c>
      <c r="BS30" s="165">
        <v>5</v>
      </c>
      <c r="BT30" s="162">
        <v>0</v>
      </c>
      <c r="BU30" s="160">
        <v>13</v>
      </c>
      <c r="BV30" s="160">
        <v>15</v>
      </c>
      <c r="BW30" s="160">
        <v>5</v>
      </c>
      <c r="BX30" s="160">
        <v>8</v>
      </c>
      <c r="BY30" s="160">
        <v>5</v>
      </c>
      <c r="BZ30" s="165">
        <v>46</v>
      </c>
      <c r="CA30" s="164">
        <v>51</v>
      </c>
      <c r="CB30" s="159">
        <v>0</v>
      </c>
      <c r="CC30" s="160">
        <v>1</v>
      </c>
      <c r="CD30" s="165">
        <v>1</v>
      </c>
      <c r="CE30" s="162">
        <v>0</v>
      </c>
      <c r="CF30" s="160">
        <v>2</v>
      </c>
      <c r="CG30" s="160">
        <v>7</v>
      </c>
      <c r="CH30" s="160">
        <v>4</v>
      </c>
      <c r="CI30" s="160">
        <v>7</v>
      </c>
      <c r="CJ30" s="160">
        <v>4</v>
      </c>
      <c r="CK30" s="165">
        <v>24</v>
      </c>
      <c r="CL30" s="164">
        <v>25</v>
      </c>
      <c r="CM30" s="159">
        <v>0</v>
      </c>
      <c r="CN30" s="160">
        <v>0</v>
      </c>
      <c r="CO30" s="165">
        <v>0</v>
      </c>
      <c r="CP30" s="162">
        <v>0</v>
      </c>
      <c r="CQ30" s="160">
        <v>1</v>
      </c>
      <c r="CR30" s="160">
        <v>2</v>
      </c>
      <c r="CS30" s="160">
        <v>3</v>
      </c>
      <c r="CT30" s="160">
        <v>0</v>
      </c>
      <c r="CU30" s="160">
        <v>2</v>
      </c>
      <c r="CV30" s="165">
        <v>8</v>
      </c>
      <c r="CW30" s="164">
        <v>8</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7</v>
      </c>
      <c r="DU30" s="160">
        <v>21</v>
      </c>
      <c r="DV30" s="165">
        <v>28</v>
      </c>
      <c r="DW30" s="162">
        <v>0</v>
      </c>
      <c r="DX30" s="160">
        <v>41</v>
      </c>
      <c r="DY30" s="160">
        <v>66</v>
      </c>
      <c r="DZ30" s="160">
        <v>35</v>
      </c>
      <c r="EA30" s="160">
        <v>26</v>
      </c>
      <c r="EB30" s="160">
        <v>16</v>
      </c>
      <c r="EC30" s="165">
        <v>184</v>
      </c>
      <c r="ED30" s="164">
        <v>212</v>
      </c>
      <c r="EE30" s="159">
        <v>0</v>
      </c>
      <c r="EF30" s="160">
        <v>0</v>
      </c>
      <c r="EG30" s="165">
        <v>0</v>
      </c>
      <c r="EH30" s="162">
        <v>0</v>
      </c>
      <c r="EI30" s="160">
        <v>7</v>
      </c>
      <c r="EJ30" s="160">
        <v>7</v>
      </c>
      <c r="EK30" s="160">
        <v>5</v>
      </c>
      <c r="EL30" s="160">
        <v>3</v>
      </c>
      <c r="EM30" s="160">
        <v>2</v>
      </c>
      <c r="EN30" s="165">
        <v>24</v>
      </c>
      <c r="EO30" s="164">
        <v>24</v>
      </c>
      <c r="EP30" s="159">
        <v>9</v>
      </c>
      <c r="EQ30" s="160">
        <v>22</v>
      </c>
      <c r="ER30" s="165">
        <v>31</v>
      </c>
      <c r="ES30" s="162">
        <v>0</v>
      </c>
      <c r="ET30" s="160">
        <v>83</v>
      </c>
      <c r="EU30" s="160">
        <v>89</v>
      </c>
      <c r="EV30" s="160">
        <v>43</v>
      </c>
      <c r="EW30" s="160">
        <v>29</v>
      </c>
      <c r="EX30" s="160">
        <v>16</v>
      </c>
      <c r="EY30" s="165">
        <v>260</v>
      </c>
      <c r="EZ30" s="164">
        <v>291</v>
      </c>
    </row>
    <row r="31" spans="2:156" ht="21" customHeight="1" x14ac:dyDescent="0.2">
      <c r="B31" s="166" t="s">
        <v>29</v>
      </c>
      <c r="C31" s="159">
        <v>0</v>
      </c>
      <c r="D31" s="160">
        <v>0</v>
      </c>
      <c r="E31" s="161">
        <v>0</v>
      </c>
      <c r="F31" s="162">
        <v>0</v>
      </c>
      <c r="G31" s="160">
        <v>26</v>
      </c>
      <c r="H31" s="160">
        <v>23</v>
      </c>
      <c r="I31" s="160">
        <v>18</v>
      </c>
      <c r="J31" s="160">
        <v>10</v>
      </c>
      <c r="K31" s="160">
        <v>11</v>
      </c>
      <c r="L31" s="163">
        <v>88</v>
      </c>
      <c r="M31" s="164">
        <v>88</v>
      </c>
      <c r="N31" s="159">
        <v>0</v>
      </c>
      <c r="O31" s="160">
        <v>0</v>
      </c>
      <c r="P31" s="165">
        <v>0</v>
      </c>
      <c r="Q31" s="162">
        <v>0</v>
      </c>
      <c r="R31" s="160">
        <v>0</v>
      </c>
      <c r="S31" s="160">
        <v>2</v>
      </c>
      <c r="T31" s="160">
        <v>1</v>
      </c>
      <c r="U31" s="160">
        <v>3</v>
      </c>
      <c r="V31" s="160">
        <v>9</v>
      </c>
      <c r="W31" s="165">
        <v>15</v>
      </c>
      <c r="X31" s="164">
        <v>15</v>
      </c>
      <c r="Y31" s="159">
        <v>3</v>
      </c>
      <c r="Z31" s="160">
        <v>4</v>
      </c>
      <c r="AA31" s="165">
        <v>7</v>
      </c>
      <c r="AB31" s="162">
        <v>0</v>
      </c>
      <c r="AC31" s="160">
        <v>25</v>
      </c>
      <c r="AD31" s="160">
        <v>24</v>
      </c>
      <c r="AE31" s="160">
        <v>16</v>
      </c>
      <c r="AF31" s="160">
        <v>10</v>
      </c>
      <c r="AG31" s="160">
        <v>14</v>
      </c>
      <c r="AH31" s="165">
        <v>89</v>
      </c>
      <c r="AI31" s="164">
        <v>96</v>
      </c>
      <c r="AJ31" s="159">
        <v>0</v>
      </c>
      <c r="AK31" s="160">
        <v>2</v>
      </c>
      <c r="AL31" s="165">
        <v>2</v>
      </c>
      <c r="AM31" s="162">
        <v>0</v>
      </c>
      <c r="AN31" s="160">
        <v>2</v>
      </c>
      <c r="AO31" s="160">
        <v>2</v>
      </c>
      <c r="AP31" s="160">
        <v>2</v>
      </c>
      <c r="AQ31" s="160">
        <v>2</v>
      </c>
      <c r="AR31" s="160">
        <v>0</v>
      </c>
      <c r="AS31" s="165">
        <v>8</v>
      </c>
      <c r="AT31" s="164">
        <v>10</v>
      </c>
      <c r="AU31" s="159">
        <v>4</v>
      </c>
      <c r="AV31" s="160">
        <v>3</v>
      </c>
      <c r="AW31" s="165">
        <v>7</v>
      </c>
      <c r="AX31" s="162">
        <v>0</v>
      </c>
      <c r="AY31" s="160">
        <v>27</v>
      </c>
      <c r="AZ31" s="160">
        <v>28</v>
      </c>
      <c r="BA31" s="160">
        <v>20</v>
      </c>
      <c r="BB31" s="160">
        <v>20</v>
      </c>
      <c r="BC31" s="160">
        <v>19</v>
      </c>
      <c r="BD31" s="163">
        <v>114</v>
      </c>
      <c r="BE31" s="164">
        <v>121</v>
      </c>
      <c r="BF31" s="159">
        <v>0</v>
      </c>
      <c r="BG31" s="160">
        <v>0</v>
      </c>
      <c r="BH31" s="165">
        <v>0</v>
      </c>
      <c r="BI31" s="162">
        <v>0</v>
      </c>
      <c r="BJ31" s="160">
        <v>31</v>
      </c>
      <c r="BK31" s="160">
        <v>39</v>
      </c>
      <c r="BL31" s="160">
        <v>26</v>
      </c>
      <c r="BM31" s="160">
        <v>9</v>
      </c>
      <c r="BN31" s="160">
        <v>10</v>
      </c>
      <c r="BO31" s="165">
        <v>115</v>
      </c>
      <c r="BP31" s="164">
        <v>115</v>
      </c>
      <c r="BQ31" s="159">
        <v>1</v>
      </c>
      <c r="BR31" s="160">
        <v>4</v>
      </c>
      <c r="BS31" s="165">
        <v>5</v>
      </c>
      <c r="BT31" s="162">
        <v>0</v>
      </c>
      <c r="BU31" s="160">
        <v>11</v>
      </c>
      <c r="BV31" s="160">
        <v>11</v>
      </c>
      <c r="BW31" s="160">
        <v>15</v>
      </c>
      <c r="BX31" s="160">
        <v>3</v>
      </c>
      <c r="BY31" s="160">
        <v>1</v>
      </c>
      <c r="BZ31" s="165">
        <v>41</v>
      </c>
      <c r="CA31" s="164">
        <v>46</v>
      </c>
      <c r="CB31" s="159">
        <v>0</v>
      </c>
      <c r="CC31" s="160">
        <v>0</v>
      </c>
      <c r="CD31" s="165">
        <v>0</v>
      </c>
      <c r="CE31" s="162">
        <v>0</v>
      </c>
      <c r="CF31" s="160">
        <v>3</v>
      </c>
      <c r="CG31" s="160">
        <v>9</v>
      </c>
      <c r="CH31" s="160">
        <v>13</v>
      </c>
      <c r="CI31" s="160">
        <v>7</v>
      </c>
      <c r="CJ31" s="160">
        <v>9</v>
      </c>
      <c r="CK31" s="165">
        <v>41</v>
      </c>
      <c r="CL31" s="164">
        <v>41</v>
      </c>
      <c r="CM31" s="159">
        <v>0</v>
      </c>
      <c r="CN31" s="160">
        <v>0</v>
      </c>
      <c r="CO31" s="165">
        <v>0</v>
      </c>
      <c r="CP31" s="162">
        <v>0</v>
      </c>
      <c r="CQ31" s="160">
        <v>0</v>
      </c>
      <c r="CR31" s="160">
        <v>2</v>
      </c>
      <c r="CS31" s="160">
        <v>1</v>
      </c>
      <c r="CT31" s="160">
        <v>1</v>
      </c>
      <c r="CU31" s="160">
        <v>0</v>
      </c>
      <c r="CV31" s="165">
        <v>4</v>
      </c>
      <c r="CW31" s="164">
        <v>4</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27</v>
      </c>
      <c r="DU31" s="160">
        <v>28</v>
      </c>
      <c r="DV31" s="165">
        <v>55</v>
      </c>
      <c r="DW31" s="162">
        <v>0</v>
      </c>
      <c r="DX31" s="160">
        <v>42</v>
      </c>
      <c r="DY31" s="160">
        <v>72</v>
      </c>
      <c r="DZ31" s="160">
        <v>46</v>
      </c>
      <c r="EA31" s="160">
        <v>30</v>
      </c>
      <c r="EB31" s="160">
        <v>25</v>
      </c>
      <c r="EC31" s="165">
        <v>215</v>
      </c>
      <c r="ED31" s="164">
        <v>270</v>
      </c>
      <c r="EE31" s="159">
        <v>4</v>
      </c>
      <c r="EF31" s="160">
        <v>0</v>
      </c>
      <c r="EG31" s="165">
        <v>4</v>
      </c>
      <c r="EH31" s="162">
        <v>0</v>
      </c>
      <c r="EI31" s="160">
        <v>7</v>
      </c>
      <c r="EJ31" s="160">
        <v>6</v>
      </c>
      <c r="EK31" s="160">
        <v>3</v>
      </c>
      <c r="EL31" s="160">
        <v>8</v>
      </c>
      <c r="EM31" s="160">
        <v>5</v>
      </c>
      <c r="EN31" s="165">
        <v>29</v>
      </c>
      <c r="EO31" s="164">
        <v>33</v>
      </c>
      <c r="EP31" s="159">
        <v>30</v>
      </c>
      <c r="EQ31" s="160">
        <v>35</v>
      </c>
      <c r="ER31" s="165">
        <v>65</v>
      </c>
      <c r="ES31" s="162">
        <v>0</v>
      </c>
      <c r="ET31" s="160">
        <v>82</v>
      </c>
      <c r="EU31" s="160">
        <v>93</v>
      </c>
      <c r="EV31" s="160">
        <v>60</v>
      </c>
      <c r="EW31" s="160">
        <v>29</v>
      </c>
      <c r="EX31" s="160">
        <v>25</v>
      </c>
      <c r="EY31" s="165">
        <v>289</v>
      </c>
      <c r="EZ31" s="164">
        <v>354</v>
      </c>
    </row>
    <row r="32" spans="2:156" ht="21" customHeight="1" x14ac:dyDescent="0.2">
      <c r="B32" s="166" t="s">
        <v>30</v>
      </c>
      <c r="C32" s="159">
        <v>0</v>
      </c>
      <c r="D32" s="160">
        <v>0</v>
      </c>
      <c r="E32" s="161">
        <v>0</v>
      </c>
      <c r="F32" s="162">
        <v>0</v>
      </c>
      <c r="G32" s="160">
        <v>17</v>
      </c>
      <c r="H32" s="160">
        <v>17</v>
      </c>
      <c r="I32" s="160">
        <v>15</v>
      </c>
      <c r="J32" s="160">
        <v>14</v>
      </c>
      <c r="K32" s="160">
        <v>10</v>
      </c>
      <c r="L32" s="163">
        <v>73</v>
      </c>
      <c r="M32" s="164">
        <v>73</v>
      </c>
      <c r="N32" s="159">
        <v>0</v>
      </c>
      <c r="O32" s="160">
        <v>0</v>
      </c>
      <c r="P32" s="165">
        <v>0</v>
      </c>
      <c r="Q32" s="162">
        <v>0</v>
      </c>
      <c r="R32" s="160">
        <v>1</v>
      </c>
      <c r="S32" s="160">
        <v>0</v>
      </c>
      <c r="T32" s="160">
        <v>3</v>
      </c>
      <c r="U32" s="160">
        <v>5</v>
      </c>
      <c r="V32" s="160">
        <v>4</v>
      </c>
      <c r="W32" s="165">
        <v>13</v>
      </c>
      <c r="X32" s="164">
        <v>13</v>
      </c>
      <c r="Y32" s="159">
        <v>4</v>
      </c>
      <c r="Z32" s="160">
        <v>10</v>
      </c>
      <c r="AA32" s="165">
        <v>14</v>
      </c>
      <c r="AB32" s="162">
        <v>0</v>
      </c>
      <c r="AC32" s="160">
        <v>21</v>
      </c>
      <c r="AD32" s="160">
        <v>20</v>
      </c>
      <c r="AE32" s="160">
        <v>17</v>
      </c>
      <c r="AF32" s="160">
        <v>11</v>
      </c>
      <c r="AG32" s="160">
        <v>6</v>
      </c>
      <c r="AH32" s="165">
        <v>75</v>
      </c>
      <c r="AI32" s="164">
        <v>89</v>
      </c>
      <c r="AJ32" s="159">
        <v>0</v>
      </c>
      <c r="AK32" s="160">
        <v>0</v>
      </c>
      <c r="AL32" s="165">
        <v>0</v>
      </c>
      <c r="AM32" s="162">
        <v>0</v>
      </c>
      <c r="AN32" s="160">
        <v>3</v>
      </c>
      <c r="AO32" s="160">
        <v>3</v>
      </c>
      <c r="AP32" s="160">
        <v>3</v>
      </c>
      <c r="AQ32" s="160">
        <v>0</v>
      </c>
      <c r="AR32" s="160">
        <v>0</v>
      </c>
      <c r="AS32" s="165">
        <v>9</v>
      </c>
      <c r="AT32" s="164">
        <v>9</v>
      </c>
      <c r="AU32" s="159">
        <v>1</v>
      </c>
      <c r="AV32" s="160">
        <v>2</v>
      </c>
      <c r="AW32" s="165">
        <v>3</v>
      </c>
      <c r="AX32" s="162">
        <v>0</v>
      </c>
      <c r="AY32" s="160">
        <v>26</v>
      </c>
      <c r="AZ32" s="160">
        <v>21</v>
      </c>
      <c r="BA32" s="160">
        <v>18</v>
      </c>
      <c r="BB32" s="160">
        <v>28</v>
      </c>
      <c r="BC32" s="160">
        <v>9</v>
      </c>
      <c r="BD32" s="163">
        <v>102</v>
      </c>
      <c r="BE32" s="164">
        <v>105</v>
      </c>
      <c r="BF32" s="159">
        <v>0</v>
      </c>
      <c r="BG32" s="160">
        <v>0</v>
      </c>
      <c r="BH32" s="165">
        <v>0</v>
      </c>
      <c r="BI32" s="162">
        <v>0</v>
      </c>
      <c r="BJ32" s="160">
        <v>29</v>
      </c>
      <c r="BK32" s="160">
        <v>21</v>
      </c>
      <c r="BL32" s="160">
        <v>13</v>
      </c>
      <c r="BM32" s="160">
        <v>10</v>
      </c>
      <c r="BN32" s="160">
        <v>4</v>
      </c>
      <c r="BO32" s="165">
        <v>77</v>
      </c>
      <c r="BP32" s="164">
        <v>77</v>
      </c>
      <c r="BQ32" s="159">
        <v>5</v>
      </c>
      <c r="BR32" s="160">
        <v>7</v>
      </c>
      <c r="BS32" s="165">
        <v>12</v>
      </c>
      <c r="BT32" s="162">
        <v>0</v>
      </c>
      <c r="BU32" s="160">
        <v>10</v>
      </c>
      <c r="BV32" s="160">
        <v>9</v>
      </c>
      <c r="BW32" s="160">
        <v>4</v>
      </c>
      <c r="BX32" s="160">
        <v>6</v>
      </c>
      <c r="BY32" s="160">
        <v>1</v>
      </c>
      <c r="BZ32" s="165">
        <v>30</v>
      </c>
      <c r="CA32" s="164">
        <v>42</v>
      </c>
      <c r="CB32" s="159">
        <v>1</v>
      </c>
      <c r="CC32" s="160">
        <v>0</v>
      </c>
      <c r="CD32" s="165">
        <v>1</v>
      </c>
      <c r="CE32" s="162">
        <v>0</v>
      </c>
      <c r="CF32" s="160">
        <v>3</v>
      </c>
      <c r="CG32" s="160">
        <v>5</v>
      </c>
      <c r="CH32" s="160">
        <v>7</v>
      </c>
      <c r="CI32" s="160">
        <v>5</v>
      </c>
      <c r="CJ32" s="160">
        <v>1</v>
      </c>
      <c r="CK32" s="165">
        <v>21</v>
      </c>
      <c r="CL32" s="164">
        <v>22</v>
      </c>
      <c r="CM32" s="159">
        <v>0</v>
      </c>
      <c r="CN32" s="160">
        <v>0</v>
      </c>
      <c r="CO32" s="165">
        <v>0</v>
      </c>
      <c r="CP32" s="162">
        <v>0</v>
      </c>
      <c r="CQ32" s="160">
        <v>0</v>
      </c>
      <c r="CR32" s="160">
        <v>2</v>
      </c>
      <c r="CS32" s="160">
        <v>1</v>
      </c>
      <c r="CT32" s="160">
        <v>0</v>
      </c>
      <c r="CU32" s="160">
        <v>1</v>
      </c>
      <c r="CV32" s="165">
        <v>4</v>
      </c>
      <c r="CW32" s="164">
        <v>4</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34</v>
      </c>
      <c r="DU32" s="160">
        <v>25</v>
      </c>
      <c r="DV32" s="165">
        <v>59</v>
      </c>
      <c r="DW32" s="162">
        <v>0</v>
      </c>
      <c r="DX32" s="160">
        <v>52</v>
      </c>
      <c r="DY32" s="160">
        <v>45</v>
      </c>
      <c r="DZ32" s="160">
        <v>38</v>
      </c>
      <c r="EA32" s="160">
        <v>30</v>
      </c>
      <c r="EB32" s="160">
        <v>14</v>
      </c>
      <c r="EC32" s="165">
        <v>179</v>
      </c>
      <c r="ED32" s="164">
        <v>238</v>
      </c>
      <c r="EE32" s="159">
        <v>0</v>
      </c>
      <c r="EF32" s="160">
        <v>0</v>
      </c>
      <c r="EG32" s="165">
        <v>0</v>
      </c>
      <c r="EH32" s="162">
        <v>0</v>
      </c>
      <c r="EI32" s="160">
        <v>8</v>
      </c>
      <c r="EJ32" s="160">
        <v>9</v>
      </c>
      <c r="EK32" s="160">
        <v>7</v>
      </c>
      <c r="EL32" s="160">
        <v>5</v>
      </c>
      <c r="EM32" s="160">
        <v>2</v>
      </c>
      <c r="EN32" s="165">
        <v>31</v>
      </c>
      <c r="EO32" s="164">
        <v>31</v>
      </c>
      <c r="EP32" s="159">
        <v>38</v>
      </c>
      <c r="EQ32" s="160">
        <v>29</v>
      </c>
      <c r="ER32" s="165">
        <v>67</v>
      </c>
      <c r="ES32" s="162">
        <v>0</v>
      </c>
      <c r="ET32" s="160">
        <v>84</v>
      </c>
      <c r="EU32" s="160">
        <v>61</v>
      </c>
      <c r="EV32" s="160">
        <v>47</v>
      </c>
      <c r="EW32" s="160">
        <v>32</v>
      </c>
      <c r="EX32" s="160">
        <v>14</v>
      </c>
      <c r="EY32" s="165">
        <v>238</v>
      </c>
      <c r="EZ32" s="164">
        <v>305</v>
      </c>
    </row>
    <row r="33" spans="2:156" ht="21" customHeight="1" x14ac:dyDescent="0.2">
      <c r="B33" s="166" t="s">
        <v>31</v>
      </c>
      <c r="C33" s="159">
        <v>0</v>
      </c>
      <c r="D33" s="160">
        <v>0</v>
      </c>
      <c r="E33" s="161">
        <v>0</v>
      </c>
      <c r="F33" s="162">
        <v>0</v>
      </c>
      <c r="G33" s="160">
        <v>12</v>
      </c>
      <c r="H33" s="160">
        <v>13</v>
      </c>
      <c r="I33" s="160">
        <v>9</v>
      </c>
      <c r="J33" s="160">
        <v>6</v>
      </c>
      <c r="K33" s="160">
        <v>7</v>
      </c>
      <c r="L33" s="163">
        <v>47</v>
      </c>
      <c r="M33" s="164">
        <v>47</v>
      </c>
      <c r="N33" s="159">
        <v>0</v>
      </c>
      <c r="O33" s="160">
        <v>0</v>
      </c>
      <c r="P33" s="165">
        <v>0</v>
      </c>
      <c r="Q33" s="162">
        <v>0</v>
      </c>
      <c r="R33" s="160">
        <v>3</v>
      </c>
      <c r="S33" s="160">
        <v>1</v>
      </c>
      <c r="T33" s="160">
        <v>3</v>
      </c>
      <c r="U33" s="160">
        <v>6</v>
      </c>
      <c r="V33" s="160">
        <v>5</v>
      </c>
      <c r="W33" s="165">
        <v>18</v>
      </c>
      <c r="X33" s="164">
        <v>18</v>
      </c>
      <c r="Y33" s="159">
        <v>2</v>
      </c>
      <c r="Z33" s="160">
        <v>5</v>
      </c>
      <c r="AA33" s="165">
        <v>7</v>
      </c>
      <c r="AB33" s="162">
        <v>0</v>
      </c>
      <c r="AC33" s="160">
        <v>15</v>
      </c>
      <c r="AD33" s="160">
        <v>17</v>
      </c>
      <c r="AE33" s="160">
        <v>15</v>
      </c>
      <c r="AF33" s="160">
        <v>13</v>
      </c>
      <c r="AG33" s="160">
        <v>7</v>
      </c>
      <c r="AH33" s="165">
        <v>67</v>
      </c>
      <c r="AI33" s="164">
        <v>74</v>
      </c>
      <c r="AJ33" s="159">
        <v>1</v>
      </c>
      <c r="AK33" s="160">
        <v>2</v>
      </c>
      <c r="AL33" s="165">
        <v>3</v>
      </c>
      <c r="AM33" s="162">
        <v>0</v>
      </c>
      <c r="AN33" s="160">
        <v>3</v>
      </c>
      <c r="AO33" s="160">
        <v>1</v>
      </c>
      <c r="AP33" s="160">
        <v>3</v>
      </c>
      <c r="AQ33" s="160">
        <v>3</v>
      </c>
      <c r="AR33" s="160">
        <v>0</v>
      </c>
      <c r="AS33" s="165">
        <v>10</v>
      </c>
      <c r="AT33" s="164">
        <v>13</v>
      </c>
      <c r="AU33" s="159">
        <v>3</v>
      </c>
      <c r="AV33" s="160">
        <v>0</v>
      </c>
      <c r="AW33" s="165">
        <v>3</v>
      </c>
      <c r="AX33" s="162">
        <v>0</v>
      </c>
      <c r="AY33" s="160">
        <v>10</v>
      </c>
      <c r="AZ33" s="160">
        <v>19</v>
      </c>
      <c r="BA33" s="160">
        <v>9</v>
      </c>
      <c r="BB33" s="160">
        <v>19</v>
      </c>
      <c r="BC33" s="160">
        <v>12</v>
      </c>
      <c r="BD33" s="163">
        <v>69</v>
      </c>
      <c r="BE33" s="164">
        <v>72</v>
      </c>
      <c r="BF33" s="159">
        <v>0</v>
      </c>
      <c r="BG33" s="160">
        <v>0</v>
      </c>
      <c r="BH33" s="165">
        <v>0</v>
      </c>
      <c r="BI33" s="162">
        <v>0</v>
      </c>
      <c r="BJ33" s="160">
        <v>49</v>
      </c>
      <c r="BK33" s="160">
        <v>37</v>
      </c>
      <c r="BL33" s="160">
        <v>15</v>
      </c>
      <c r="BM33" s="160">
        <v>5</v>
      </c>
      <c r="BN33" s="160">
        <v>5</v>
      </c>
      <c r="BO33" s="165">
        <v>111</v>
      </c>
      <c r="BP33" s="164">
        <v>111</v>
      </c>
      <c r="BQ33" s="159">
        <v>2</v>
      </c>
      <c r="BR33" s="160">
        <v>1</v>
      </c>
      <c r="BS33" s="165">
        <v>3</v>
      </c>
      <c r="BT33" s="162">
        <v>0</v>
      </c>
      <c r="BU33" s="160">
        <v>9</v>
      </c>
      <c r="BV33" s="160">
        <v>7</v>
      </c>
      <c r="BW33" s="160">
        <v>9</v>
      </c>
      <c r="BX33" s="160">
        <v>2</v>
      </c>
      <c r="BY33" s="160">
        <v>2</v>
      </c>
      <c r="BZ33" s="165">
        <v>29</v>
      </c>
      <c r="CA33" s="164">
        <v>32</v>
      </c>
      <c r="CB33" s="159">
        <v>0</v>
      </c>
      <c r="CC33" s="160">
        <v>1</v>
      </c>
      <c r="CD33" s="165">
        <v>1</v>
      </c>
      <c r="CE33" s="162">
        <v>0</v>
      </c>
      <c r="CF33" s="160">
        <v>2</v>
      </c>
      <c r="CG33" s="160">
        <v>5</v>
      </c>
      <c r="CH33" s="160">
        <v>11</v>
      </c>
      <c r="CI33" s="160">
        <v>6</v>
      </c>
      <c r="CJ33" s="160">
        <v>3</v>
      </c>
      <c r="CK33" s="165">
        <v>27</v>
      </c>
      <c r="CL33" s="164">
        <v>28</v>
      </c>
      <c r="CM33" s="159">
        <v>0</v>
      </c>
      <c r="CN33" s="160">
        <v>0</v>
      </c>
      <c r="CO33" s="165">
        <v>0</v>
      </c>
      <c r="CP33" s="162">
        <v>0</v>
      </c>
      <c r="CQ33" s="160">
        <v>1</v>
      </c>
      <c r="CR33" s="160">
        <v>0</v>
      </c>
      <c r="CS33" s="160">
        <v>1</v>
      </c>
      <c r="CT33" s="160">
        <v>0</v>
      </c>
      <c r="CU33" s="160">
        <v>2</v>
      </c>
      <c r="CV33" s="165">
        <v>4</v>
      </c>
      <c r="CW33" s="164">
        <v>4</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21</v>
      </c>
      <c r="DU33" s="160">
        <v>59</v>
      </c>
      <c r="DV33" s="165">
        <v>80</v>
      </c>
      <c r="DW33" s="162">
        <v>0</v>
      </c>
      <c r="DX33" s="160">
        <v>51</v>
      </c>
      <c r="DY33" s="160">
        <v>62</v>
      </c>
      <c r="DZ33" s="160">
        <v>40</v>
      </c>
      <c r="EA33" s="160">
        <v>24</v>
      </c>
      <c r="EB33" s="160">
        <v>13</v>
      </c>
      <c r="EC33" s="165">
        <v>190</v>
      </c>
      <c r="ED33" s="164">
        <v>270</v>
      </c>
      <c r="EE33" s="159">
        <v>3</v>
      </c>
      <c r="EF33" s="160">
        <v>0</v>
      </c>
      <c r="EG33" s="165">
        <v>3</v>
      </c>
      <c r="EH33" s="162">
        <v>0</v>
      </c>
      <c r="EI33" s="160">
        <v>5</v>
      </c>
      <c r="EJ33" s="160">
        <v>10</v>
      </c>
      <c r="EK33" s="160">
        <v>3</v>
      </c>
      <c r="EL33" s="160">
        <v>4</v>
      </c>
      <c r="EM33" s="160">
        <v>2</v>
      </c>
      <c r="EN33" s="165">
        <v>24</v>
      </c>
      <c r="EO33" s="164">
        <v>27</v>
      </c>
      <c r="EP33" s="159">
        <v>23</v>
      </c>
      <c r="EQ33" s="160">
        <v>62</v>
      </c>
      <c r="ER33" s="165">
        <v>85</v>
      </c>
      <c r="ES33" s="162">
        <v>0</v>
      </c>
      <c r="ET33" s="160">
        <v>99</v>
      </c>
      <c r="EU33" s="160">
        <v>82</v>
      </c>
      <c r="EV33" s="160">
        <v>48</v>
      </c>
      <c r="EW33" s="160">
        <v>24</v>
      </c>
      <c r="EX33" s="160">
        <v>14</v>
      </c>
      <c r="EY33" s="165">
        <v>267</v>
      </c>
      <c r="EZ33" s="164">
        <v>352</v>
      </c>
    </row>
    <row r="34" spans="2:156" ht="21" customHeight="1" x14ac:dyDescent="0.2">
      <c r="B34" s="166" t="s">
        <v>32</v>
      </c>
      <c r="C34" s="159">
        <v>0</v>
      </c>
      <c r="D34" s="160">
        <v>0</v>
      </c>
      <c r="E34" s="161">
        <v>0</v>
      </c>
      <c r="F34" s="162">
        <v>0</v>
      </c>
      <c r="G34" s="160">
        <v>25</v>
      </c>
      <c r="H34" s="160">
        <v>23</v>
      </c>
      <c r="I34" s="160">
        <v>13</v>
      </c>
      <c r="J34" s="160">
        <v>8</v>
      </c>
      <c r="K34" s="160">
        <v>9</v>
      </c>
      <c r="L34" s="163">
        <v>78</v>
      </c>
      <c r="M34" s="164">
        <v>78</v>
      </c>
      <c r="N34" s="159">
        <v>0</v>
      </c>
      <c r="O34" s="160">
        <v>0</v>
      </c>
      <c r="P34" s="165">
        <v>0</v>
      </c>
      <c r="Q34" s="162">
        <v>0</v>
      </c>
      <c r="R34" s="160">
        <v>0</v>
      </c>
      <c r="S34" s="160">
        <v>0</v>
      </c>
      <c r="T34" s="160">
        <v>2</v>
      </c>
      <c r="U34" s="160">
        <v>6</v>
      </c>
      <c r="V34" s="160">
        <v>5</v>
      </c>
      <c r="W34" s="165">
        <v>13</v>
      </c>
      <c r="X34" s="164">
        <v>13</v>
      </c>
      <c r="Y34" s="159">
        <v>5</v>
      </c>
      <c r="Z34" s="160">
        <v>10</v>
      </c>
      <c r="AA34" s="165">
        <v>15</v>
      </c>
      <c r="AB34" s="162">
        <v>0</v>
      </c>
      <c r="AC34" s="160">
        <v>37</v>
      </c>
      <c r="AD34" s="160">
        <v>31</v>
      </c>
      <c r="AE34" s="160">
        <v>11</v>
      </c>
      <c r="AF34" s="160">
        <v>10</v>
      </c>
      <c r="AG34" s="160">
        <v>7</v>
      </c>
      <c r="AH34" s="165">
        <v>96</v>
      </c>
      <c r="AI34" s="164">
        <v>111</v>
      </c>
      <c r="AJ34" s="159">
        <v>0</v>
      </c>
      <c r="AK34" s="160">
        <v>0</v>
      </c>
      <c r="AL34" s="165">
        <v>0</v>
      </c>
      <c r="AM34" s="162">
        <v>0</v>
      </c>
      <c r="AN34" s="160">
        <v>4</v>
      </c>
      <c r="AO34" s="160">
        <v>2</v>
      </c>
      <c r="AP34" s="160">
        <v>0</v>
      </c>
      <c r="AQ34" s="160">
        <v>3</v>
      </c>
      <c r="AR34" s="160">
        <v>2</v>
      </c>
      <c r="AS34" s="165">
        <v>11</v>
      </c>
      <c r="AT34" s="164">
        <v>11</v>
      </c>
      <c r="AU34" s="159">
        <v>5</v>
      </c>
      <c r="AV34" s="160">
        <v>4</v>
      </c>
      <c r="AW34" s="165">
        <v>9</v>
      </c>
      <c r="AX34" s="162">
        <v>0</v>
      </c>
      <c r="AY34" s="160">
        <v>21</v>
      </c>
      <c r="AZ34" s="160">
        <v>24</v>
      </c>
      <c r="BA34" s="160">
        <v>26</v>
      </c>
      <c r="BB34" s="160">
        <v>26</v>
      </c>
      <c r="BC34" s="160">
        <v>21</v>
      </c>
      <c r="BD34" s="163">
        <v>118</v>
      </c>
      <c r="BE34" s="164">
        <v>127</v>
      </c>
      <c r="BF34" s="159">
        <v>0</v>
      </c>
      <c r="BG34" s="160">
        <v>0</v>
      </c>
      <c r="BH34" s="165">
        <v>0</v>
      </c>
      <c r="BI34" s="162">
        <v>0</v>
      </c>
      <c r="BJ34" s="160">
        <v>49</v>
      </c>
      <c r="BK34" s="160">
        <v>46</v>
      </c>
      <c r="BL34" s="160">
        <v>18</v>
      </c>
      <c r="BM34" s="160">
        <v>17</v>
      </c>
      <c r="BN34" s="160">
        <v>5</v>
      </c>
      <c r="BO34" s="165">
        <v>135</v>
      </c>
      <c r="BP34" s="164">
        <v>135</v>
      </c>
      <c r="BQ34" s="159">
        <v>2</v>
      </c>
      <c r="BR34" s="160">
        <v>6</v>
      </c>
      <c r="BS34" s="165">
        <v>8</v>
      </c>
      <c r="BT34" s="162">
        <v>0</v>
      </c>
      <c r="BU34" s="160">
        <v>10</v>
      </c>
      <c r="BV34" s="160">
        <v>14</v>
      </c>
      <c r="BW34" s="160">
        <v>3</v>
      </c>
      <c r="BX34" s="160">
        <v>5</v>
      </c>
      <c r="BY34" s="160">
        <v>3</v>
      </c>
      <c r="BZ34" s="165">
        <v>35</v>
      </c>
      <c r="CA34" s="164">
        <v>43</v>
      </c>
      <c r="CB34" s="159">
        <v>0</v>
      </c>
      <c r="CC34" s="160">
        <v>0</v>
      </c>
      <c r="CD34" s="165">
        <v>0</v>
      </c>
      <c r="CE34" s="162">
        <v>0</v>
      </c>
      <c r="CF34" s="160">
        <v>2</v>
      </c>
      <c r="CG34" s="160">
        <v>13</v>
      </c>
      <c r="CH34" s="160">
        <v>8</v>
      </c>
      <c r="CI34" s="160">
        <v>4</v>
      </c>
      <c r="CJ34" s="160">
        <v>4</v>
      </c>
      <c r="CK34" s="165">
        <v>31</v>
      </c>
      <c r="CL34" s="164">
        <v>31</v>
      </c>
      <c r="CM34" s="159">
        <v>0</v>
      </c>
      <c r="CN34" s="160">
        <v>0</v>
      </c>
      <c r="CO34" s="165">
        <v>0</v>
      </c>
      <c r="CP34" s="162">
        <v>0</v>
      </c>
      <c r="CQ34" s="160">
        <v>0</v>
      </c>
      <c r="CR34" s="160">
        <v>3</v>
      </c>
      <c r="CS34" s="160">
        <v>0</v>
      </c>
      <c r="CT34" s="160">
        <v>1</v>
      </c>
      <c r="CU34" s="160">
        <v>1</v>
      </c>
      <c r="CV34" s="165">
        <v>5</v>
      </c>
      <c r="CW34" s="164">
        <v>5</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23</v>
      </c>
      <c r="DU34" s="160">
        <v>56</v>
      </c>
      <c r="DV34" s="165">
        <v>79</v>
      </c>
      <c r="DW34" s="162">
        <v>0</v>
      </c>
      <c r="DX34" s="160">
        <v>82</v>
      </c>
      <c r="DY34" s="160">
        <v>80</v>
      </c>
      <c r="DZ34" s="160">
        <v>35</v>
      </c>
      <c r="EA34" s="160">
        <v>31</v>
      </c>
      <c r="EB34" s="160">
        <v>19</v>
      </c>
      <c r="EC34" s="165">
        <v>247</v>
      </c>
      <c r="ED34" s="164">
        <v>326</v>
      </c>
      <c r="EE34" s="159">
        <v>4</v>
      </c>
      <c r="EF34" s="160">
        <v>3</v>
      </c>
      <c r="EG34" s="165">
        <v>7</v>
      </c>
      <c r="EH34" s="162">
        <v>0</v>
      </c>
      <c r="EI34" s="160">
        <v>7</v>
      </c>
      <c r="EJ34" s="160">
        <v>5</v>
      </c>
      <c r="EK34" s="160">
        <v>6</v>
      </c>
      <c r="EL34" s="160">
        <v>10</v>
      </c>
      <c r="EM34" s="160">
        <v>6</v>
      </c>
      <c r="EN34" s="165">
        <v>34</v>
      </c>
      <c r="EO34" s="164">
        <v>41</v>
      </c>
      <c r="EP34" s="159">
        <v>27</v>
      </c>
      <c r="EQ34" s="160">
        <v>61</v>
      </c>
      <c r="ER34" s="165">
        <v>88</v>
      </c>
      <c r="ES34" s="162">
        <v>0</v>
      </c>
      <c r="ET34" s="160">
        <v>147</v>
      </c>
      <c r="EU34" s="160">
        <v>113</v>
      </c>
      <c r="EV34" s="160">
        <v>39</v>
      </c>
      <c r="EW34" s="160">
        <v>31</v>
      </c>
      <c r="EX34" s="160">
        <v>20</v>
      </c>
      <c r="EY34" s="165">
        <v>350</v>
      </c>
      <c r="EZ34" s="164">
        <v>438</v>
      </c>
    </row>
    <row r="35" spans="2:156" ht="21" customHeight="1" x14ac:dyDescent="0.2">
      <c r="B35" s="166" t="s">
        <v>33</v>
      </c>
      <c r="C35" s="159">
        <v>0</v>
      </c>
      <c r="D35" s="160">
        <v>0</v>
      </c>
      <c r="E35" s="161">
        <v>0</v>
      </c>
      <c r="F35" s="162">
        <v>0</v>
      </c>
      <c r="G35" s="160">
        <v>26</v>
      </c>
      <c r="H35" s="160">
        <v>11</v>
      </c>
      <c r="I35" s="160">
        <v>10</v>
      </c>
      <c r="J35" s="160">
        <v>3</v>
      </c>
      <c r="K35" s="160">
        <v>8</v>
      </c>
      <c r="L35" s="163">
        <v>58</v>
      </c>
      <c r="M35" s="164">
        <v>58</v>
      </c>
      <c r="N35" s="159">
        <v>0</v>
      </c>
      <c r="O35" s="160">
        <v>0</v>
      </c>
      <c r="P35" s="165">
        <v>0</v>
      </c>
      <c r="Q35" s="162">
        <v>0</v>
      </c>
      <c r="R35" s="160">
        <v>1</v>
      </c>
      <c r="S35" s="160">
        <v>1</v>
      </c>
      <c r="T35" s="160">
        <v>1</v>
      </c>
      <c r="U35" s="160">
        <v>2</v>
      </c>
      <c r="V35" s="160">
        <v>3</v>
      </c>
      <c r="W35" s="165">
        <v>8</v>
      </c>
      <c r="X35" s="164">
        <v>8</v>
      </c>
      <c r="Y35" s="159">
        <v>0</v>
      </c>
      <c r="Z35" s="160">
        <v>4</v>
      </c>
      <c r="AA35" s="165">
        <v>4</v>
      </c>
      <c r="AB35" s="162">
        <v>0</v>
      </c>
      <c r="AC35" s="160">
        <v>17</v>
      </c>
      <c r="AD35" s="160">
        <v>10</v>
      </c>
      <c r="AE35" s="160">
        <v>6</v>
      </c>
      <c r="AF35" s="160">
        <v>5</v>
      </c>
      <c r="AG35" s="160">
        <v>2</v>
      </c>
      <c r="AH35" s="165">
        <v>40</v>
      </c>
      <c r="AI35" s="164">
        <v>44</v>
      </c>
      <c r="AJ35" s="159">
        <v>10</v>
      </c>
      <c r="AK35" s="160">
        <v>18</v>
      </c>
      <c r="AL35" s="165">
        <v>28</v>
      </c>
      <c r="AM35" s="162">
        <v>0</v>
      </c>
      <c r="AN35" s="160">
        <v>35</v>
      </c>
      <c r="AO35" s="160">
        <v>17</v>
      </c>
      <c r="AP35" s="160">
        <v>11</v>
      </c>
      <c r="AQ35" s="160">
        <v>3</v>
      </c>
      <c r="AR35" s="160">
        <v>3</v>
      </c>
      <c r="AS35" s="165">
        <v>69</v>
      </c>
      <c r="AT35" s="164">
        <v>97</v>
      </c>
      <c r="AU35" s="159">
        <v>6</v>
      </c>
      <c r="AV35" s="160">
        <v>7</v>
      </c>
      <c r="AW35" s="165">
        <v>13</v>
      </c>
      <c r="AX35" s="162">
        <v>0</v>
      </c>
      <c r="AY35" s="160">
        <v>33</v>
      </c>
      <c r="AZ35" s="160">
        <v>36</v>
      </c>
      <c r="BA35" s="160">
        <v>37</v>
      </c>
      <c r="BB35" s="160">
        <v>16</v>
      </c>
      <c r="BC35" s="160">
        <v>17</v>
      </c>
      <c r="BD35" s="163">
        <v>139</v>
      </c>
      <c r="BE35" s="164">
        <v>152</v>
      </c>
      <c r="BF35" s="159">
        <v>0</v>
      </c>
      <c r="BG35" s="160">
        <v>0</v>
      </c>
      <c r="BH35" s="165">
        <v>0</v>
      </c>
      <c r="BI35" s="162">
        <v>0</v>
      </c>
      <c r="BJ35" s="160">
        <v>10</v>
      </c>
      <c r="BK35" s="160">
        <v>7</v>
      </c>
      <c r="BL35" s="160">
        <v>3</v>
      </c>
      <c r="BM35" s="160">
        <v>3</v>
      </c>
      <c r="BN35" s="160">
        <v>3</v>
      </c>
      <c r="BO35" s="165">
        <v>26</v>
      </c>
      <c r="BP35" s="164">
        <v>26</v>
      </c>
      <c r="BQ35" s="159">
        <v>7</v>
      </c>
      <c r="BR35" s="160">
        <v>11</v>
      </c>
      <c r="BS35" s="165">
        <v>18</v>
      </c>
      <c r="BT35" s="162">
        <v>0</v>
      </c>
      <c r="BU35" s="160">
        <v>35</v>
      </c>
      <c r="BV35" s="160">
        <v>16</v>
      </c>
      <c r="BW35" s="160">
        <v>7</v>
      </c>
      <c r="BX35" s="160">
        <v>1</v>
      </c>
      <c r="BY35" s="160">
        <v>1</v>
      </c>
      <c r="BZ35" s="165">
        <v>60</v>
      </c>
      <c r="CA35" s="164">
        <v>78</v>
      </c>
      <c r="CB35" s="159">
        <v>0</v>
      </c>
      <c r="CC35" s="160">
        <v>0</v>
      </c>
      <c r="CD35" s="165">
        <v>0</v>
      </c>
      <c r="CE35" s="162">
        <v>0</v>
      </c>
      <c r="CF35" s="160">
        <v>1</v>
      </c>
      <c r="CG35" s="160">
        <v>4</v>
      </c>
      <c r="CH35" s="160">
        <v>3</v>
      </c>
      <c r="CI35" s="160">
        <v>1</v>
      </c>
      <c r="CJ35" s="160">
        <v>1</v>
      </c>
      <c r="CK35" s="165">
        <v>10</v>
      </c>
      <c r="CL35" s="164">
        <v>10</v>
      </c>
      <c r="CM35" s="159">
        <v>0</v>
      </c>
      <c r="CN35" s="160">
        <v>0</v>
      </c>
      <c r="CO35" s="165">
        <v>0</v>
      </c>
      <c r="CP35" s="162">
        <v>0</v>
      </c>
      <c r="CQ35" s="160">
        <v>3</v>
      </c>
      <c r="CR35" s="160">
        <v>2</v>
      </c>
      <c r="CS35" s="160">
        <v>0</v>
      </c>
      <c r="CT35" s="160">
        <v>1</v>
      </c>
      <c r="CU35" s="160">
        <v>0</v>
      </c>
      <c r="CV35" s="165">
        <v>6</v>
      </c>
      <c r="CW35" s="164">
        <v>6</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14</v>
      </c>
      <c r="DU35" s="160">
        <v>26</v>
      </c>
      <c r="DV35" s="165">
        <v>40</v>
      </c>
      <c r="DW35" s="162">
        <v>0</v>
      </c>
      <c r="DX35" s="160">
        <v>64</v>
      </c>
      <c r="DY35" s="160">
        <v>47</v>
      </c>
      <c r="DZ35" s="160">
        <v>25</v>
      </c>
      <c r="EA35" s="160">
        <v>19</v>
      </c>
      <c r="EB35" s="160">
        <v>14</v>
      </c>
      <c r="EC35" s="165">
        <v>169</v>
      </c>
      <c r="ED35" s="164">
        <v>209</v>
      </c>
      <c r="EE35" s="159">
        <v>2</v>
      </c>
      <c r="EF35" s="160">
        <v>4</v>
      </c>
      <c r="EG35" s="165">
        <v>6</v>
      </c>
      <c r="EH35" s="162">
        <v>0</v>
      </c>
      <c r="EI35" s="160">
        <v>15</v>
      </c>
      <c r="EJ35" s="160">
        <v>19</v>
      </c>
      <c r="EK35" s="160">
        <v>19</v>
      </c>
      <c r="EL35" s="160">
        <v>8</v>
      </c>
      <c r="EM35" s="160">
        <v>7</v>
      </c>
      <c r="EN35" s="165">
        <v>68</v>
      </c>
      <c r="EO35" s="164">
        <v>74</v>
      </c>
      <c r="EP35" s="159">
        <v>27</v>
      </c>
      <c r="EQ35" s="160">
        <v>51</v>
      </c>
      <c r="ER35" s="165">
        <v>78</v>
      </c>
      <c r="ES35" s="162">
        <v>0</v>
      </c>
      <c r="ET35" s="160">
        <v>108</v>
      </c>
      <c r="EU35" s="160">
        <v>54</v>
      </c>
      <c r="EV35" s="160">
        <v>32</v>
      </c>
      <c r="EW35" s="160">
        <v>16</v>
      </c>
      <c r="EX35" s="160">
        <v>14</v>
      </c>
      <c r="EY35" s="165">
        <v>224</v>
      </c>
      <c r="EZ35" s="164">
        <v>302</v>
      </c>
    </row>
    <row r="36" spans="2:156" ht="21" customHeight="1" x14ac:dyDescent="0.2">
      <c r="B36" s="166" t="s">
        <v>34</v>
      </c>
      <c r="C36" s="159">
        <v>0</v>
      </c>
      <c r="D36" s="160">
        <v>0</v>
      </c>
      <c r="E36" s="161">
        <v>0</v>
      </c>
      <c r="F36" s="162">
        <v>0</v>
      </c>
      <c r="G36" s="160">
        <v>17</v>
      </c>
      <c r="H36" s="160">
        <v>9</v>
      </c>
      <c r="I36" s="160">
        <v>4</v>
      </c>
      <c r="J36" s="160">
        <v>5</v>
      </c>
      <c r="K36" s="160">
        <v>3</v>
      </c>
      <c r="L36" s="163">
        <v>38</v>
      </c>
      <c r="M36" s="164">
        <v>38</v>
      </c>
      <c r="N36" s="159">
        <v>0</v>
      </c>
      <c r="O36" s="160">
        <v>0</v>
      </c>
      <c r="P36" s="165">
        <v>0</v>
      </c>
      <c r="Q36" s="162">
        <v>0</v>
      </c>
      <c r="R36" s="160">
        <v>0</v>
      </c>
      <c r="S36" s="160">
        <v>1</v>
      </c>
      <c r="T36" s="160">
        <v>0</v>
      </c>
      <c r="U36" s="160">
        <v>1</v>
      </c>
      <c r="V36" s="160">
        <v>8</v>
      </c>
      <c r="W36" s="165">
        <v>10</v>
      </c>
      <c r="X36" s="164">
        <v>10</v>
      </c>
      <c r="Y36" s="159">
        <v>1</v>
      </c>
      <c r="Z36" s="160">
        <v>6</v>
      </c>
      <c r="AA36" s="165">
        <v>7</v>
      </c>
      <c r="AB36" s="162">
        <v>0</v>
      </c>
      <c r="AC36" s="160">
        <v>22</v>
      </c>
      <c r="AD36" s="160">
        <v>11</v>
      </c>
      <c r="AE36" s="160">
        <v>5</v>
      </c>
      <c r="AF36" s="160">
        <v>10</v>
      </c>
      <c r="AG36" s="160">
        <v>8</v>
      </c>
      <c r="AH36" s="165">
        <v>56</v>
      </c>
      <c r="AI36" s="164">
        <v>63</v>
      </c>
      <c r="AJ36" s="159">
        <v>1</v>
      </c>
      <c r="AK36" s="160">
        <v>0</v>
      </c>
      <c r="AL36" s="165">
        <v>1</v>
      </c>
      <c r="AM36" s="162">
        <v>0</v>
      </c>
      <c r="AN36" s="160">
        <v>6</v>
      </c>
      <c r="AO36" s="160">
        <v>2</v>
      </c>
      <c r="AP36" s="160">
        <v>4</v>
      </c>
      <c r="AQ36" s="160">
        <v>0</v>
      </c>
      <c r="AR36" s="160">
        <v>2</v>
      </c>
      <c r="AS36" s="165">
        <v>14</v>
      </c>
      <c r="AT36" s="164">
        <v>15</v>
      </c>
      <c r="AU36" s="159">
        <v>5</v>
      </c>
      <c r="AV36" s="160">
        <v>6</v>
      </c>
      <c r="AW36" s="165">
        <v>11</v>
      </c>
      <c r="AX36" s="162">
        <v>0</v>
      </c>
      <c r="AY36" s="160">
        <v>30</v>
      </c>
      <c r="AZ36" s="160">
        <v>28</v>
      </c>
      <c r="BA36" s="160">
        <v>11</v>
      </c>
      <c r="BB36" s="160">
        <v>14</v>
      </c>
      <c r="BC36" s="160">
        <v>16</v>
      </c>
      <c r="BD36" s="163">
        <v>99</v>
      </c>
      <c r="BE36" s="164">
        <v>110</v>
      </c>
      <c r="BF36" s="159">
        <v>0</v>
      </c>
      <c r="BG36" s="160">
        <v>0</v>
      </c>
      <c r="BH36" s="165">
        <v>0</v>
      </c>
      <c r="BI36" s="162">
        <v>0</v>
      </c>
      <c r="BJ36" s="160">
        <v>31</v>
      </c>
      <c r="BK36" s="160">
        <v>18</v>
      </c>
      <c r="BL36" s="160">
        <v>14</v>
      </c>
      <c r="BM36" s="160">
        <v>8</v>
      </c>
      <c r="BN36" s="160">
        <v>1</v>
      </c>
      <c r="BO36" s="165">
        <v>72</v>
      </c>
      <c r="BP36" s="164">
        <v>72</v>
      </c>
      <c r="BQ36" s="159">
        <v>0</v>
      </c>
      <c r="BR36" s="160">
        <v>3</v>
      </c>
      <c r="BS36" s="165">
        <v>3</v>
      </c>
      <c r="BT36" s="162">
        <v>0</v>
      </c>
      <c r="BU36" s="160">
        <v>8</v>
      </c>
      <c r="BV36" s="160">
        <v>3</v>
      </c>
      <c r="BW36" s="160">
        <v>1</v>
      </c>
      <c r="BX36" s="160">
        <v>1</v>
      </c>
      <c r="BY36" s="160">
        <v>0</v>
      </c>
      <c r="BZ36" s="165">
        <v>13</v>
      </c>
      <c r="CA36" s="164">
        <v>16</v>
      </c>
      <c r="CB36" s="159">
        <v>0</v>
      </c>
      <c r="CC36" s="160">
        <v>0</v>
      </c>
      <c r="CD36" s="165">
        <v>0</v>
      </c>
      <c r="CE36" s="162">
        <v>0</v>
      </c>
      <c r="CF36" s="160">
        <v>3</v>
      </c>
      <c r="CG36" s="160">
        <v>2</v>
      </c>
      <c r="CH36" s="160">
        <v>5</v>
      </c>
      <c r="CI36" s="160">
        <v>2</v>
      </c>
      <c r="CJ36" s="160">
        <v>2</v>
      </c>
      <c r="CK36" s="165">
        <v>14</v>
      </c>
      <c r="CL36" s="164">
        <v>14</v>
      </c>
      <c r="CM36" s="159">
        <v>0</v>
      </c>
      <c r="CN36" s="160">
        <v>0</v>
      </c>
      <c r="CO36" s="165">
        <v>0</v>
      </c>
      <c r="CP36" s="162">
        <v>0</v>
      </c>
      <c r="CQ36" s="160">
        <v>0</v>
      </c>
      <c r="CR36" s="160">
        <v>1</v>
      </c>
      <c r="CS36" s="160">
        <v>0</v>
      </c>
      <c r="CT36" s="160">
        <v>0</v>
      </c>
      <c r="CU36" s="160">
        <v>0</v>
      </c>
      <c r="CV36" s="165">
        <v>1</v>
      </c>
      <c r="CW36" s="164">
        <v>1</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13</v>
      </c>
      <c r="DU36" s="160">
        <v>24</v>
      </c>
      <c r="DV36" s="165">
        <v>37</v>
      </c>
      <c r="DW36" s="162">
        <v>0</v>
      </c>
      <c r="DX36" s="160">
        <v>53</v>
      </c>
      <c r="DY36" s="160">
        <v>49</v>
      </c>
      <c r="DZ36" s="160">
        <v>25</v>
      </c>
      <c r="EA36" s="160">
        <v>17</v>
      </c>
      <c r="EB36" s="160">
        <v>12</v>
      </c>
      <c r="EC36" s="165">
        <v>156</v>
      </c>
      <c r="ED36" s="164">
        <v>193</v>
      </c>
      <c r="EE36" s="159">
        <v>4</v>
      </c>
      <c r="EF36" s="160">
        <v>3</v>
      </c>
      <c r="EG36" s="165">
        <v>7</v>
      </c>
      <c r="EH36" s="162">
        <v>0</v>
      </c>
      <c r="EI36" s="160">
        <v>13</v>
      </c>
      <c r="EJ36" s="160">
        <v>7</v>
      </c>
      <c r="EK36" s="160">
        <v>2</v>
      </c>
      <c r="EL36" s="160">
        <v>5</v>
      </c>
      <c r="EM36" s="160">
        <v>5</v>
      </c>
      <c r="EN36" s="165">
        <v>32</v>
      </c>
      <c r="EO36" s="164">
        <v>39</v>
      </c>
      <c r="EP36" s="159">
        <v>15</v>
      </c>
      <c r="EQ36" s="160">
        <v>26</v>
      </c>
      <c r="ER36" s="165">
        <v>41</v>
      </c>
      <c r="ES36" s="162">
        <v>0</v>
      </c>
      <c r="ET36" s="160">
        <v>81</v>
      </c>
      <c r="EU36" s="160">
        <v>46</v>
      </c>
      <c r="EV36" s="160">
        <v>26</v>
      </c>
      <c r="EW36" s="160">
        <v>15</v>
      </c>
      <c r="EX36" s="160">
        <v>11</v>
      </c>
      <c r="EY36" s="165">
        <v>179</v>
      </c>
      <c r="EZ36" s="164">
        <v>220</v>
      </c>
    </row>
    <row r="37" spans="2:156" ht="21" customHeight="1" x14ac:dyDescent="0.2">
      <c r="B37" s="166" t="s">
        <v>35</v>
      </c>
      <c r="C37" s="159">
        <v>0</v>
      </c>
      <c r="D37" s="160">
        <v>0</v>
      </c>
      <c r="E37" s="161">
        <v>0</v>
      </c>
      <c r="F37" s="162">
        <v>0</v>
      </c>
      <c r="G37" s="160">
        <v>113</v>
      </c>
      <c r="H37" s="160">
        <v>45</v>
      </c>
      <c r="I37" s="160">
        <v>35</v>
      </c>
      <c r="J37" s="160">
        <v>27</v>
      </c>
      <c r="K37" s="160">
        <v>18</v>
      </c>
      <c r="L37" s="163">
        <v>238</v>
      </c>
      <c r="M37" s="164">
        <v>238</v>
      </c>
      <c r="N37" s="159">
        <v>0</v>
      </c>
      <c r="O37" s="160">
        <v>0</v>
      </c>
      <c r="P37" s="165">
        <v>0</v>
      </c>
      <c r="Q37" s="162">
        <v>0</v>
      </c>
      <c r="R37" s="160">
        <v>1</v>
      </c>
      <c r="S37" s="160">
        <v>4</v>
      </c>
      <c r="T37" s="160">
        <v>3</v>
      </c>
      <c r="U37" s="160">
        <v>11</v>
      </c>
      <c r="V37" s="160">
        <v>10</v>
      </c>
      <c r="W37" s="165">
        <v>29</v>
      </c>
      <c r="X37" s="164">
        <v>29</v>
      </c>
      <c r="Y37" s="159">
        <v>7</v>
      </c>
      <c r="Z37" s="160">
        <v>14</v>
      </c>
      <c r="AA37" s="165">
        <v>21</v>
      </c>
      <c r="AB37" s="162">
        <v>0</v>
      </c>
      <c r="AC37" s="160">
        <v>60</v>
      </c>
      <c r="AD37" s="160">
        <v>37</v>
      </c>
      <c r="AE37" s="160">
        <v>33</v>
      </c>
      <c r="AF37" s="160">
        <v>22</v>
      </c>
      <c r="AG37" s="160">
        <v>21</v>
      </c>
      <c r="AH37" s="165">
        <v>173</v>
      </c>
      <c r="AI37" s="164">
        <v>194</v>
      </c>
      <c r="AJ37" s="159">
        <v>7</v>
      </c>
      <c r="AK37" s="160">
        <v>16</v>
      </c>
      <c r="AL37" s="165">
        <v>23</v>
      </c>
      <c r="AM37" s="162">
        <v>0</v>
      </c>
      <c r="AN37" s="160">
        <v>21</v>
      </c>
      <c r="AO37" s="160">
        <v>14</v>
      </c>
      <c r="AP37" s="160">
        <v>4</v>
      </c>
      <c r="AQ37" s="160">
        <v>9</v>
      </c>
      <c r="AR37" s="160">
        <v>7</v>
      </c>
      <c r="AS37" s="165">
        <v>55</v>
      </c>
      <c r="AT37" s="164">
        <v>78</v>
      </c>
      <c r="AU37" s="159">
        <v>14</v>
      </c>
      <c r="AV37" s="160">
        <v>17</v>
      </c>
      <c r="AW37" s="165">
        <v>31</v>
      </c>
      <c r="AX37" s="162">
        <v>0</v>
      </c>
      <c r="AY37" s="160">
        <v>101</v>
      </c>
      <c r="AZ37" s="160">
        <v>71</v>
      </c>
      <c r="BA37" s="160">
        <v>79</v>
      </c>
      <c r="BB37" s="160">
        <v>78</v>
      </c>
      <c r="BC37" s="160">
        <v>47</v>
      </c>
      <c r="BD37" s="163">
        <v>376</v>
      </c>
      <c r="BE37" s="164">
        <v>407</v>
      </c>
      <c r="BF37" s="159">
        <v>0</v>
      </c>
      <c r="BG37" s="160">
        <v>0</v>
      </c>
      <c r="BH37" s="165">
        <v>0</v>
      </c>
      <c r="BI37" s="162">
        <v>0</v>
      </c>
      <c r="BJ37" s="160">
        <v>142</v>
      </c>
      <c r="BK37" s="160">
        <v>74</v>
      </c>
      <c r="BL37" s="160">
        <v>49</v>
      </c>
      <c r="BM37" s="160">
        <v>29</v>
      </c>
      <c r="BN37" s="160">
        <v>19</v>
      </c>
      <c r="BO37" s="165">
        <v>313</v>
      </c>
      <c r="BP37" s="164">
        <v>313</v>
      </c>
      <c r="BQ37" s="159">
        <v>9</v>
      </c>
      <c r="BR37" s="160">
        <v>24</v>
      </c>
      <c r="BS37" s="165">
        <v>33</v>
      </c>
      <c r="BT37" s="162">
        <v>0</v>
      </c>
      <c r="BU37" s="160">
        <v>59</v>
      </c>
      <c r="BV37" s="160">
        <v>30</v>
      </c>
      <c r="BW37" s="160">
        <v>16</v>
      </c>
      <c r="BX37" s="160">
        <v>7</v>
      </c>
      <c r="BY37" s="160">
        <v>1</v>
      </c>
      <c r="BZ37" s="165">
        <v>113</v>
      </c>
      <c r="CA37" s="164">
        <v>146</v>
      </c>
      <c r="CB37" s="159">
        <v>1</v>
      </c>
      <c r="CC37" s="160">
        <v>0</v>
      </c>
      <c r="CD37" s="165">
        <v>1</v>
      </c>
      <c r="CE37" s="162">
        <v>0</v>
      </c>
      <c r="CF37" s="160">
        <v>12</v>
      </c>
      <c r="CG37" s="160">
        <v>7</v>
      </c>
      <c r="CH37" s="160">
        <v>11</v>
      </c>
      <c r="CI37" s="160">
        <v>7</v>
      </c>
      <c r="CJ37" s="160">
        <v>1</v>
      </c>
      <c r="CK37" s="165">
        <v>38</v>
      </c>
      <c r="CL37" s="164">
        <v>39</v>
      </c>
      <c r="CM37" s="159">
        <v>0</v>
      </c>
      <c r="CN37" s="160">
        <v>0</v>
      </c>
      <c r="CO37" s="165">
        <v>0</v>
      </c>
      <c r="CP37" s="162">
        <v>0</v>
      </c>
      <c r="CQ37" s="160">
        <v>4</v>
      </c>
      <c r="CR37" s="160">
        <v>3</v>
      </c>
      <c r="CS37" s="160">
        <v>1</v>
      </c>
      <c r="CT37" s="160">
        <v>2</v>
      </c>
      <c r="CU37" s="160">
        <v>1</v>
      </c>
      <c r="CV37" s="165">
        <v>11</v>
      </c>
      <c r="CW37" s="164">
        <v>11</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58</v>
      </c>
      <c r="DU37" s="160">
        <v>95</v>
      </c>
      <c r="DV37" s="165">
        <v>153</v>
      </c>
      <c r="DW37" s="162">
        <v>0</v>
      </c>
      <c r="DX37" s="160">
        <v>189</v>
      </c>
      <c r="DY37" s="160">
        <v>135</v>
      </c>
      <c r="DZ37" s="160">
        <v>88</v>
      </c>
      <c r="EA37" s="160">
        <v>58</v>
      </c>
      <c r="EB37" s="160">
        <v>40</v>
      </c>
      <c r="EC37" s="165">
        <v>510</v>
      </c>
      <c r="ED37" s="164">
        <v>663</v>
      </c>
      <c r="EE37" s="159">
        <v>14</v>
      </c>
      <c r="EF37" s="160">
        <v>9</v>
      </c>
      <c r="EG37" s="165">
        <v>23</v>
      </c>
      <c r="EH37" s="162">
        <v>0</v>
      </c>
      <c r="EI37" s="160">
        <v>40</v>
      </c>
      <c r="EJ37" s="160">
        <v>15</v>
      </c>
      <c r="EK37" s="160">
        <v>21</v>
      </c>
      <c r="EL37" s="160">
        <v>33</v>
      </c>
      <c r="EM37" s="160">
        <v>14</v>
      </c>
      <c r="EN37" s="165">
        <v>123</v>
      </c>
      <c r="EO37" s="164">
        <v>146</v>
      </c>
      <c r="EP37" s="159">
        <v>74</v>
      </c>
      <c r="EQ37" s="160">
        <v>124</v>
      </c>
      <c r="ER37" s="165">
        <v>198</v>
      </c>
      <c r="ES37" s="162">
        <v>0</v>
      </c>
      <c r="ET37" s="160">
        <v>310</v>
      </c>
      <c r="EU37" s="160">
        <v>157</v>
      </c>
      <c r="EV37" s="160">
        <v>96</v>
      </c>
      <c r="EW37" s="160">
        <v>59</v>
      </c>
      <c r="EX37" s="160">
        <v>39</v>
      </c>
      <c r="EY37" s="165">
        <v>661</v>
      </c>
      <c r="EZ37" s="164">
        <v>859</v>
      </c>
    </row>
    <row r="38" spans="2:156" ht="21" customHeight="1" x14ac:dyDescent="0.2">
      <c r="B38" s="166" t="s">
        <v>36</v>
      </c>
      <c r="C38" s="159">
        <v>0</v>
      </c>
      <c r="D38" s="160">
        <v>0</v>
      </c>
      <c r="E38" s="161">
        <v>0</v>
      </c>
      <c r="F38" s="162">
        <v>0</v>
      </c>
      <c r="G38" s="160">
        <v>54</v>
      </c>
      <c r="H38" s="160">
        <v>79</v>
      </c>
      <c r="I38" s="160">
        <v>42</v>
      </c>
      <c r="J38" s="160">
        <v>28</v>
      </c>
      <c r="K38" s="160">
        <v>38</v>
      </c>
      <c r="L38" s="163">
        <v>241</v>
      </c>
      <c r="M38" s="164">
        <v>241</v>
      </c>
      <c r="N38" s="159">
        <v>0</v>
      </c>
      <c r="O38" s="160">
        <v>1</v>
      </c>
      <c r="P38" s="165">
        <v>1</v>
      </c>
      <c r="Q38" s="162">
        <v>0</v>
      </c>
      <c r="R38" s="160">
        <v>2</v>
      </c>
      <c r="S38" s="160">
        <v>3</v>
      </c>
      <c r="T38" s="160">
        <v>8</v>
      </c>
      <c r="U38" s="160">
        <v>9</v>
      </c>
      <c r="V38" s="160">
        <v>11</v>
      </c>
      <c r="W38" s="165">
        <v>33</v>
      </c>
      <c r="X38" s="164">
        <v>34</v>
      </c>
      <c r="Y38" s="159">
        <v>5</v>
      </c>
      <c r="Z38" s="160">
        <v>20</v>
      </c>
      <c r="AA38" s="165">
        <v>25</v>
      </c>
      <c r="AB38" s="162">
        <v>0</v>
      </c>
      <c r="AC38" s="160">
        <v>49</v>
      </c>
      <c r="AD38" s="160">
        <v>62</v>
      </c>
      <c r="AE38" s="160">
        <v>42</v>
      </c>
      <c r="AF38" s="160">
        <v>31</v>
      </c>
      <c r="AG38" s="160">
        <v>32</v>
      </c>
      <c r="AH38" s="165">
        <v>216</v>
      </c>
      <c r="AI38" s="164">
        <v>241</v>
      </c>
      <c r="AJ38" s="159">
        <v>1</v>
      </c>
      <c r="AK38" s="160">
        <v>12</v>
      </c>
      <c r="AL38" s="165">
        <v>13</v>
      </c>
      <c r="AM38" s="162">
        <v>0</v>
      </c>
      <c r="AN38" s="160">
        <v>20</v>
      </c>
      <c r="AO38" s="160">
        <v>22</v>
      </c>
      <c r="AP38" s="160">
        <v>9</v>
      </c>
      <c r="AQ38" s="160">
        <v>8</v>
      </c>
      <c r="AR38" s="160">
        <v>7</v>
      </c>
      <c r="AS38" s="165">
        <v>66</v>
      </c>
      <c r="AT38" s="164">
        <v>79</v>
      </c>
      <c r="AU38" s="159">
        <v>6</v>
      </c>
      <c r="AV38" s="160">
        <v>10</v>
      </c>
      <c r="AW38" s="165">
        <v>16</v>
      </c>
      <c r="AX38" s="162">
        <v>0</v>
      </c>
      <c r="AY38" s="160">
        <v>47</v>
      </c>
      <c r="AZ38" s="160">
        <v>98</v>
      </c>
      <c r="BA38" s="160">
        <v>77</v>
      </c>
      <c r="BB38" s="160">
        <v>44</v>
      </c>
      <c r="BC38" s="160">
        <v>58</v>
      </c>
      <c r="BD38" s="163">
        <v>324</v>
      </c>
      <c r="BE38" s="164">
        <v>340</v>
      </c>
      <c r="BF38" s="159">
        <v>0</v>
      </c>
      <c r="BG38" s="160">
        <v>0</v>
      </c>
      <c r="BH38" s="165">
        <v>0</v>
      </c>
      <c r="BI38" s="162">
        <v>0</v>
      </c>
      <c r="BJ38" s="160">
        <v>73</v>
      </c>
      <c r="BK38" s="160">
        <v>94</v>
      </c>
      <c r="BL38" s="160">
        <v>46</v>
      </c>
      <c r="BM38" s="160">
        <v>31</v>
      </c>
      <c r="BN38" s="160">
        <v>18</v>
      </c>
      <c r="BO38" s="165">
        <v>262</v>
      </c>
      <c r="BP38" s="164">
        <v>262</v>
      </c>
      <c r="BQ38" s="159">
        <v>8</v>
      </c>
      <c r="BR38" s="160">
        <v>6</v>
      </c>
      <c r="BS38" s="165">
        <v>14</v>
      </c>
      <c r="BT38" s="162">
        <v>0</v>
      </c>
      <c r="BU38" s="160">
        <v>27</v>
      </c>
      <c r="BV38" s="160">
        <v>35</v>
      </c>
      <c r="BW38" s="160">
        <v>19</v>
      </c>
      <c r="BX38" s="160">
        <v>9</v>
      </c>
      <c r="BY38" s="160">
        <v>3</v>
      </c>
      <c r="BZ38" s="165">
        <v>93</v>
      </c>
      <c r="CA38" s="164">
        <v>107</v>
      </c>
      <c r="CB38" s="159">
        <v>0</v>
      </c>
      <c r="CC38" s="160">
        <v>0</v>
      </c>
      <c r="CD38" s="165">
        <v>0</v>
      </c>
      <c r="CE38" s="162">
        <v>0</v>
      </c>
      <c r="CF38" s="160">
        <v>8</v>
      </c>
      <c r="CG38" s="160">
        <v>25</v>
      </c>
      <c r="CH38" s="160">
        <v>14</v>
      </c>
      <c r="CI38" s="160">
        <v>12</v>
      </c>
      <c r="CJ38" s="160">
        <v>16</v>
      </c>
      <c r="CK38" s="165">
        <v>75</v>
      </c>
      <c r="CL38" s="164">
        <v>75</v>
      </c>
      <c r="CM38" s="159">
        <v>0</v>
      </c>
      <c r="CN38" s="160">
        <v>0</v>
      </c>
      <c r="CO38" s="165">
        <v>0</v>
      </c>
      <c r="CP38" s="162">
        <v>0</v>
      </c>
      <c r="CQ38" s="160">
        <v>0</v>
      </c>
      <c r="CR38" s="160">
        <v>1</v>
      </c>
      <c r="CS38" s="160">
        <v>0</v>
      </c>
      <c r="CT38" s="160">
        <v>1</v>
      </c>
      <c r="CU38" s="160">
        <v>0</v>
      </c>
      <c r="CV38" s="165">
        <v>2</v>
      </c>
      <c r="CW38" s="164">
        <v>2</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37</v>
      </c>
      <c r="DU38" s="160">
        <v>110</v>
      </c>
      <c r="DV38" s="165">
        <v>147</v>
      </c>
      <c r="DW38" s="162">
        <v>0</v>
      </c>
      <c r="DX38" s="160">
        <v>156</v>
      </c>
      <c r="DY38" s="160">
        <v>215</v>
      </c>
      <c r="DZ38" s="160">
        <v>113</v>
      </c>
      <c r="EA38" s="160">
        <v>71</v>
      </c>
      <c r="EB38" s="160">
        <v>63</v>
      </c>
      <c r="EC38" s="165">
        <v>618</v>
      </c>
      <c r="ED38" s="164">
        <v>765</v>
      </c>
      <c r="EE38" s="159">
        <v>3</v>
      </c>
      <c r="EF38" s="160">
        <v>2</v>
      </c>
      <c r="EG38" s="165">
        <v>5</v>
      </c>
      <c r="EH38" s="162">
        <v>0</v>
      </c>
      <c r="EI38" s="160">
        <v>18</v>
      </c>
      <c r="EJ38" s="160">
        <v>14</v>
      </c>
      <c r="EK38" s="160">
        <v>12</v>
      </c>
      <c r="EL38" s="160">
        <v>4</v>
      </c>
      <c r="EM38" s="160">
        <v>3</v>
      </c>
      <c r="EN38" s="165">
        <v>51</v>
      </c>
      <c r="EO38" s="164">
        <v>56</v>
      </c>
      <c r="EP38" s="159">
        <v>46</v>
      </c>
      <c r="EQ38" s="160">
        <v>131</v>
      </c>
      <c r="ER38" s="165">
        <v>177</v>
      </c>
      <c r="ES38" s="162">
        <v>0</v>
      </c>
      <c r="ET38" s="160">
        <v>263</v>
      </c>
      <c r="EU38" s="160">
        <v>272</v>
      </c>
      <c r="EV38" s="160">
        <v>140</v>
      </c>
      <c r="EW38" s="160">
        <v>84</v>
      </c>
      <c r="EX38" s="160">
        <v>73</v>
      </c>
      <c r="EY38" s="165">
        <v>832</v>
      </c>
      <c r="EZ38" s="164">
        <v>1009</v>
      </c>
    </row>
    <row r="39" spans="2:156" ht="21" customHeight="1" thickBot="1" x14ac:dyDescent="0.25">
      <c r="B39" s="167" t="s">
        <v>37</v>
      </c>
      <c r="C39" s="168">
        <v>0</v>
      </c>
      <c r="D39" s="169">
        <v>0</v>
      </c>
      <c r="E39" s="170">
        <v>0</v>
      </c>
      <c r="F39" s="171">
        <v>0</v>
      </c>
      <c r="G39" s="169">
        <v>5</v>
      </c>
      <c r="H39" s="169">
        <v>5</v>
      </c>
      <c r="I39" s="169">
        <v>5</v>
      </c>
      <c r="J39" s="169">
        <v>2</v>
      </c>
      <c r="K39" s="169">
        <v>4</v>
      </c>
      <c r="L39" s="172">
        <v>21</v>
      </c>
      <c r="M39" s="173">
        <v>21</v>
      </c>
      <c r="N39" s="168">
        <v>0</v>
      </c>
      <c r="O39" s="169">
        <v>0</v>
      </c>
      <c r="P39" s="174">
        <v>0</v>
      </c>
      <c r="Q39" s="171">
        <v>0</v>
      </c>
      <c r="R39" s="169">
        <v>0</v>
      </c>
      <c r="S39" s="169">
        <v>0</v>
      </c>
      <c r="T39" s="169">
        <v>0</v>
      </c>
      <c r="U39" s="169">
        <v>0</v>
      </c>
      <c r="V39" s="169">
        <v>0</v>
      </c>
      <c r="W39" s="174">
        <v>0</v>
      </c>
      <c r="X39" s="173">
        <v>0</v>
      </c>
      <c r="Y39" s="168">
        <v>3</v>
      </c>
      <c r="Z39" s="169">
        <v>1</v>
      </c>
      <c r="AA39" s="174">
        <v>4</v>
      </c>
      <c r="AB39" s="171">
        <v>0</v>
      </c>
      <c r="AC39" s="169">
        <v>5</v>
      </c>
      <c r="AD39" s="169">
        <v>5</v>
      </c>
      <c r="AE39" s="169">
        <v>4</v>
      </c>
      <c r="AF39" s="169">
        <v>5</v>
      </c>
      <c r="AG39" s="169">
        <v>3</v>
      </c>
      <c r="AH39" s="174">
        <v>22</v>
      </c>
      <c r="AI39" s="173">
        <v>26</v>
      </c>
      <c r="AJ39" s="168">
        <v>0</v>
      </c>
      <c r="AK39" s="169">
        <v>0</v>
      </c>
      <c r="AL39" s="174">
        <v>0</v>
      </c>
      <c r="AM39" s="171">
        <v>0</v>
      </c>
      <c r="AN39" s="169">
        <v>1</v>
      </c>
      <c r="AO39" s="169">
        <v>1</v>
      </c>
      <c r="AP39" s="169">
        <v>0</v>
      </c>
      <c r="AQ39" s="169">
        <v>1</v>
      </c>
      <c r="AR39" s="169">
        <v>1</v>
      </c>
      <c r="AS39" s="174">
        <v>4</v>
      </c>
      <c r="AT39" s="173">
        <v>4</v>
      </c>
      <c r="AU39" s="168">
        <v>3</v>
      </c>
      <c r="AV39" s="169">
        <v>0</v>
      </c>
      <c r="AW39" s="174">
        <v>3</v>
      </c>
      <c r="AX39" s="171">
        <v>0</v>
      </c>
      <c r="AY39" s="169">
        <v>4</v>
      </c>
      <c r="AZ39" s="169">
        <v>1</v>
      </c>
      <c r="BA39" s="169">
        <v>6</v>
      </c>
      <c r="BB39" s="169">
        <v>10</v>
      </c>
      <c r="BC39" s="169">
        <v>6</v>
      </c>
      <c r="BD39" s="172">
        <v>27</v>
      </c>
      <c r="BE39" s="173">
        <v>30</v>
      </c>
      <c r="BF39" s="168">
        <v>0</v>
      </c>
      <c r="BG39" s="169">
        <v>0</v>
      </c>
      <c r="BH39" s="174">
        <v>0</v>
      </c>
      <c r="BI39" s="171">
        <v>0</v>
      </c>
      <c r="BJ39" s="169">
        <v>6</v>
      </c>
      <c r="BK39" s="169">
        <v>4</v>
      </c>
      <c r="BL39" s="169">
        <v>3</v>
      </c>
      <c r="BM39" s="169">
        <v>4</v>
      </c>
      <c r="BN39" s="169">
        <v>1</v>
      </c>
      <c r="BO39" s="174">
        <v>18</v>
      </c>
      <c r="BP39" s="173">
        <v>18</v>
      </c>
      <c r="BQ39" s="168">
        <v>1</v>
      </c>
      <c r="BR39" s="169">
        <v>1</v>
      </c>
      <c r="BS39" s="174">
        <v>2</v>
      </c>
      <c r="BT39" s="171">
        <v>0</v>
      </c>
      <c r="BU39" s="169">
        <v>6</v>
      </c>
      <c r="BV39" s="169">
        <v>6</v>
      </c>
      <c r="BW39" s="169">
        <v>2</v>
      </c>
      <c r="BX39" s="169">
        <v>2</v>
      </c>
      <c r="BY39" s="169">
        <v>1</v>
      </c>
      <c r="BZ39" s="174">
        <v>17</v>
      </c>
      <c r="CA39" s="173">
        <v>19</v>
      </c>
      <c r="CB39" s="168">
        <v>0</v>
      </c>
      <c r="CC39" s="169">
        <v>0</v>
      </c>
      <c r="CD39" s="174">
        <v>0</v>
      </c>
      <c r="CE39" s="171">
        <v>0</v>
      </c>
      <c r="CF39" s="169">
        <v>1</v>
      </c>
      <c r="CG39" s="169">
        <v>2</v>
      </c>
      <c r="CH39" s="169">
        <v>3</v>
      </c>
      <c r="CI39" s="169">
        <v>1</v>
      </c>
      <c r="CJ39" s="169">
        <v>0</v>
      </c>
      <c r="CK39" s="174">
        <v>7</v>
      </c>
      <c r="CL39" s="173">
        <v>7</v>
      </c>
      <c r="CM39" s="168">
        <v>0</v>
      </c>
      <c r="CN39" s="169">
        <v>0</v>
      </c>
      <c r="CO39" s="174">
        <v>0</v>
      </c>
      <c r="CP39" s="171">
        <v>0</v>
      </c>
      <c r="CQ39" s="169">
        <v>0</v>
      </c>
      <c r="CR39" s="169">
        <v>0</v>
      </c>
      <c r="CS39" s="169">
        <v>0</v>
      </c>
      <c r="CT39" s="169">
        <v>1</v>
      </c>
      <c r="CU39" s="169">
        <v>1</v>
      </c>
      <c r="CV39" s="174">
        <v>2</v>
      </c>
      <c r="CW39" s="173">
        <v>2</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13</v>
      </c>
      <c r="DU39" s="169">
        <v>1</v>
      </c>
      <c r="DV39" s="174">
        <v>14</v>
      </c>
      <c r="DW39" s="171">
        <v>0</v>
      </c>
      <c r="DX39" s="169">
        <v>19</v>
      </c>
      <c r="DY39" s="169">
        <v>18</v>
      </c>
      <c r="DZ39" s="169">
        <v>12</v>
      </c>
      <c r="EA39" s="169">
        <v>9</v>
      </c>
      <c r="EB39" s="169">
        <v>4</v>
      </c>
      <c r="EC39" s="174">
        <v>62</v>
      </c>
      <c r="ED39" s="173">
        <v>76</v>
      </c>
      <c r="EE39" s="168">
        <v>0</v>
      </c>
      <c r="EF39" s="169">
        <v>0</v>
      </c>
      <c r="EG39" s="174">
        <v>0</v>
      </c>
      <c r="EH39" s="171">
        <v>0</v>
      </c>
      <c r="EI39" s="169">
        <v>0</v>
      </c>
      <c r="EJ39" s="169">
        <v>0</v>
      </c>
      <c r="EK39" s="169">
        <v>0</v>
      </c>
      <c r="EL39" s="169">
        <v>0</v>
      </c>
      <c r="EM39" s="169">
        <v>0</v>
      </c>
      <c r="EN39" s="174">
        <v>0</v>
      </c>
      <c r="EO39" s="173">
        <v>0</v>
      </c>
      <c r="EP39" s="168">
        <v>18</v>
      </c>
      <c r="EQ39" s="169">
        <v>2</v>
      </c>
      <c r="ER39" s="174">
        <v>20</v>
      </c>
      <c r="ES39" s="171">
        <v>0</v>
      </c>
      <c r="ET39" s="169">
        <v>26</v>
      </c>
      <c r="EU39" s="169">
        <v>21</v>
      </c>
      <c r="EV39" s="169">
        <v>15</v>
      </c>
      <c r="EW39" s="169">
        <v>9</v>
      </c>
      <c r="EX39" s="169">
        <v>4</v>
      </c>
      <c r="EY39" s="174">
        <v>75</v>
      </c>
      <c r="EZ39" s="173">
        <v>95</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1">
        <f>第１表!F2</f>
        <v>6</v>
      </c>
      <c r="J1" s="441"/>
      <c r="K1" s="18">
        <f>第１表!G2</f>
        <v>6</v>
      </c>
      <c r="L1" s="458">
        <f>IF(K1&lt;3,K1+12-2,K1-2)</f>
        <v>4</v>
      </c>
      <c r="M1" s="458"/>
    </row>
    <row r="2" spans="2:156" ht="24" customHeight="1" thickBot="1" x14ac:dyDescent="0.25">
      <c r="B2" s="142" t="s">
        <v>128</v>
      </c>
      <c r="G2" s="17"/>
      <c r="H2" s="18"/>
      <c r="J2" s="68"/>
      <c r="K2" s="68"/>
    </row>
    <row r="3" spans="2:156" ht="21" customHeight="1" thickBot="1" x14ac:dyDescent="0.25">
      <c r="B3" s="459"/>
      <c r="C3" s="449" t="s">
        <v>70</v>
      </c>
      <c r="D3" s="450"/>
      <c r="E3" s="450"/>
      <c r="F3" s="450"/>
      <c r="G3" s="450"/>
      <c r="H3" s="450"/>
      <c r="I3" s="450"/>
      <c r="J3" s="450"/>
      <c r="K3" s="450"/>
      <c r="L3" s="450"/>
      <c r="M3" s="451"/>
      <c r="N3" s="449" t="s">
        <v>71</v>
      </c>
      <c r="O3" s="450"/>
      <c r="P3" s="450"/>
      <c r="Q3" s="450"/>
      <c r="R3" s="450"/>
      <c r="S3" s="450"/>
      <c r="T3" s="450"/>
      <c r="U3" s="450"/>
      <c r="V3" s="450"/>
      <c r="W3" s="450"/>
      <c r="X3" s="451"/>
      <c r="Y3" s="449" t="s">
        <v>72</v>
      </c>
      <c r="Z3" s="450"/>
      <c r="AA3" s="450"/>
      <c r="AB3" s="450"/>
      <c r="AC3" s="450"/>
      <c r="AD3" s="450"/>
      <c r="AE3" s="450"/>
      <c r="AF3" s="450"/>
      <c r="AG3" s="450"/>
      <c r="AH3" s="450"/>
      <c r="AI3" s="451"/>
      <c r="AJ3" s="449" t="s">
        <v>73</v>
      </c>
      <c r="AK3" s="450"/>
      <c r="AL3" s="450"/>
      <c r="AM3" s="450"/>
      <c r="AN3" s="450"/>
      <c r="AO3" s="450"/>
      <c r="AP3" s="450"/>
      <c r="AQ3" s="450"/>
      <c r="AR3" s="450"/>
      <c r="AS3" s="450"/>
      <c r="AT3" s="451"/>
      <c r="AU3" s="449" t="s">
        <v>74</v>
      </c>
      <c r="AV3" s="450"/>
      <c r="AW3" s="450"/>
      <c r="AX3" s="450"/>
      <c r="AY3" s="450"/>
      <c r="AZ3" s="450"/>
      <c r="BA3" s="450"/>
      <c r="BB3" s="450"/>
      <c r="BC3" s="450"/>
      <c r="BD3" s="450"/>
      <c r="BE3" s="451"/>
      <c r="BF3" s="449" t="s">
        <v>75</v>
      </c>
      <c r="BG3" s="450"/>
      <c r="BH3" s="450"/>
      <c r="BI3" s="450"/>
      <c r="BJ3" s="450"/>
      <c r="BK3" s="450"/>
      <c r="BL3" s="450"/>
      <c r="BM3" s="450"/>
      <c r="BN3" s="450"/>
      <c r="BO3" s="450"/>
      <c r="BP3" s="451"/>
      <c r="BQ3" s="449" t="s">
        <v>76</v>
      </c>
      <c r="BR3" s="450"/>
      <c r="BS3" s="450"/>
      <c r="BT3" s="450"/>
      <c r="BU3" s="450"/>
      <c r="BV3" s="450"/>
      <c r="BW3" s="450"/>
      <c r="BX3" s="450"/>
      <c r="BY3" s="450"/>
      <c r="BZ3" s="450"/>
      <c r="CA3" s="451"/>
      <c r="CB3" s="449" t="s">
        <v>77</v>
      </c>
      <c r="CC3" s="450"/>
      <c r="CD3" s="450"/>
      <c r="CE3" s="450"/>
      <c r="CF3" s="450"/>
      <c r="CG3" s="450"/>
      <c r="CH3" s="450"/>
      <c r="CI3" s="450"/>
      <c r="CJ3" s="450"/>
      <c r="CK3" s="450"/>
      <c r="CL3" s="451"/>
      <c r="CM3" s="449" t="s">
        <v>78</v>
      </c>
      <c r="CN3" s="450"/>
      <c r="CO3" s="450"/>
      <c r="CP3" s="450"/>
      <c r="CQ3" s="450"/>
      <c r="CR3" s="450"/>
      <c r="CS3" s="450"/>
      <c r="CT3" s="450"/>
      <c r="CU3" s="450"/>
      <c r="CV3" s="450"/>
      <c r="CW3" s="451"/>
      <c r="CX3" s="449" t="s">
        <v>79</v>
      </c>
      <c r="CY3" s="450"/>
      <c r="CZ3" s="450"/>
      <c r="DA3" s="450"/>
      <c r="DB3" s="450"/>
      <c r="DC3" s="450"/>
      <c r="DD3" s="450"/>
      <c r="DE3" s="450"/>
      <c r="DF3" s="450"/>
      <c r="DG3" s="450"/>
      <c r="DH3" s="451"/>
      <c r="DI3" s="449" t="s">
        <v>149</v>
      </c>
      <c r="DJ3" s="450"/>
      <c r="DK3" s="450"/>
      <c r="DL3" s="450"/>
      <c r="DM3" s="450"/>
      <c r="DN3" s="450"/>
      <c r="DO3" s="450"/>
      <c r="DP3" s="450"/>
      <c r="DQ3" s="450"/>
      <c r="DR3" s="450"/>
      <c r="DS3" s="451"/>
      <c r="DT3" s="449" t="s">
        <v>80</v>
      </c>
      <c r="DU3" s="450"/>
      <c r="DV3" s="450"/>
      <c r="DW3" s="450"/>
      <c r="DX3" s="450"/>
      <c r="DY3" s="450"/>
      <c r="DZ3" s="450"/>
      <c r="EA3" s="450"/>
      <c r="EB3" s="450"/>
      <c r="EC3" s="450"/>
      <c r="ED3" s="451"/>
      <c r="EE3" s="449" t="s">
        <v>68</v>
      </c>
      <c r="EF3" s="450"/>
      <c r="EG3" s="450"/>
      <c r="EH3" s="450"/>
      <c r="EI3" s="450"/>
      <c r="EJ3" s="450"/>
      <c r="EK3" s="450"/>
      <c r="EL3" s="450"/>
      <c r="EM3" s="450"/>
      <c r="EN3" s="450"/>
      <c r="EO3" s="451"/>
      <c r="EP3" s="446" t="s">
        <v>69</v>
      </c>
      <c r="EQ3" s="447"/>
      <c r="ER3" s="447"/>
      <c r="ES3" s="447"/>
      <c r="ET3" s="447"/>
      <c r="EU3" s="447"/>
      <c r="EV3" s="447"/>
      <c r="EW3" s="447"/>
      <c r="EX3" s="447"/>
      <c r="EY3" s="447"/>
      <c r="EZ3" s="448"/>
    </row>
    <row r="4" spans="2:156" ht="21" customHeight="1" x14ac:dyDescent="0.2">
      <c r="B4" s="460"/>
      <c r="C4" s="457" t="s">
        <v>61</v>
      </c>
      <c r="D4" s="453"/>
      <c r="E4" s="454"/>
      <c r="F4" s="452" t="s">
        <v>62</v>
      </c>
      <c r="G4" s="453"/>
      <c r="H4" s="453"/>
      <c r="I4" s="453"/>
      <c r="J4" s="453"/>
      <c r="K4" s="453"/>
      <c r="L4" s="462"/>
      <c r="M4" s="455" t="s">
        <v>52</v>
      </c>
      <c r="N4" s="457" t="s">
        <v>61</v>
      </c>
      <c r="O4" s="453"/>
      <c r="P4" s="454"/>
      <c r="Q4" s="452" t="s">
        <v>62</v>
      </c>
      <c r="R4" s="453"/>
      <c r="S4" s="453"/>
      <c r="T4" s="453"/>
      <c r="U4" s="453"/>
      <c r="V4" s="453"/>
      <c r="W4" s="454"/>
      <c r="X4" s="455" t="s">
        <v>52</v>
      </c>
      <c r="Y4" s="457" t="s">
        <v>61</v>
      </c>
      <c r="Z4" s="453"/>
      <c r="AA4" s="454"/>
      <c r="AB4" s="452" t="s">
        <v>62</v>
      </c>
      <c r="AC4" s="453"/>
      <c r="AD4" s="453"/>
      <c r="AE4" s="453"/>
      <c r="AF4" s="453"/>
      <c r="AG4" s="453"/>
      <c r="AH4" s="454"/>
      <c r="AI4" s="455" t="s">
        <v>52</v>
      </c>
      <c r="AJ4" s="457" t="s">
        <v>61</v>
      </c>
      <c r="AK4" s="453"/>
      <c r="AL4" s="454"/>
      <c r="AM4" s="452" t="s">
        <v>62</v>
      </c>
      <c r="AN4" s="453"/>
      <c r="AO4" s="453"/>
      <c r="AP4" s="453"/>
      <c r="AQ4" s="453"/>
      <c r="AR4" s="453"/>
      <c r="AS4" s="454"/>
      <c r="AT4" s="455" t="s">
        <v>52</v>
      </c>
      <c r="AU4" s="457" t="s">
        <v>61</v>
      </c>
      <c r="AV4" s="453"/>
      <c r="AW4" s="454"/>
      <c r="AX4" s="452" t="s">
        <v>62</v>
      </c>
      <c r="AY4" s="453"/>
      <c r="AZ4" s="453"/>
      <c r="BA4" s="453"/>
      <c r="BB4" s="453"/>
      <c r="BC4" s="453"/>
      <c r="BD4" s="462"/>
      <c r="BE4" s="455" t="s">
        <v>52</v>
      </c>
      <c r="BF4" s="457" t="s">
        <v>61</v>
      </c>
      <c r="BG4" s="453"/>
      <c r="BH4" s="454"/>
      <c r="BI4" s="452" t="s">
        <v>62</v>
      </c>
      <c r="BJ4" s="453"/>
      <c r="BK4" s="453"/>
      <c r="BL4" s="453"/>
      <c r="BM4" s="453"/>
      <c r="BN4" s="453"/>
      <c r="BO4" s="454"/>
      <c r="BP4" s="455" t="s">
        <v>52</v>
      </c>
      <c r="BQ4" s="457" t="s">
        <v>61</v>
      </c>
      <c r="BR4" s="453"/>
      <c r="BS4" s="454"/>
      <c r="BT4" s="452" t="s">
        <v>62</v>
      </c>
      <c r="BU4" s="453"/>
      <c r="BV4" s="453"/>
      <c r="BW4" s="453"/>
      <c r="BX4" s="453"/>
      <c r="BY4" s="453"/>
      <c r="BZ4" s="454"/>
      <c r="CA4" s="455" t="s">
        <v>52</v>
      </c>
      <c r="CB4" s="457" t="s">
        <v>61</v>
      </c>
      <c r="CC4" s="453"/>
      <c r="CD4" s="454"/>
      <c r="CE4" s="452" t="s">
        <v>62</v>
      </c>
      <c r="CF4" s="453"/>
      <c r="CG4" s="453"/>
      <c r="CH4" s="453"/>
      <c r="CI4" s="453"/>
      <c r="CJ4" s="453"/>
      <c r="CK4" s="454"/>
      <c r="CL4" s="455" t="s">
        <v>52</v>
      </c>
      <c r="CM4" s="457" t="s">
        <v>61</v>
      </c>
      <c r="CN4" s="453"/>
      <c r="CO4" s="454"/>
      <c r="CP4" s="452" t="s">
        <v>62</v>
      </c>
      <c r="CQ4" s="453"/>
      <c r="CR4" s="453"/>
      <c r="CS4" s="453"/>
      <c r="CT4" s="453"/>
      <c r="CU4" s="453"/>
      <c r="CV4" s="454"/>
      <c r="CW4" s="455" t="s">
        <v>52</v>
      </c>
      <c r="CX4" s="457" t="s">
        <v>61</v>
      </c>
      <c r="CY4" s="453"/>
      <c r="CZ4" s="454"/>
      <c r="DA4" s="452" t="s">
        <v>62</v>
      </c>
      <c r="DB4" s="453"/>
      <c r="DC4" s="453"/>
      <c r="DD4" s="453"/>
      <c r="DE4" s="453"/>
      <c r="DF4" s="453"/>
      <c r="DG4" s="454"/>
      <c r="DH4" s="455" t="s">
        <v>52</v>
      </c>
      <c r="DI4" s="457" t="s">
        <v>61</v>
      </c>
      <c r="DJ4" s="453"/>
      <c r="DK4" s="454"/>
      <c r="DL4" s="452" t="s">
        <v>62</v>
      </c>
      <c r="DM4" s="453"/>
      <c r="DN4" s="453"/>
      <c r="DO4" s="453"/>
      <c r="DP4" s="453"/>
      <c r="DQ4" s="453"/>
      <c r="DR4" s="454"/>
      <c r="DS4" s="455" t="s">
        <v>52</v>
      </c>
      <c r="DT4" s="457" t="s">
        <v>61</v>
      </c>
      <c r="DU4" s="453"/>
      <c r="DV4" s="454"/>
      <c r="DW4" s="452" t="s">
        <v>62</v>
      </c>
      <c r="DX4" s="453"/>
      <c r="DY4" s="453"/>
      <c r="DZ4" s="453"/>
      <c r="EA4" s="453"/>
      <c r="EB4" s="453"/>
      <c r="EC4" s="454"/>
      <c r="ED4" s="455" t="s">
        <v>52</v>
      </c>
      <c r="EE4" s="457" t="s">
        <v>61</v>
      </c>
      <c r="EF4" s="453"/>
      <c r="EG4" s="454"/>
      <c r="EH4" s="452" t="s">
        <v>62</v>
      </c>
      <c r="EI4" s="453"/>
      <c r="EJ4" s="453"/>
      <c r="EK4" s="453"/>
      <c r="EL4" s="453"/>
      <c r="EM4" s="453"/>
      <c r="EN4" s="454"/>
      <c r="EO4" s="455" t="s">
        <v>52</v>
      </c>
      <c r="EP4" s="457" t="s">
        <v>61</v>
      </c>
      <c r="EQ4" s="453"/>
      <c r="ER4" s="454"/>
      <c r="ES4" s="452" t="s">
        <v>62</v>
      </c>
      <c r="ET4" s="453"/>
      <c r="EU4" s="453"/>
      <c r="EV4" s="453"/>
      <c r="EW4" s="453"/>
      <c r="EX4" s="453"/>
      <c r="EY4" s="454"/>
      <c r="EZ4" s="455" t="s">
        <v>52</v>
      </c>
    </row>
    <row r="5" spans="2:156" ht="30" customHeight="1" thickBot="1" x14ac:dyDescent="0.25">
      <c r="B5" s="461"/>
      <c r="C5" s="144" t="s">
        <v>43</v>
      </c>
      <c r="D5" s="145" t="s">
        <v>44</v>
      </c>
      <c r="E5" s="146" t="s">
        <v>45</v>
      </c>
      <c r="F5" s="147" t="s">
        <v>83</v>
      </c>
      <c r="G5" s="145" t="s">
        <v>47</v>
      </c>
      <c r="H5" s="145" t="s">
        <v>48</v>
      </c>
      <c r="I5" s="145" t="s">
        <v>49</v>
      </c>
      <c r="J5" s="145" t="s">
        <v>50</v>
      </c>
      <c r="K5" s="145" t="s">
        <v>51</v>
      </c>
      <c r="L5" s="148" t="s">
        <v>45</v>
      </c>
      <c r="M5" s="456"/>
      <c r="N5" s="144" t="s">
        <v>43</v>
      </c>
      <c r="O5" s="145" t="s">
        <v>44</v>
      </c>
      <c r="P5" s="149" t="s">
        <v>45</v>
      </c>
      <c r="Q5" s="147" t="s">
        <v>83</v>
      </c>
      <c r="R5" s="145" t="s">
        <v>47</v>
      </c>
      <c r="S5" s="145" t="s">
        <v>48</v>
      </c>
      <c r="T5" s="145" t="s">
        <v>49</v>
      </c>
      <c r="U5" s="145" t="s">
        <v>50</v>
      </c>
      <c r="V5" s="145" t="s">
        <v>51</v>
      </c>
      <c r="W5" s="149" t="s">
        <v>45</v>
      </c>
      <c r="X5" s="456"/>
      <c r="Y5" s="144" t="s">
        <v>43</v>
      </c>
      <c r="Z5" s="145" t="s">
        <v>44</v>
      </c>
      <c r="AA5" s="149" t="s">
        <v>45</v>
      </c>
      <c r="AB5" s="147" t="s">
        <v>83</v>
      </c>
      <c r="AC5" s="145" t="s">
        <v>47</v>
      </c>
      <c r="AD5" s="145" t="s">
        <v>48</v>
      </c>
      <c r="AE5" s="145" t="s">
        <v>49</v>
      </c>
      <c r="AF5" s="145" t="s">
        <v>50</v>
      </c>
      <c r="AG5" s="145" t="s">
        <v>51</v>
      </c>
      <c r="AH5" s="149" t="s">
        <v>45</v>
      </c>
      <c r="AI5" s="456"/>
      <c r="AJ5" s="144" t="s">
        <v>43</v>
      </c>
      <c r="AK5" s="145" t="s">
        <v>44</v>
      </c>
      <c r="AL5" s="149" t="s">
        <v>45</v>
      </c>
      <c r="AM5" s="147" t="s">
        <v>83</v>
      </c>
      <c r="AN5" s="145" t="s">
        <v>47</v>
      </c>
      <c r="AO5" s="145" t="s">
        <v>48</v>
      </c>
      <c r="AP5" s="145" t="s">
        <v>49</v>
      </c>
      <c r="AQ5" s="145" t="s">
        <v>50</v>
      </c>
      <c r="AR5" s="145" t="s">
        <v>51</v>
      </c>
      <c r="AS5" s="149" t="s">
        <v>45</v>
      </c>
      <c r="AT5" s="456"/>
      <c r="AU5" s="144" t="s">
        <v>43</v>
      </c>
      <c r="AV5" s="145" t="s">
        <v>44</v>
      </c>
      <c r="AW5" s="149" t="s">
        <v>45</v>
      </c>
      <c r="AX5" s="147" t="s">
        <v>83</v>
      </c>
      <c r="AY5" s="145" t="s">
        <v>47</v>
      </c>
      <c r="AZ5" s="145" t="s">
        <v>48</v>
      </c>
      <c r="BA5" s="145" t="s">
        <v>49</v>
      </c>
      <c r="BB5" s="145" t="s">
        <v>50</v>
      </c>
      <c r="BC5" s="145" t="s">
        <v>51</v>
      </c>
      <c r="BD5" s="148" t="s">
        <v>45</v>
      </c>
      <c r="BE5" s="456"/>
      <c r="BF5" s="144" t="s">
        <v>43</v>
      </c>
      <c r="BG5" s="145" t="s">
        <v>44</v>
      </c>
      <c r="BH5" s="149" t="s">
        <v>45</v>
      </c>
      <c r="BI5" s="147" t="s">
        <v>83</v>
      </c>
      <c r="BJ5" s="145" t="s">
        <v>47</v>
      </c>
      <c r="BK5" s="145" t="s">
        <v>48</v>
      </c>
      <c r="BL5" s="145" t="s">
        <v>49</v>
      </c>
      <c r="BM5" s="145" t="s">
        <v>50</v>
      </c>
      <c r="BN5" s="145" t="s">
        <v>51</v>
      </c>
      <c r="BO5" s="149" t="s">
        <v>45</v>
      </c>
      <c r="BP5" s="456"/>
      <c r="BQ5" s="144" t="s">
        <v>43</v>
      </c>
      <c r="BR5" s="145" t="s">
        <v>44</v>
      </c>
      <c r="BS5" s="149" t="s">
        <v>45</v>
      </c>
      <c r="BT5" s="147" t="s">
        <v>83</v>
      </c>
      <c r="BU5" s="145" t="s">
        <v>47</v>
      </c>
      <c r="BV5" s="145" t="s">
        <v>48</v>
      </c>
      <c r="BW5" s="145" t="s">
        <v>49</v>
      </c>
      <c r="BX5" s="145" t="s">
        <v>50</v>
      </c>
      <c r="BY5" s="145" t="s">
        <v>51</v>
      </c>
      <c r="BZ5" s="149" t="s">
        <v>45</v>
      </c>
      <c r="CA5" s="456"/>
      <c r="CB5" s="144" t="s">
        <v>43</v>
      </c>
      <c r="CC5" s="145" t="s">
        <v>44</v>
      </c>
      <c r="CD5" s="149" t="s">
        <v>45</v>
      </c>
      <c r="CE5" s="147" t="s">
        <v>83</v>
      </c>
      <c r="CF5" s="145" t="s">
        <v>47</v>
      </c>
      <c r="CG5" s="145" t="s">
        <v>48</v>
      </c>
      <c r="CH5" s="145" t="s">
        <v>49</v>
      </c>
      <c r="CI5" s="145" t="s">
        <v>50</v>
      </c>
      <c r="CJ5" s="145" t="s">
        <v>51</v>
      </c>
      <c r="CK5" s="149" t="s">
        <v>45</v>
      </c>
      <c r="CL5" s="456"/>
      <c r="CM5" s="144" t="s">
        <v>43</v>
      </c>
      <c r="CN5" s="145" t="s">
        <v>44</v>
      </c>
      <c r="CO5" s="149" t="s">
        <v>45</v>
      </c>
      <c r="CP5" s="147" t="s">
        <v>83</v>
      </c>
      <c r="CQ5" s="145" t="s">
        <v>47</v>
      </c>
      <c r="CR5" s="145" t="s">
        <v>48</v>
      </c>
      <c r="CS5" s="145" t="s">
        <v>49</v>
      </c>
      <c r="CT5" s="145" t="s">
        <v>50</v>
      </c>
      <c r="CU5" s="145" t="s">
        <v>51</v>
      </c>
      <c r="CV5" s="149" t="s">
        <v>45</v>
      </c>
      <c r="CW5" s="456"/>
      <c r="CX5" s="144" t="s">
        <v>43</v>
      </c>
      <c r="CY5" s="145" t="s">
        <v>44</v>
      </c>
      <c r="CZ5" s="149" t="s">
        <v>45</v>
      </c>
      <c r="DA5" s="147" t="s">
        <v>83</v>
      </c>
      <c r="DB5" s="145" t="s">
        <v>47</v>
      </c>
      <c r="DC5" s="145" t="s">
        <v>48</v>
      </c>
      <c r="DD5" s="145" t="s">
        <v>49</v>
      </c>
      <c r="DE5" s="145" t="s">
        <v>50</v>
      </c>
      <c r="DF5" s="145" t="s">
        <v>51</v>
      </c>
      <c r="DG5" s="149" t="s">
        <v>45</v>
      </c>
      <c r="DH5" s="456"/>
      <c r="DI5" s="144" t="s">
        <v>43</v>
      </c>
      <c r="DJ5" s="145" t="s">
        <v>44</v>
      </c>
      <c r="DK5" s="149" t="s">
        <v>45</v>
      </c>
      <c r="DL5" s="147" t="s">
        <v>83</v>
      </c>
      <c r="DM5" s="145" t="s">
        <v>47</v>
      </c>
      <c r="DN5" s="145" t="s">
        <v>48</v>
      </c>
      <c r="DO5" s="145" t="s">
        <v>49</v>
      </c>
      <c r="DP5" s="145" t="s">
        <v>50</v>
      </c>
      <c r="DQ5" s="145" t="s">
        <v>51</v>
      </c>
      <c r="DR5" s="149" t="s">
        <v>45</v>
      </c>
      <c r="DS5" s="456"/>
      <c r="DT5" s="144" t="s">
        <v>43</v>
      </c>
      <c r="DU5" s="145" t="s">
        <v>44</v>
      </c>
      <c r="DV5" s="149" t="s">
        <v>45</v>
      </c>
      <c r="DW5" s="147" t="s">
        <v>83</v>
      </c>
      <c r="DX5" s="145" t="s">
        <v>47</v>
      </c>
      <c r="DY5" s="145" t="s">
        <v>48</v>
      </c>
      <c r="DZ5" s="145" t="s">
        <v>49</v>
      </c>
      <c r="EA5" s="145" t="s">
        <v>50</v>
      </c>
      <c r="EB5" s="145" t="s">
        <v>51</v>
      </c>
      <c r="EC5" s="149" t="s">
        <v>45</v>
      </c>
      <c r="ED5" s="456"/>
      <c r="EE5" s="144" t="s">
        <v>43</v>
      </c>
      <c r="EF5" s="145" t="s">
        <v>44</v>
      </c>
      <c r="EG5" s="149" t="s">
        <v>45</v>
      </c>
      <c r="EH5" s="147" t="s">
        <v>83</v>
      </c>
      <c r="EI5" s="145" t="s">
        <v>47</v>
      </c>
      <c r="EJ5" s="145" t="s">
        <v>48</v>
      </c>
      <c r="EK5" s="145" t="s">
        <v>49</v>
      </c>
      <c r="EL5" s="145" t="s">
        <v>50</v>
      </c>
      <c r="EM5" s="145" t="s">
        <v>51</v>
      </c>
      <c r="EN5" s="149" t="s">
        <v>45</v>
      </c>
      <c r="EO5" s="456"/>
      <c r="EP5" s="144" t="s">
        <v>43</v>
      </c>
      <c r="EQ5" s="145" t="s">
        <v>44</v>
      </c>
      <c r="ER5" s="149" t="s">
        <v>45</v>
      </c>
      <c r="ES5" s="147" t="s">
        <v>83</v>
      </c>
      <c r="ET5" s="145" t="s">
        <v>47</v>
      </c>
      <c r="EU5" s="145" t="s">
        <v>48</v>
      </c>
      <c r="EV5" s="145" t="s">
        <v>49</v>
      </c>
      <c r="EW5" s="145" t="s">
        <v>50</v>
      </c>
      <c r="EX5" s="145" t="s">
        <v>51</v>
      </c>
      <c r="EY5" s="149" t="s">
        <v>45</v>
      </c>
      <c r="EZ5" s="456"/>
    </row>
    <row r="6" spans="2:156" ht="21" customHeight="1" x14ac:dyDescent="0.2">
      <c r="B6" s="150" t="s">
        <v>4</v>
      </c>
      <c r="C6" s="151">
        <v>0</v>
      </c>
      <c r="D6" s="152">
        <v>0</v>
      </c>
      <c r="E6" s="153">
        <v>0</v>
      </c>
      <c r="F6" s="154">
        <v>0</v>
      </c>
      <c r="G6" s="152">
        <v>1159</v>
      </c>
      <c r="H6" s="152">
        <v>1305</v>
      </c>
      <c r="I6" s="152">
        <v>720</v>
      </c>
      <c r="J6" s="152">
        <v>546</v>
      </c>
      <c r="K6" s="152">
        <v>384</v>
      </c>
      <c r="L6" s="155">
        <v>4114</v>
      </c>
      <c r="M6" s="156">
        <v>4114</v>
      </c>
      <c r="N6" s="151">
        <v>0</v>
      </c>
      <c r="O6" s="152">
        <v>1</v>
      </c>
      <c r="P6" s="157">
        <v>1</v>
      </c>
      <c r="Q6" s="154">
        <v>0</v>
      </c>
      <c r="R6" s="152">
        <v>3</v>
      </c>
      <c r="S6" s="152">
        <v>29</v>
      </c>
      <c r="T6" s="152">
        <v>53</v>
      </c>
      <c r="U6" s="152">
        <v>107</v>
      </c>
      <c r="V6" s="152">
        <v>186</v>
      </c>
      <c r="W6" s="157">
        <v>378</v>
      </c>
      <c r="X6" s="156">
        <v>379</v>
      </c>
      <c r="Y6" s="151">
        <v>198</v>
      </c>
      <c r="Z6" s="152">
        <v>434</v>
      </c>
      <c r="AA6" s="157">
        <v>632</v>
      </c>
      <c r="AB6" s="154">
        <v>0</v>
      </c>
      <c r="AC6" s="152">
        <v>932</v>
      </c>
      <c r="AD6" s="152">
        <v>1312</v>
      </c>
      <c r="AE6" s="152">
        <v>786</v>
      </c>
      <c r="AF6" s="152">
        <v>561</v>
      </c>
      <c r="AG6" s="152">
        <v>355</v>
      </c>
      <c r="AH6" s="157">
        <v>3946</v>
      </c>
      <c r="AI6" s="156">
        <v>4578</v>
      </c>
      <c r="AJ6" s="151">
        <v>27</v>
      </c>
      <c r="AK6" s="152">
        <v>54</v>
      </c>
      <c r="AL6" s="157">
        <v>81</v>
      </c>
      <c r="AM6" s="154">
        <v>0</v>
      </c>
      <c r="AN6" s="152">
        <v>92</v>
      </c>
      <c r="AO6" s="152">
        <v>104</v>
      </c>
      <c r="AP6" s="152">
        <v>76</v>
      </c>
      <c r="AQ6" s="152">
        <v>67</v>
      </c>
      <c r="AR6" s="152">
        <v>39</v>
      </c>
      <c r="AS6" s="157">
        <v>378</v>
      </c>
      <c r="AT6" s="156">
        <v>459</v>
      </c>
      <c r="AU6" s="151">
        <v>287</v>
      </c>
      <c r="AV6" s="152">
        <v>379</v>
      </c>
      <c r="AW6" s="157">
        <v>666</v>
      </c>
      <c r="AX6" s="154">
        <v>0</v>
      </c>
      <c r="AY6" s="152">
        <v>1395</v>
      </c>
      <c r="AZ6" s="152">
        <v>1698</v>
      </c>
      <c r="BA6" s="152">
        <v>1471</v>
      </c>
      <c r="BB6" s="152">
        <v>1291</v>
      </c>
      <c r="BC6" s="152">
        <v>817</v>
      </c>
      <c r="BD6" s="155">
        <v>6672</v>
      </c>
      <c r="BE6" s="156">
        <v>7338</v>
      </c>
      <c r="BF6" s="151">
        <v>0</v>
      </c>
      <c r="BG6" s="152">
        <v>0</v>
      </c>
      <c r="BH6" s="157">
        <v>0</v>
      </c>
      <c r="BI6" s="154">
        <v>0</v>
      </c>
      <c r="BJ6" s="152">
        <v>1629</v>
      </c>
      <c r="BK6" s="152">
        <v>1408</v>
      </c>
      <c r="BL6" s="152">
        <v>718</v>
      </c>
      <c r="BM6" s="152">
        <v>345</v>
      </c>
      <c r="BN6" s="152">
        <v>131</v>
      </c>
      <c r="BO6" s="157">
        <v>4231</v>
      </c>
      <c r="BP6" s="156">
        <v>4231</v>
      </c>
      <c r="BQ6" s="151">
        <v>144</v>
      </c>
      <c r="BR6" s="152">
        <v>177</v>
      </c>
      <c r="BS6" s="157">
        <v>321</v>
      </c>
      <c r="BT6" s="154">
        <v>0</v>
      </c>
      <c r="BU6" s="152">
        <v>394</v>
      </c>
      <c r="BV6" s="152">
        <v>508</v>
      </c>
      <c r="BW6" s="152">
        <v>303</v>
      </c>
      <c r="BX6" s="152">
        <v>169</v>
      </c>
      <c r="BY6" s="152">
        <v>45</v>
      </c>
      <c r="BZ6" s="157">
        <v>1419</v>
      </c>
      <c r="CA6" s="156">
        <v>1740</v>
      </c>
      <c r="CB6" s="151">
        <v>4</v>
      </c>
      <c r="CC6" s="152">
        <v>15</v>
      </c>
      <c r="CD6" s="157">
        <v>19</v>
      </c>
      <c r="CE6" s="154">
        <v>0</v>
      </c>
      <c r="CF6" s="152">
        <v>173</v>
      </c>
      <c r="CG6" s="152">
        <v>265</v>
      </c>
      <c r="CH6" s="152">
        <v>288</v>
      </c>
      <c r="CI6" s="152">
        <v>190</v>
      </c>
      <c r="CJ6" s="152">
        <v>90</v>
      </c>
      <c r="CK6" s="157">
        <v>1006</v>
      </c>
      <c r="CL6" s="156">
        <v>1025</v>
      </c>
      <c r="CM6" s="151">
        <v>0</v>
      </c>
      <c r="CN6" s="152">
        <v>3</v>
      </c>
      <c r="CO6" s="157">
        <v>3</v>
      </c>
      <c r="CP6" s="154">
        <v>0</v>
      </c>
      <c r="CQ6" s="152">
        <v>18</v>
      </c>
      <c r="CR6" s="152">
        <v>40</v>
      </c>
      <c r="CS6" s="152">
        <v>64</v>
      </c>
      <c r="CT6" s="152">
        <v>44</v>
      </c>
      <c r="CU6" s="152">
        <v>16</v>
      </c>
      <c r="CV6" s="157">
        <v>182</v>
      </c>
      <c r="CW6" s="156">
        <v>185</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659</v>
      </c>
      <c r="DU6" s="152">
        <v>1386</v>
      </c>
      <c r="DV6" s="157">
        <v>2045</v>
      </c>
      <c r="DW6" s="154">
        <v>0</v>
      </c>
      <c r="DX6" s="152">
        <v>1768</v>
      </c>
      <c r="DY6" s="152">
        <v>3096</v>
      </c>
      <c r="DZ6" s="152">
        <v>1776</v>
      </c>
      <c r="EA6" s="152">
        <v>1249</v>
      </c>
      <c r="EB6" s="152">
        <v>696</v>
      </c>
      <c r="EC6" s="157">
        <v>8585</v>
      </c>
      <c r="ED6" s="156">
        <v>10630</v>
      </c>
      <c r="EE6" s="151">
        <v>178</v>
      </c>
      <c r="EF6" s="152">
        <v>126</v>
      </c>
      <c r="EG6" s="157">
        <v>304</v>
      </c>
      <c r="EH6" s="154">
        <v>0</v>
      </c>
      <c r="EI6" s="152">
        <v>551</v>
      </c>
      <c r="EJ6" s="152">
        <v>520</v>
      </c>
      <c r="EK6" s="152">
        <v>442</v>
      </c>
      <c r="EL6" s="152">
        <v>468</v>
      </c>
      <c r="EM6" s="152">
        <v>220</v>
      </c>
      <c r="EN6" s="157">
        <v>2201</v>
      </c>
      <c r="EO6" s="156">
        <v>2505</v>
      </c>
      <c r="EP6" s="151">
        <v>934</v>
      </c>
      <c r="EQ6" s="152">
        <v>1765</v>
      </c>
      <c r="ER6" s="157">
        <v>2699</v>
      </c>
      <c r="ES6" s="154">
        <v>0</v>
      </c>
      <c r="ET6" s="152">
        <v>4081</v>
      </c>
      <c r="EU6" s="152">
        <v>4157</v>
      </c>
      <c r="EV6" s="152">
        <v>2105</v>
      </c>
      <c r="EW6" s="152">
        <v>1302</v>
      </c>
      <c r="EX6" s="152">
        <v>685</v>
      </c>
      <c r="EY6" s="157">
        <v>12330</v>
      </c>
      <c r="EZ6" s="156">
        <v>15029</v>
      </c>
    </row>
    <row r="7" spans="2:156" ht="21" customHeight="1" x14ac:dyDescent="0.2">
      <c r="B7" s="158" t="s">
        <v>5</v>
      </c>
      <c r="C7" s="159">
        <v>0</v>
      </c>
      <c r="D7" s="160">
        <v>0</v>
      </c>
      <c r="E7" s="161">
        <v>0</v>
      </c>
      <c r="F7" s="162">
        <v>0</v>
      </c>
      <c r="G7" s="160">
        <v>481</v>
      </c>
      <c r="H7" s="160">
        <v>656</v>
      </c>
      <c r="I7" s="160">
        <v>342</v>
      </c>
      <c r="J7" s="160">
        <v>245</v>
      </c>
      <c r="K7" s="160">
        <v>163</v>
      </c>
      <c r="L7" s="163">
        <v>1887</v>
      </c>
      <c r="M7" s="164">
        <v>1887</v>
      </c>
      <c r="N7" s="159">
        <v>0</v>
      </c>
      <c r="O7" s="160">
        <v>1</v>
      </c>
      <c r="P7" s="165">
        <v>1</v>
      </c>
      <c r="Q7" s="162">
        <v>0</v>
      </c>
      <c r="R7" s="160">
        <v>1</v>
      </c>
      <c r="S7" s="160">
        <v>12</v>
      </c>
      <c r="T7" s="160">
        <v>20</v>
      </c>
      <c r="U7" s="160">
        <v>49</v>
      </c>
      <c r="V7" s="160">
        <v>85</v>
      </c>
      <c r="W7" s="165">
        <v>167</v>
      </c>
      <c r="X7" s="164">
        <v>168</v>
      </c>
      <c r="Y7" s="159">
        <v>97</v>
      </c>
      <c r="Z7" s="160">
        <v>254</v>
      </c>
      <c r="AA7" s="165">
        <v>351</v>
      </c>
      <c r="AB7" s="162">
        <v>0</v>
      </c>
      <c r="AC7" s="160">
        <v>371</v>
      </c>
      <c r="AD7" s="160">
        <v>692</v>
      </c>
      <c r="AE7" s="160">
        <v>400</v>
      </c>
      <c r="AF7" s="160">
        <v>271</v>
      </c>
      <c r="AG7" s="160">
        <v>149</v>
      </c>
      <c r="AH7" s="165">
        <v>1883</v>
      </c>
      <c r="AI7" s="164">
        <v>2234</v>
      </c>
      <c r="AJ7" s="159">
        <v>9</v>
      </c>
      <c r="AK7" s="160">
        <v>29</v>
      </c>
      <c r="AL7" s="165">
        <v>38</v>
      </c>
      <c r="AM7" s="162">
        <v>0</v>
      </c>
      <c r="AN7" s="160">
        <v>29</v>
      </c>
      <c r="AO7" s="160">
        <v>39</v>
      </c>
      <c r="AP7" s="160">
        <v>32</v>
      </c>
      <c r="AQ7" s="160">
        <v>21</v>
      </c>
      <c r="AR7" s="160">
        <v>17</v>
      </c>
      <c r="AS7" s="165">
        <v>138</v>
      </c>
      <c r="AT7" s="164">
        <v>176</v>
      </c>
      <c r="AU7" s="159">
        <v>124</v>
      </c>
      <c r="AV7" s="160">
        <v>219</v>
      </c>
      <c r="AW7" s="165">
        <v>343</v>
      </c>
      <c r="AX7" s="162">
        <v>0</v>
      </c>
      <c r="AY7" s="160">
        <v>507</v>
      </c>
      <c r="AZ7" s="160">
        <v>784</v>
      </c>
      <c r="BA7" s="160">
        <v>657</v>
      </c>
      <c r="BB7" s="160">
        <v>557</v>
      </c>
      <c r="BC7" s="160">
        <v>351</v>
      </c>
      <c r="BD7" s="163">
        <v>2856</v>
      </c>
      <c r="BE7" s="164">
        <v>3199</v>
      </c>
      <c r="BF7" s="159">
        <v>0</v>
      </c>
      <c r="BG7" s="160">
        <v>0</v>
      </c>
      <c r="BH7" s="165">
        <v>0</v>
      </c>
      <c r="BI7" s="162">
        <v>0</v>
      </c>
      <c r="BJ7" s="160">
        <v>557</v>
      </c>
      <c r="BK7" s="160">
        <v>582</v>
      </c>
      <c r="BL7" s="160">
        <v>285</v>
      </c>
      <c r="BM7" s="160">
        <v>136</v>
      </c>
      <c r="BN7" s="160">
        <v>60</v>
      </c>
      <c r="BO7" s="165">
        <v>1620</v>
      </c>
      <c r="BP7" s="164">
        <v>1620</v>
      </c>
      <c r="BQ7" s="159">
        <v>72</v>
      </c>
      <c r="BR7" s="160">
        <v>97</v>
      </c>
      <c r="BS7" s="165">
        <v>169</v>
      </c>
      <c r="BT7" s="162">
        <v>0</v>
      </c>
      <c r="BU7" s="160">
        <v>134</v>
      </c>
      <c r="BV7" s="160">
        <v>249</v>
      </c>
      <c r="BW7" s="160">
        <v>149</v>
      </c>
      <c r="BX7" s="160">
        <v>88</v>
      </c>
      <c r="BY7" s="160">
        <v>19</v>
      </c>
      <c r="BZ7" s="165">
        <v>639</v>
      </c>
      <c r="CA7" s="164">
        <v>808</v>
      </c>
      <c r="CB7" s="159">
        <v>1</v>
      </c>
      <c r="CC7" s="160">
        <v>6</v>
      </c>
      <c r="CD7" s="165">
        <v>7</v>
      </c>
      <c r="CE7" s="162">
        <v>0</v>
      </c>
      <c r="CF7" s="160">
        <v>60</v>
      </c>
      <c r="CG7" s="160">
        <v>93</v>
      </c>
      <c r="CH7" s="160">
        <v>114</v>
      </c>
      <c r="CI7" s="160">
        <v>75</v>
      </c>
      <c r="CJ7" s="160">
        <v>36</v>
      </c>
      <c r="CK7" s="165">
        <v>378</v>
      </c>
      <c r="CL7" s="164">
        <v>385</v>
      </c>
      <c r="CM7" s="159">
        <v>0</v>
      </c>
      <c r="CN7" s="160">
        <v>2</v>
      </c>
      <c r="CO7" s="165">
        <v>2</v>
      </c>
      <c r="CP7" s="162">
        <v>0</v>
      </c>
      <c r="CQ7" s="160">
        <v>5</v>
      </c>
      <c r="CR7" s="160">
        <v>23</v>
      </c>
      <c r="CS7" s="160">
        <v>35</v>
      </c>
      <c r="CT7" s="160">
        <v>30</v>
      </c>
      <c r="CU7" s="160">
        <v>12</v>
      </c>
      <c r="CV7" s="165">
        <v>105</v>
      </c>
      <c r="CW7" s="164">
        <v>107</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239</v>
      </c>
      <c r="DU7" s="160">
        <v>665</v>
      </c>
      <c r="DV7" s="165">
        <v>904</v>
      </c>
      <c r="DW7" s="162">
        <v>0</v>
      </c>
      <c r="DX7" s="160">
        <v>574</v>
      </c>
      <c r="DY7" s="160">
        <v>1437</v>
      </c>
      <c r="DZ7" s="160">
        <v>809</v>
      </c>
      <c r="EA7" s="160">
        <v>557</v>
      </c>
      <c r="EB7" s="160">
        <v>304</v>
      </c>
      <c r="EC7" s="165">
        <v>3681</v>
      </c>
      <c r="ED7" s="164">
        <v>4585</v>
      </c>
      <c r="EE7" s="159">
        <v>69</v>
      </c>
      <c r="EF7" s="160">
        <v>71</v>
      </c>
      <c r="EG7" s="165">
        <v>140</v>
      </c>
      <c r="EH7" s="162">
        <v>0</v>
      </c>
      <c r="EI7" s="160">
        <v>189</v>
      </c>
      <c r="EJ7" s="160">
        <v>244</v>
      </c>
      <c r="EK7" s="160">
        <v>190</v>
      </c>
      <c r="EL7" s="160">
        <v>214</v>
      </c>
      <c r="EM7" s="160">
        <v>98</v>
      </c>
      <c r="EN7" s="165">
        <v>935</v>
      </c>
      <c r="EO7" s="164">
        <v>1075</v>
      </c>
      <c r="EP7" s="159">
        <v>378</v>
      </c>
      <c r="EQ7" s="160">
        <v>882</v>
      </c>
      <c r="ER7" s="165">
        <v>1260</v>
      </c>
      <c r="ES7" s="162">
        <v>0</v>
      </c>
      <c r="ET7" s="160">
        <v>1504</v>
      </c>
      <c r="EU7" s="160">
        <v>1978</v>
      </c>
      <c r="EV7" s="160">
        <v>975</v>
      </c>
      <c r="EW7" s="160">
        <v>594</v>
      </c>
      <c r="EX7" s="160">
        <v>298</v>
      </c>
      <c r="EY7" s="165">
        <v>5349</v>
      </c>
      <c r="EZ7" s="164">
        <v>6609</v>
      </c>
    </row>
    <row r="8" spans="2:156" ht="21" customHeight="1" x14ac:dyDescent="0.2">
      <c r="B8" s="166" t="s">
        <v>6</v>
      </c>
      <c r="C8" s="159">
        <v>0</v>
      </c>
      <c r="D8" s="160">
        <v>0</v>
      </c>
      <c r="E8" s="161">
        <v>0</v>
      </c>
      <c r="F8" s="162">
        <v>0</v>
      </c>
      <c r="G8" s="160">
        <v>175</v>
      </c>
      <c r="H8" s="160">
        <v>164</v>
      </c>
      <c r="I8" s="160">
        <v>73</v>
      </c>
      <c r="J8" s="160">
        <v>59</v>
      </c>
      <c r="K8" s="160">
        <v>44</v>
      </c>
      <c r="L8" s="163">
        <v>515</v>
      </c>
      <c r="M8" s="164">
        <v>515</v>
      </c>
      <c r="N8" s="159">
        <v>0</v>
      </c>
      <c r="O8" s="160">
        <v>0</v>
      </c>
      <c r="P8" s="165">
        <v>0</v>
      </c>
      <c r="Q8" s="162">
        <v>0</v>
      </c>
      <c r="R8" s="160">
        <v>0</v>
      </c>
      <c r="S8" s="160">
        <v>2</v>
      </c>
      <c r="T8" s="160">
        <v>3</v>
      </c>
      <c r="U8" s="160">
        <v>6</v>
      </c>
      <c r="V8" s="160">
        <v>20</v>
      </c>
      <c r="W8" s="165">
        <v>31</v>
      </c>
      <c r="X8" s="164">
        <v>31</v>
      </c>
      <c r="Y8" s="159">
        <v>16</v>
      </c>
      <c r="Z8" s="160">
        <v>46</v>
      </c>
      <c r="AA8" s="165">
        <v>62</v>
      </c>
      <c r="AB8" s="162">
        <v>0</v>
      </c>
      <c r="AC8" s="160">
        <v>140</v>
      </c>
      <c r="AD8" s="160">
        <v>169</v>
      </c>
      <c r="AE8" s="160">
        <v>70</v>
      </c>
      <c r="AF8" s="160">
        <v>61</v>
      </c>
      <c r="AG8" s="160">
        <v>49</v>
      </c>
      <c r="AH8" s="165">
        <v>489</v>
      </c>
      <c r="AI8" s="164">
        <v>551</v>
      </c>
      <c r="AJ8" s="159">
        <v>2</v>
      </c>
      <c r="AK8" s="160">
        <v>3</v>
      </c>
      <c r="AL8" s="165">
        <v>5</v>
      </c>
      <c r="AM8" s="162">
        <v>0</v>
      </c>
      <c r="AN8" s="160">
        <v>18</v>
      </c>
      <c r="AO8" s="160">
        <v>19</v>
      </c>
      <c r="AP8" s="160">
        <v>9</v>
      </c>
      <c r="AQ8" s="160">
        <v>10</v>
      </c>
      <c r="AR8" s="160">
        <v>4</v>
      </c>
      <c r="AS8" s="165">
        <v>60</v>
      </c>
      <c r="AT8" s="164">
        <v>65</v>
      </c>
      <c r="AU8" s="159">
        <v>47</v>
      </c>
      <c r="AV8" s="160">
        <v>50</v>
      </c>
      <c r="AW8" s="165">
        <v>97</v>
      </c>
      <c r="AX8" s="162">
        <v>0</v>
      </c>
      <c r="AY8" s="160">
        <v>240</v>
      </c>
      <c r="AZ8" s="160">
        <v>247</v>
      </c>
      <c r="BA8" s="160">
        <v>166</v>
      </c>
      <c r="BB8" s="160">
        <v>170</v>
      </c>
      <c r="BC8" s="160">
        <v>111</v>
      </c>
      <c r="BD8" s="163">
        <v>934</v>
      </c>
      <c r="BE8" s="164">
        <v>1031</v>
      </c>
      <c r="BF8" s="159">
        <v>0</v>
      </c>
      <c r="BG8" s="160">
        <v>0</v>
      </c>
      <c r="BH8" s="165">
        <v>0</v>
      </c>
      <c r="BI8" s="162">
        <v>0</v>
      </c>
      <c r="BJ8" s="160">
        <v>242</v>
      </c>
      <c r="BK8" s="160">
        <v>211</v>
      </c>
      <c r="BL8" s="160">
        <v>87</v>
      </c>
      <c r="BM8" s="160">
        <v>43</v>
      </c>
      <c r="BN8" s="160">
        <v>16</v>
      </c>
      <c r="BO8" s="165">
        <v>599</v>
      </c>
      <c r="BP8" s="164">
        <v>599</v>
      </c>
      <c r="BQ8" s="159">
        <v>12</v>
      </c>
      <c r="BR8" s="160">
        <v>11</v>
      </c>
      <c r="BS8" s="165">
        <v>23</v>
      </c>
      <c r="BT8" s="162">
        <v>0</v>
      </c>
      <c r="BU8" s="160">
        <v>50</v>
      </c>
      <c r="BV8" s="160">
        <v>57</v>
      </c>
      <c r="BW8" s="160">
        <v>31</v>
      </c>
      <c r="BX8" s="160">
        <v>18</v>
      </c>
      <c r="BY8" s="160">
        <v>4</v>
      </c>
      <c r="BZ8" s="165">
        <v>160</v>
      </c>
      <c r="CA8" s="164">
        <v>183</v>
      </c>
      <c r="CB8" s="159">
        <v>0</v>
      </c>
      <c r="CC8" s="160">
        <v>2</v>
      </c>
      <c r="CD8" s="165">
        <v>2</v>
      </c>
      <c r="CE8" s="162">
        <v>0</v>
      </c>
      <c r="CF8" s="160">
        <v>16</v>
      </c>
      <c r="CG8" s="160">
        <v>34</v>
      </c>
      <c r="CH8" s="160">
        <v>31</v>
      </c>
      <c r="CI8" s="160">
        <v>17</v>
      </c>
      <c r="CJ8" s="160">
        <v>10</v>
      </c>
      <c r="CK8" s="165">
        <v>108</v>
      </c>
      <c r="CL8" s="164">
        <v>110</v>
      </c>
      <c r="CM8" s="159">
        <v>0</v>
      </c>
      <c r="CN8" s="160">
        <v>0</v>
      </c>
      <c r="CO8" s="165">
        <v>0</v>
      </c>
      <c r="CP8" s="162">
        <v>0</v>
      </c>
      <c r="CQ8" s="160">
        <v>1</v>
      </c>
      <c r="CR8" s="160">
        <v>4</v>
      </c>
      <c r="CS8" s="160">
        <v>7</v>
      </c>
      <c r="CT8" s="160">
        <v>3</v>
      </c>
      <c r="CU8" s="160">
        <v>3</v>
      </c>
      <c r="CV8" s="165">
        <v>18</v>
      </c>
      <c r="CW8" s="164">
        <v>18</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75</v>
      </c>
      <c r="DU8" s="160">
        <v>129</v>
      </c>
      <c r="DV8" s="165">
        <v>204</v>
      </c>
      <c r="DW8" s="162">
        <v>0</v>
      </c>
      <c r="DX8" s="160">
        <v>268</v>
      </c>
      <c r="DY8" s="160">
        <v>391</v>
      </c>
      <c r="DZ8" s="160">
        <v>187</v>
      </c>
      <c r="EA8" s="160">
        <v>153</v>
      </c>
      <c r="EB8" s="160">
        <v>91</v>
      </c>
      <c r="EC8" s="165">
        <v>1090</v>
      </c>
      <c r="ED8" s="164">
        <v>1294</v>
      </c>
      <c r="EE8" s="159">
        <v>27</v>
      </c>
      <c r="EF8" s="160">
        <v>13</v>
      </c>
      <c r="EG8" s="165">
        <v>40</v>
      </c>
      <c r="EH8" s="162">
        <v>0</v>
      </c>
      <c r="EI8" s="160">
        <v>97</v>
      </c>
      <c r="EJ8" s="160">
        <v>64</v>
      </c>
      <c r="EK8" s="160">
        <v>56</v>
      </c>
      <c r="EL8" s="160">
        <v>61</v>
      </c>
      <c r="EM8" s="160">
        <v>27</v>
      </c>
      <c r="EN8" s="165">
        <v>305</v>
      </c>
      <c r="EO8" s="164">
        <v>345</v>
      </c>
      <c r="EP8" s="159">
        <v>89</v>
      </c>
      <c r="EQ8" s="160">
        <v>166</v>
      </c>
      <c r="ER8" s="165">
        <v>255</v>
      </c>
      <c r="ES8" s="162">
        <v>0</v>
      </c>
      <c r="ET8" s="160">
        <v>585</v>
      </c>
      <c r="EU8" s="160">
        <v>520</v>
      </c>
      <c r="EV8" s="160">
        <v>222</v>
      </c>
      <c r="EW8" s="160">
        <v>145</v>
      </c>
      <c r="EX8" s="160">
        <v>87</v>
      </c>
      <c r="EY8" s="165">
        <v>1559</v>
      </c>
      <c r="EZ8" s="164">
        <v>1814</v>
      </c>
    </row>
    <row r="9" spans="2:156" ht="21" customHeight="1" x14ac:dyDescent="0.2">
      <c r="B9" s="166" t="s">
        <v>14</v>
      </c>
      <c r="C9" s="159">
        <v>0</v>
      </c>
      <c r="D9" s="160">
        <v>0</v>
      </c>
      <c r="E9" s="161">
        <v>0</v>
      </c>
      <c r="F9" s="162">
        <v>0</v>
      </c>
      <c r="G9" s="160">
        <v>56</v>
      </c>
      <c r="H9" s="160">
        <v>107</v>
      </c>
      <c r="I9" s="160">
        <v>57</v>
      </c>
      <c r="J9" s="160">
        <v>37</v>
      </c>
      <c r="K9" s="160">
        <v>28</v>
      </c>
      <c r="L9" s="163">
        <v>285</v>
      </c>
      <c r="M9" s="164">
        <v>285</v>
      </c>
      <c r="N9" s="159">
        <v>0</v>
      </c>
      <c r="O9" s="160">
        <v>0</v>
      </c>
      <c r="P9" s="165">
        <v>0</v>
      </c>
      <c r="Q9" s="162">
        <v>0</v>
      </c>
      <c r="R9" s="160">
        <v>0</v>
      </c>
      <c r="S9" s="160">
        <v>2</v>
      </c>
      <c r="T9" s="160">
        <v>5</v>
      </c>
      <c r="U9" s="160">
        <v>6</v>
      </c>
      <c r="V9" s="160">
        <v>6</v>
      </c>
      <c r="W9" s="165">
        <v>19</v>
      </c>
      <c r="X9" s="164">
        <v>19</v>
      </c>
      <c r="Y9" s="159">
        <v>12</v>
      </c>
      <c r="Z9" s="160">
        <v>28</v>
      </c>
      <c r="AA9" s="165">
        <v>40</v>
      </c>
      <c r="AB9" s="162">
        <v>0</v>
      </c>
      <c r="AC9" s="160">
        <v>48</v>
      </c>
      <c r="AD9" s="160">
        <v>93</v>
      </c>
      <c r="AE9" s="160">
        <v>59</v>
      </c>
      <c r="AF9" s="160">
        <v>41</v>
      </c>
      <c r="AG9" s="160">
        <v>27</v>
      </c>
      <c r="AH9" s="165">
        <v>268</v>
      </c>
      <c r="AI9" s="164">
        <v>308</v>
      </c>
      <c r="AJ9" s="159">
        <v>1</v>
      </c>
      <c r="AK9" s="160">
        <v>2</v>
      </c>
      <c r="AL9" s="165">
        <v>3</v>
      </c>
      <c r="AM9" s="162">
        <v>0</v>
      </c>
      <c r="AN9" s="160">
        <v>0</v>
      </c>
      <c r="AO9" s="160">
        <v>3</v>
      </c>
      <c r="AP9" s="160">
        <v>2</v>
      </c>
      <c r="AQ9" s="160">
        <v>5</v>
      </c>
      <c r="AR9" s="160">
        <v>0</v>
      </c>
      <c r="AS9" s="165">
        <v>10</v>
      </c>
      <c r="AT9" s="164">
        <v>13</v>
      </c>
      <c r="AU9" s="159">
        <v>24</v>
      </c>
      <c r="AV9" s="160">
        <v>20</v>
      </c>
      <c r="AW9" s="165">
        <v>44</v>
      </c>
      <c r="AX9" s="162">
        <v>0</v>
      </c>
      <c r="AY9" s="160">
        <v>86</v>
      </c>
      <c r="AZ9" s="160">
        <v>120</v>
      </c>
      <c r="BA9" s="160">
        <v>116</v>
      </c>
      <c r="BB9" s="160">
        <v>97</v>
      </c>
      <c r="BC9" s="160">
        <v>56</v>
      </c>
      <c r="BD9" s="163">
        <v>475</v>
      </c>
      <c r="BE9" s="164">
        <v>519</v>
      </c>
      <c r="BF9" s="159">
        <v>0</v>
      </c>
      <c r="BG9" s="160">
        <v>0</v>
      </c>
      <c r="BH9" s="165">
        <v>0</v>
      </c>
      <c r="BI9" s="162">
        <v>0</v>
      </c>
      <c r="BJ9" s="160">
        <v>110</v>
      </c>
      <c r="BK9" s="160">
        <v>121</v>
      </c>
      <c r="BL9" s="160">
        <v>85</v>
      </c>
      <c r="BM9" s="160">
        <v>35</v>
      </c>
      <c r="BN9" s="160">
        <v>10</v>
      </c>
      <c r="BO9" s="165">
        <v>361</v>
      </c>
      <c r="BP9" s="164">
        <v>361</v>
      </c>
      <c r="BQ9" s="159">
        <v>6</v>
      </c>
      <c r="BR9" s="160">
        <v>12</v>
      </c>
      <c r="BS9" s="165">
        <v>18</v>
      </c>
      <c r="BT9" s="162">
        <v>0</v>
      </c>
      <c r="BU9" s="160">
        <v>12</v>
      </c>
      <c r="BV9" s="160">
        <v>26</v>
      </c>
      <c r="BW9" s="160">
        <v>16</v>
      </c>
      <c r="BX9" s="160">
        <v>8</v>
      </c>
      <c r="BY9" s="160">
        <v>1</v>
      </c>
      <c r="BZ9" s="165">
        <v>63</v>
      </c>
      <c r="CA9" s="164">
        <v>81</v>
      </c>
      <c r="CB9" s="159">
        <v>0</v>
      </c>
      <c r="CC9" s="160">
        <v>0</v>
      </c>
      <c r="CD9" s="165">
        <v>0</v>
      </c>
      <c r="CE9" s="162">
        <v>0</v>
      </c>
      <c r="CF9" s="160">
        <v>6</v>
      </c>
      <c r="CG9" s="160">
        <v>23</v>
      </c>
      <c r="CH9" s="160">
        <v>23</v>
      </c>
      <c r="CI9" s="160">
        <v>14</v>
      </c>
      <c r="CJ9" s="160">
        <v>5</v>
      </c>
      <c r="CK9" s="165">
        <v>71</v>
      </c>
      <c r="CL9" s="164">
        <v>71</v>
      </c>
      <c r="CM9" s="159">
        <v>0</v>
      </c>
      <c r="CN9" s="160">
        <v>0</v>
      </c>
      <c r="CO9" s="165">
        <v>0</v>
      </c>
      <c r="CP9" s="162">
        <v>0</v>
      </c>
      <c r="CQ9" s="160">
        <v>0</v>
      </c>
      <c r="CR9" s="160">
        <v>1</v>
      </c>
      <c r="CS9" s="160">
        <v>2</v>
      </c>
      <c r="CT9" s="160">
        <v>1</v>
      </c>
      <c r="CU9" s="160">
        <v>0</v>
      </c>
      <c r="CV9" s="165">
        <v>4</v>
      </c>
      <c r="CW9" s="164">
        <v>4</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37</v>
      </c>
      <c r="DU9" s="160">
        <v>116</v>
      </c>
      <c r="DV9" s="165">
        <v>153</v>
      </c>
      <c r="DW9" s="162">
        <v>0</v>
      </c>
      <c r="DX9" s="160">
        <v>118</v>
      </c>
      <c r="DY9" s="160">
        <v>245</v>
      </c>
      <c r="DZ9" s="160">
        <v>156</v>
      </c>
      <c r="EA9" s="160">
        <v>96</v>
      </c>
      <c r="EB9" s="160">
        <v>49</v>
      </c>
      <c r="EC9" s="165">
        <v>664</v>
      </c>
      <c r="ED9" s="164">
        <v>817</v>
      </c>
      <c r="EE9" s="159">
        <v>13</v>
      </c>
      <c r="EF9" s="160">
        <v>6</v>
      </c>
      <c r="EG9" s="165">
        <v>19</v>
      </c>
      <c r="EH9" s="162">
        <v>0</v>
      </c>
      <c r="EI9" s="160">
        <v>32</v>
      </c>
      <c r="EJ9" s="160">
        <v>29</v>
      </c>
      <c r="EK9" s="160">
        <v>30</v>
      </c>
      <c r="EL9" s="160">
        <v>20</v>
      </c>
      <c r="EM9" s="160">
        <v>14</v>
      </c>
      <c r="EN9" s="165">
        <v>125</v>
      </c>
      <c r="EO9" s="164">
        <v>144</v>
      </c>
      <c r="EP9" s="159">
        <v>49</v>
      </c>
      <c r="EQ9" s="160">
        <v>139</v>
      </c>
      <c r="ER9" s="165">
        <v>188</v>
      </c>
      <c r="ES9" s="162">
        <v>0</v>
      </c>
      <c r="ET9" s="160">
        <v>267</v>
      </c>
      <c r="EU9" s="160">
        <v>344</v>
      </c>
      <c r="EV9" s="160">
        <v>190</v>
      </c>
      <c r="EW9" s="160">
        <v>108</v>
      </c>
      <c r="EX9" s="160">
        <v>49</v>
      </c>
      <c r="EY9" s="165">
        <v>958</v>
      </c>
      <c r="EZ9" s="164">
        <v>1146</v>
      </c>
    </row>
    <row r="10" spans="2:156" ht="21" customHeight="1" x14ac:dyDescent="0.2">
      <c r="B10" s="166" t="s">
        <v>7</v>
      </c>
      <c r="C10" s="159">
        <v>0</v>
      </c>
      <c r="D10" s="160">
        <v>0</v>
      </c>
      <c r="E10" s="161">
        <v>0</v>
      </c>
      <c r="F10" s="162">
        <v>0</v>
      </c>
      <c r="G10" s="160">
        <v>97</v>
      </c>
      <c r="H10" s="160">
        <v>72</v>
      </c>
      <c r="I10" s="160">
        <v>40</v>
      </c>
      <c r="J10" s="160">
        <v>26</v>
      </c>
      <c r="K10" s="160">
        <v>25</v>
      </c>
      <c r="L10" s="163">
        <v>260</v>
      </c>
      <c r="M10" s="164">
        <v>260</v>
      </c>
      <c r="N10" s="159">
        <v>0</v>
      </c>
      <c r="O10" s="160">
        <v>0</v>
      </c>
      <c r="P10" s="165">
        <v>0</v>
      </c>
      <c r="Q10" s="162">
        <v>0</v>
      </c>
      <c r="R10" s="160">
        <v>0</v>
      </c>
      <c r="S10" s="160">
        <v>3</v>
      </c>
      <c r="T10" s="160">
        <v>4</v>
      </c>
      <c r="U10" s="160">
        <v>8</v>
      </c>
      <c r="V10" s="160">
        <v>14</v>
      </c>
      <c r="W10" s="165">
        <v>29</v>
      </c>
      <c r="X10" s="164">
        <v>29</v>
      </c>
      <c r="Y10" s="159">
        <v>4</v>
      </c>
      <c r="Z10" s="160">
        <v>3</v>
      </c>
      <c r="AA10" s="165">
        <v>7</v>
      </c>
      <c r="AB10" s="162">
        <v>0</v>
      </c>
      <c r="AC10" s="160">
        <v>55</v>
      </c>
      <c r="AD10" s="160">
        <v>46</v>
      </c>
      <c r="AE10" s="160">
        <v>26</v>
      </c>
      <c r="AF10" s="160">
        <v>21</v>
      </c>
      <c r="AG10" s="160">
        <v>22</v>
      </c>
      <c r="AH10" s="165">
        <v>170</v>
      </c>
      <c r="AI10" s="164">
        <v>177</v>
      </c>
      <c r="AJ10" s="159">
        <v>1</v>
      </c>
      <c r="AK10" s="160">
        <v>0</v>
      </c>
      <c r="AL10" s="165">
        <v>1</v>
      </c>
      <c r="AM10" s="162">
        <v>0</v>
      </c>
      <c r="AN10" s="160">
        <v>9</v>
      </c>
      <c r="AO10" s="160">
        <v>8</v>
      </c>
      <c r="AP10" s="160">
        <v>4</v>
      </c>
      <c r="AQ10" s="160">
        <v>6</v>
      </c>
      <c r="AR10" s="160">
        <v>1</v>
      </c>
      <c r="AS10" s="165">
        <v>28</v>
      </c>
      <c r="AT10" s="164">
        <v>29</v>
      </c>
      <c r="AU10" s="159">
        <v>11</v>
      </c>
      <c r="AV10" s="160">
        <v>13</v>
      </c>
      <c r="AW10" s="165">
        <v>24</v>
      </c>
      <c r="AX10" s="162">
        <v>0</v>
      </c>
      <c r="AY10" s="160">
        <v>111</v>
      </c>
      <c r="AZ10" s="160">
        <v>113</v>
      </c>
      <c r="BA10" s="160">
        <v>96</v>
      </c>
      <c r="BB10" s="160">
        <v>76</v>
      </c>
      <c r="BC10" s="160">
        <v>51</v>
      </c>
      <c r="BD10" s="163">
        <v>447</v>
      </c>
      <c r="BE10" s="164">
        <v>471</v>
      </c>
      <c r="BF10" s="159">
        <v>0</v>
      </c>
      <c r="BG10" s="160">
        <v>0</v>
      </c>
      <c r="BH10" s="165">
        <v>0</v>
      </c>
      <c r="BI10" s="162">
        <v>0</v>
      </c>
      <c r="BJ10" s="160">
        <v>163</v>
      </c>
      <c r="BK10" s="160">
        <v>89</v>
      </c>
      <c r="BL10" s="160">
        <v>46</v>
      </c>
      <c r="BM10" s="160">
        <v>12</v>
      </c>
      <c r="BN10" s="160">
        <v>7</v>
      </c>
      <c r="BO10" s="165">
        <v>317</v>
      </c>
      <c r="BP10" s="164">
        <v>317</v>
      </c>
      <c r="BQ10" s="159">
        <v>3</v>
      </c>
      <c r="BR10" s="160">
        <v>3</v>
      </c>
      <c r="BS10" s="165">
        <v>6</v>
      </c>
      <c r="BT10" s="162">
        <v>0</v>
      </c>
      <c r="BU10" s="160">
        <v>21</v>
      </c>
      <c r="BV10" s="160">
        <v>22</v>
      </c>
      <c r="BW10" s="160">
        <v>9</v>
      </c>
      <c r="BX10" s="160">
        <v>3</v>
      </c>
      <c r="BY10" s="160">
        <v>2</v>
      </c>
      <c r="BZ10" s="165">
        <v>57</v>
      </c>
      <c r="CA10" s="164">
        <v>63</v>
      </c>
      <c r="CB10" s="159">
        <v>1</v>
      </c>
      <c r="CC10" s="160">
        <v>0</v>
      </c>
      <c r="CD10" s="165">
        <v>1</v>
      </c>
      <c r="CE10" s="162">
        <v>0</v>
      </c>
      <c r="CF10" s="160">
        <v>25</v>
      </c>
      <c r="CG10" s="160">
        <v>32</v>
      </c>
      <c r="CH10" s="160">
        <v>30</v>
      </c>
      <c r="CI10" s="160">
        <v>11</v>
      </c>
      <c r="CJ10" s="160">
        <v>9</v>
      </c>
      <c r="CK10" s="165">
        <v>107</v>
      </c>
      <c r="CL10" s="164">
        <v>108</v>
      </c>
      <c r="CM10" s="159">
        <v>0</v>
      </c>
      <c r="CN10" s="160">
        <v>0</v>
      </c>
      <c r="CO10" s="165">
        <v>0</v>
      </c>
      <c r="CP10" s="162">
        <v>0</v>
      </c>
      <c r="CQ10" s="160">
        <v>3</v>
      </c>
      <c r="CR10" s="160">
        <v>1</v>
      </c>
      <c r="CS10" s="160">
        <v>1</v>
      </c>
      <c r="CT10" s="160">
        <v>1</v>
      </c>
      <c r="CU10" s="160">
        <v>0</v>
      </c>
      <c r="CV10" s="165">
        <v>6</v>
      </c>
      <c r="CW10" s="164">
        <v>6</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33</v>
      </c>
      <c r="DU10" s="160">
        <v>40</v>
      </c>
      <c r="DV10" s="165">
        <v>73</v>
      </c>
      <c r="DW10" s="162">
        <v>0</v>
      </c>
      <c r="DX10" s="160">
        <v>153</v>
      </c>
      <c r="DY10" s="160">
        <v>177</v>
      </c>
      <c r="DZ10" s="160">
        <v>89</v>
      </c>
      <c r="EA10" s="160">
        <v>58</v>
      </c>
      <c r="EB10" s="160">
        <v>37</v>
      </c>
      <c r="EC10" s="165">
        <v>514</v>
      </c>
      <c r="ED10" s="164">
        <v>587</v>
      </c>
      <c r="EE10" s="159">
        <v>9</v>
      </c>
      <c r="EF10" s="160">
        <v>11</v>
      </c>
      <c r="EG10" s="165">
        <v>20</v>
      </c>
      <c r="EH10" s="162">
        <v>0</v>
      </c>
      <c r="EI10" s="160">
        <v>39</v>
      </c>
      <c r="EJ10" s="160">
        <v>35</v>
      </c>
      <c r="EK10" s="160">
        <v>32</v>
      </c>
      <c r="EL10" s="160">
        <v>29</v>
      </c>
      <c r="EM10" s="160">
        <v>15</v>
      </c>
      <c r="EN10" s="165">
        <v>150</v>
      </c>
      <c r="EO10" s="164">
        <v>170</v>
      </c>
      <c r="EP10" s="159">
        <v>39</v>
      </c>
      <c r="EQ10" s="160">
        <v>42</v>
      </c>
      <c r="ER10" s="165">
        <v>81</v>
      </c>
      <c r="ES10" s="162">
        <v>0</v>
      </c>
      <c r="ET10" s="160">
        <v>359</v>
      </c>
      <c r="EU10" s="160">
        <v>231</v>
      </c>
      <c r="EV10" s="160">
        <v>104</v>
      </c>
      <c r="EW10" s="160">
        <v>64</v>
      </c>
      <c r="EX10" s="160">
        <v>37</v>
      </c>
      <c r="EY10" s="165">
        <v>795</v>
      </c>
      <c r="EZ10" s="164">
        <v>876</v>
      </c>
    </row>
    <row r="11" spans="2:156" ht="21" customHeight="1" x14ac:dyDescent="0.2">
      <c r="B11" s="166" t="s">
        <v>8</v>
      </c>
      <c r="C11" s="159">
        <v>0</v>
      </c>
      <c r="D11" s="160">
        <v>0</v>
      </c>
      <c r="E11" s="161">
        <v>0</v>
      </c>
      <c r="F11" s="162">
        <v>0</v>
      </c>
      <c r="G11" s="160">
        <v>22</v>
      </c>
      <c r="H11" s="160">
        <v>21</v>
      </c>
      <c r="I11" s="160">
        <v>27</v>
      </c>
      <c r="J11" s="160">
        <v>12</v>
      </c>
      <c r="K11" s="160">
        <v>12</v>
      </c>
      <c r="L11" s="163">
        <v>94</v>
      </c>
      <c r="M11" s="164">
        <v>94</v>
      </c>
      <c r="N11" s="159">
        <v>0</v>
      </c>
      <c r="O11" s="160">
        <v>0</v>
      </c>
      <c r="P11" s="165">
        <v>0</v>
      </c>
      <c r="Q11" s="162">
        <v>0</v>
      </c>
      <c r="R11" s="160">
        <v>0</v>
      </c>
      <c r="S11" s="160">
        <v>1</v>
      </c>
      <c r="T11" s="160">
        <v>5</v>
      </c>
      <c r="U11" s="160">
        <v>1</v>
      </c>
      <c r="V11" s="160">
        <v>7</v>
      </c>
      <c r="W11" s="165">
        <v>14</v>
      </c>
      <c r="X11" s="164">
        <v>14</v>
      </c>
      <c r="Y11" s="159">
        <v>4</v>
      </c>
      <c r="Z11" s="160">
        <v>2</v>
      </c>
      <c r="AA11" s="165">
        <v>6</v>
      </c>
      <c r="AB11" s="162">
        <v>0</v>
      </c>
      <c r="AC11" s="160">
        <v>22</v>
      </c>
      <c r="AD11" s="160">
        <v>26</v>
      </c>
      <c r="AE11" s="160">
        <v>30</v>
      </c>
      <c r="AF11" s="160">
        <v>10</v>
      </c>
      <c r="AG11" s="160">
        <v>11</v>
      </c>
      <c r="AH11" s="165">
        <v>99</v>
      </c>
      <c r="AI11" s="164">
        <v>105</v>
      </c>
      <c r="AJ11" s="159">
        <v>0</v>
      </c>
      <c r="AK11" s="160">
        <v>0</v>
      </c>
      <c r="AL11" s="165">
        <v>0</v>
      </c>
      <c r="AM11" s="162">
        <v>0</v>
      </c>
      <c r="AN11" s="160">
        <v>6</v>
      </c>
      <c r="AO11" s="160">
        <v>0</v>
      </c>
      <c r="AP11" s="160">
        <v>7</v>
      </c>
      <c r="AQ11" s="160">
        <v>1</v>
      </c>
      <c r="AR11" s="160">
        <v>2</v>
      </c>
      <c r="AS11" s="165">
        <v>16</v>
      </c>
      <c r="AT11" s="164">
        <v>16</v>
      </c>
      <c r="AU11" s="159">
        <v>8</v>
      </c>
      <c r="AV11" s="160">
        <v>5</v>
      </c>
      <c r="AW11" s="165">
        <v>13</v>
      </c>
      <c r="AX11" s="162">
        <v>0</v>
      </c>
      <c r="AY11" s="160">
        <v>39</v>
      </c>
      <c r="AZ11" s="160">
        <v>33</v>
      </c>
      <c r="BA11" s="160">
        <v>45</v>
      </c>
      <c r="BB11" s="160">
        <v>30</v>
      </c>
      <c r="BC11" s="160">
        <v>24</v>
      </c>
      <c r="BD11" s="163">
        <v>171</v>
      </c>
      <c r="BE11" s="164">
        <v>184</v>
      </c>
      <c r="BF11" s="159">
        <v>0</v>
      </c>
      <c r="BG11" s="160">
        <v>0</v>
      </c>
      <c r="BH11" s="165">
        <v>0</v>
      </c>
      <c r="BI11" s="162">
        <v>0</v>
      </c>
      <c r="BJ11" s="160">
        <v>32</v>
      </c>
      <c r="BK11" s="160">
        <v>35</v>
      </c>
      <c r="BL11" s="160">
        <v>19</v>
      </c>
      <c r="BM11" s="160">
        <v>13</v>
      </c>
      <c r="BN11" s="160">
        <v>6</v>
      </c>
      <c r="BO11" s="165">
        <v>105</v>
      </c>
      <c r="BP11" s="164">
        <v>105</v>
      </c>
      <c r="BQ11" s="159">
        <v>6</v>
      </c>
      <c r="BR11" s="160">
        <v>1</v>
      </c>
      <c r="BS11" s="165">
        <v>7</v>
      </c>
      <c r="BT11" s="162">
        <v>0</v>
      </c>
      <c r="BU11" s="160">
        <v>9</v>
      </c>
      <c r="BV11" s="160">
        <v>7</v>
      </c>
      <c r="BW11" s="160">
        <v>8</v>
      </c>
      <c r="BX11" s="160">
        <v>1</v>
      </c>
      <c r="BY11" s="160">
        <v>1</v>
      </c>
      <c r="BZ11" s="165">
        <v>26</v>
      </c>
      <c r="CA11" s="164">
        <v>33</v>
      </c>
      <c r="CB11" s="159">
        <v>1</v>
      </c>
      <c r="CC11" s="160">
        <v>0</v>
      </c>
      <c r="CD11" s="165">
        <v>1</v>
      </c>
      <c r="CE11" s="162">
        <v>0</v>
      </c>
      <c r="CF11" s="160">
        <v>4</v>
      </c>
      <c r="CG11" s="160">
        <v>8</v>
      </c>
      <c r="CH11" s="160">
        <v>14</v>
      </c>
      <c r="CI11" s="160">
        <v>6</v>
      </c>
      <c r="CJ11" s="160">
        <v>3</v>
      </c>
      <c r="CK11" s="165">
        <v>35</v>
      </c>
      <c r="CL11" s="164">
        <v>36</v>
      </c>
      <c r="CM11" s="159">
        <v>0</v>
      </c>
      <c r="CN11" s="160">
        <v>0</v>
      </c>
      <c r="CO11" s="165">
        <v>0</v>
      </c>
      <c r="CP11" s="162">
        <v>0</v>
      </c>
      <c r="CQ11" s="160">
        <v>0</v>
      </c>
      <c r="CR11" s="160">
        <v>1</v>
      </c>
      <c r="CS11" s="160">
        <v>1</v>
      </c>
      <c r="CT11" s="160">
        <v>0</v>
      </c>
      <c r="CU11" s="160">
        <v>0</v>
      </c>
      <c r="CV11" s="165">
        <v>2</v>
      </c>
      <c r="CW11" s="164">
        <v>2</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24</v>
      </c>
      <c r="DU11" s="160">
        <v>28</v>
      </c>
      <c r="DV11" s="165">
        <v>52</v>
      </c>
      <c r="DW11" s="162">
        <v>0</v>
      </c>
      <c r="DX11" s="160">
        <v>50</v>
      </c>
      <c r="DY11" s="160">
        <v>76</v>
      </c>
      <c r="DZ11" s="160">
        <v>58</v>
      </c>
      <c r="EA11" s="160">
        <v>33</v>
      </c>
      <c r="EB11" s="160">
        <v>24</v>
      </c>
      <c r="EC11" s="165">
        <v>241</v>
      </c>
      <c r="ED11" s="164">
        <v>293</v>
      </c>
      <c r="EE11" s="159">
        <v>7</v>
      </c>
      <c r="EF11" s="160">
        <v>2</v>
      </c>
      <c r="EG11" s="165">
        <v>9</v>
      </c>
      <c r="EH11" s="162">
        <v>0</v>
      </c>
      <c r="EI11" s="160">
        <v>18</v>
      </c>
      <c r="EJ11" s="160">
        <v>11</v>
      </c>
      <c r="EK11" s="160">
        <v>13</v>
      </c>
      <c r="EL11" s="160">
        <v>6</v>
      </c>
      <c r="EM11" s="160">
        <v>6</v>
      </c>
      <c r="EN11" s="165">
        <v>54</v>
      </c>
      <c r="EO11" s="164">
        <v>63</v>
      </c>
      <c r="EP11" s="159">
        <v>32</v>
      </c>
      <c r="EQ11" s="160">
        <v>28</v>
      </c>
      <c r="ER11" s="165">
        <v>60</v>
      </c>
      <c r="ES11" s="162">
        <v>0</v>
      </c>
      <c r="ET11" s="160">
        <v>98</v>
      </c>
      <c r="EU11" s="160">
        <v>87</v>
      </c>
      <c r="EV11" s="160">
        <v>62</v>
      </c>
      <c r="EW11" s="160">
        <v>32</v>
      </c>
      <c r="EX11" s="160">
        <v>25</v>
      </c>
      <c r="EY11" s="165">
        <v>304</v>
      </c>
      <c r="EZ11" s="164">
        <v>364</v>
      </c>
    </row>
    <row r="12" spans="2:156" ht="21" customHeight="1" x14ac:dyDescent="0.2">
      <c r="B12" s="166" t="s">
        <v>9</v>
      </c>
      <c r="C12" s="159">
        <v>0</v>
      </c>
      <c r="D12" s="160">
        <v>0</v>
      </c>
      <c r="E12" s="161">
        <v>0</v>
      </c>
      <c r="F12" s="162">
        <v>0</v>
      </c>
      <c r="G12" s="160">
        <v>45</v>
      </c>
      <c r="H12" s="160">
        <v>35</v>
      </c>
      <c r="I12" s="160">
        <v>35</v>
      </c>
      <c r="J12" s="160">
        <v>24</v>
      </c>
      <c r="K12" s="160">
        <v>18</v>
      </c>
      <c r="L12" s="163">
        <v>157</v>
      </c>
      <c r="M12" s="164">
        <v>157</v>
      </c>
      <c r="N12" s="159">
        <v>0</v>
      </c>
      <c r="O12" s="160">
        <v>0</v>
      </c>
      <c r="P12" s="165">
        <v>0</v>
      </c>
      <c r="Q12" s="162">
        <v>0</v>
      </c>
      <c r="R12" s="160">
        <v>0</v>
      </c>
      <c r="S12" s="160">
        <v>1</v>
      </c>
      <c r="T12" s="160">
        <v>2</v>
      </c>
      <c r="U12" s="160">
        <v>2</v>
      </c>
      <c r="V12" s="160">
        <v>6</v>
      </c>
      <c r="W12" s="165">
        <v>11</v>
      </c>
      <c r="X12" s="164">
        <v>11</v>
      </c>
      <c r="Y12" s="159">
        <v>3</v>
      </c>
      <c r="Z12" s="160">
        <v>9</v>
      </c>
      <c r="AA12" s="165">
        <v>12</v>
      </c>
      <c r="AB12" s="162">
        <v>0</v>
      </c>
      <c r="AC12" s="160">
        <v>50</v>
      </c>
      <c r="AD12" s="160">
        <v>26</v>
      </c>
      <c r="AE12" s="160">
        <v>31</v>
      </c>
      <c r="AF12" s="160">
        <v>27</v>
      </c>
      <c r="AG12" s="160">
        <v>19</v>
      </c>
      <c r="AH12" s="165">
        <v>153</v>
      </c>
      <c r="AI12" s="164">
        <v>165</v>
      </c>
      <c r="AJ12" s="159">
        <v>0</v>
      </c>
      <c r="AK12" s="160">
        <v>2</v>
      </c>
      <c r="AL12" s="165">
        <v>2</v>
      </c>
      <c r="AM12" s="162">
        <v>0</v>
      </c>
      <c r="AN12" s="160">
        <v>2</v>
      </c>
      <c r="AO12" s="160">
        <v>2</v>
      </c>
      <c r="AP12" s="160">
        <v>2</v>
      </c>
      <c r="AQ12" s="160">
        <v>4</v>
      </c>
      <c r="AR12" s="160">
        <v>3</v>
      </c>
      <c r="AS12" s="165">
        <v>13</v>
      </c>
      <c r="AT12" s="164">
        <v>15</v>
      </c>
      <c r="AU12" s="159">
        <v>7</v>
      </c>
      <c r="AV12" s="160">
        <v>7</v>
      </c>
      <c r="AW12" s="165">
        <v>14</v>
      </c>
      <c r="AX12" s="162">
        <v>0</v>
      </c>
      <c r="AY12" s="160">
        <v>51</v>
      </c>
      <c r="AZ12" s="160">
        <v>45</v>
      </c>
      <c r="BA12" s="160">
        <v>58</v>
      </c>
      <c r="BB12" s="160">
        <v>41</v>
      </c>
      <c r="BC12" s="160">
        <v>30</v>
      </c>
      <c r="BD12" s="163">
        <v>225</v>
      </c>
      <c r="BE12" s="164">
        <v>239</v>
      </c>
      <c r="BF12" s="159">
        <v>0</v>
      </c>
      <c r="BG12" s="160">
        <v>0</v>
      </c>
      <c r="BH12" s="165">
        <v>0</v>
      </c>
      <c r="BI12" s="162">
        <v>0</v>
      </c>
      <c r="BJ12" s="160">
        <v>53</v>
      </c>
      <c r="BK12" s="160">
        <v>41</v>
      </c>
      <c r="BL12" s="160">
        <v>21</v>
      </c>
      <c r="BM12" s="160">
        <v>16</v>
      </c>
      <c r="BN12" s="160">
        <v>4</v>
      </c>
      <c r="BO12" s="165">
        <v>135</v>
      </c>
      <c r="BP12" s="164">
        <v>135</v>
      </c>
      <c r="BQ12" s="159">
        <v>6</v>
      </c>
      <c r="BR12" s="160">
        <v>2</v>
      </c>
      <c r="BS12" s="165">
        <v>8</v>
      </c>
      <c r="BT12" s="162">
        <v>0</v>
      </c>
      <c r="BU12" s="160">
        <v>13</v>
      </c>
      <c r="BV12" s="160">
        <v>9</v>
      </c>
      <c r="BW12" s="160">
        <v>11</v>
      </c>
      <c r="BX12" s="160">
        <v>9</v>
      </c>
      <c r="BY12" s="160">
        <v>2</v>
      </c>
      <c r="BZ12" s="165">
        <v>44</v>
      </c>
      <c r="CA12" s="164">
        <v>52</v>
      </c>
      <c r="CB12" s="159">
        <v>0</v>
      </c>
      <c r="CC12" s="160">
        <v>0</v>
      </c>
      <c r="CD12" s="165">
        <v>0</v>
      </c>
      <c r="CE12" s="162">
        <v>0</v>
      </c>
      <c r="CF12" s="160">
        <v>5</v>
      </c>
      <c r="CG12" s="160">
        <v>8</v>
      </c>
      <c r="CH12" s="160">
        <v>14</v>
      </c>
      <c r="CI12" s="160">
        <v>10</v>
      </c>
      <c r="CJ12" s="160">
        <v>2</v>
      </c>
      <c r="CK12" s="165">
        <v>39</v>
      </c>
      <c r="CL12" s="164">
        <v>39</v>
      </c>
      <c r="CM12" s="159">
        <v>0</v>
      </c>
      <c r="CN12" s="160">
        <v>0</v>
      </c>
      <c r="CO12" s="165">
        <v>0</v>
      </c>
      <c r="CP12" s="162">
        <v>0</v>
      </c>
      <c r="CQ12" s="160">
        <v>1</v>
      </c>
      <c r="CR12" s="160">
        <v>1</v>
      </c>
      <c r="CS12" s="160">
        <v>2</v>
      </c>
      <c r="CT12" s="160">
        <v>1</v>
      </c>
      <c r="CU12" s="160">
        <v>1</v>
      </c>
      <c r="CV12" s="165">
        <v>6</v>
      </c>
      <c r="CW12" s="164">
        <v>6</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24</v>
      </c>
      <c r="DU12" s="160">
        <v>32</v>
      </c>
      <c r="DV12" s="165">
        <v>56</v>
      </c>
      <c r="DW12" s="162">
        <v>0</v>
      </c>
      <c r="DX12" s="160">
        <v>84</v>
      </c>
      <c r="DY12" s="160">
        <v>70</v>
      </c>
      <c r="DZ12" s="160">
        <v>63</v>
      </c>
      <c r="EA12" s="160">
        <v>47</v>
      </c>
      <c r="EB12" s="160">
        <v>25</v>
      </c>
      <c r="EC12" s="165">
        <v>289</v>
      </c>
      <c r="ED12" s="164">
        <v>345</v>
      </c>
      <c r="EE12" s="159">
        <v>6</v>
      </c>
      <c r="EF12" s="160">
        <v>2</v>
      </c>
      <c r="EG12" s="165">
        <v>8</v>
      </c>
      <c r="EH12" s="162">
        <v>0</v>
      </c>
      <c r="EI12" s="160">
        <v>23</v>
      </c>
      <c r="EJ12" s="160">
        <v>15</v>
      </c>
      <c r="EK12" s="160">
        <v>15</v>
      </c>
      <c r="EL12" s="160">
        <v>13</v>
      </c>
      <c r="EM12" s="160">
        <v>9</v>
      </c>
      <c r="EN12" s="165">
        <v>75</v>
      </c>
      <c r="EO12" s="164">
        <v>83</v>
      </c>
      <c r="EP12" s="159">
        <v>29</v>
      </c>
      <c r="EQ12" s="160">
        <v>43</v>
      </c>
      <c r="ER12" s="165">
        <v>72</v>
      </c>
      <c r="ES12" s="162">
        <v>0</v>
      </c>
      <c r="ET12" s="160">
        <v>158</v>
      </c>
      <c r="EU12" s="160">
        <v>101</v>
      </c>
      <c r="EV12" s="160">
        <v>76</v>
      </c>
      <c r="EW12" s="160">
        <v>50</v>
      </c>
      <c r="EX12" s="160">
        <v>24</v>
      </c>
      <c r="EY12" s="165">
        <v>409</v>
      </c>
      <c r="EZ12" s="164">
        <v>481</v>
      </c>
    </row>
    <row r="13" spans="2:156" ht="21" customHeight="1" x14ac:dyDescent="0.2">
      <c r="B13" s="166" t="s">
        <v>10</v>
      </c>
      <c r="C13" s="159">
        <v>0</v>
      </c>
      <c r="D13" s="160">
        <v>0</v>
      </c>
      <c r="E13" s="161">
        <v>0</v>
      </c>
      <c r="F13" s="162">
        <v>0</v>
      </c>
      <c r="G13" s="160">
        <v>77</v>
      </c>
      <c r="H13" s="160">
        <v>44</v>
      </c>
      <c r="I13" s="160">
        <v>30</v>
      </c>
      <c r="J13" s="160">
        <v>40</v>
      </c>
      <c r="K13" s="160">
        <v>19</v>
      </c>
      <c r="L13" s="163">
        <v>210</v>
      </c>
      <c r="M13" s="164">
        <v>210</v>
      </c>
      <c r="N13" s="159">
        <v>0</v>
      </c>
      <c r="O13" s="160">
        <v>0</v>
      </c>
      <c r="P13" s="165">
        <v>0</v>
      </c>
      <c r="Q13" s="162">
        <v>0</v>
      </c>
      <c r="R13" s="160">
        <v>2</v>
      </c>
      <c r="S13" s="160">
        <v>2</v>
      </c>
      <c r="T13" s="160">
        <v>2</v>
      </c>
      <c r="U13" s="160">
        <v>6</v>
      </c>
      <c r="V13" s="160">
        <v>13</v>
      </c>
      <c r="W13" s="165">
        <v>25</v>
      </c>
      <c r="X13" s="164">
        <v>25</v>
      </c>
      <c r="Y13" s="159">
        <v>19</v>
      </c>
      <c r="Z13" s="160">
        <v>18</v>
      </c>
      <c r="AA13" s="165">
        <v>37</v>
      </c>
      <c r="AB13" s="162">
        <v>0</v>
      </c>
      <c r="AC13" s="160">
        <v>66</v>
      </c>
      <c r="AD13" s="160">
        <v>33</v>
      </c>
      <c r="AE13" s="160">
        <v>30</v>
      </c>
      <c r="AF13" s="160">
        <v>31</v>
      </c>
      <c r="AG13" s="160">
        <v>16</v>
      </c>
      <c r="AH13" s="165">
        <v>176</v>
      </c>
      <c r="AI13" s="164">
        <v>213</v>
      </c>
      <c r="AJ13" s="159">
        <v>4</v>
      </c>
      <c r="AK13" s="160">
        <v>4</v>
      </c>
      <c r="AL13" s="165">
        <v>8</v>
      </c>
      <c r="AM13" s="162">
        <v>0</v>
      </c>
      <c r="AN13" s="160">
        <v>6</v>
      </c>
      <c r="AO13" s="160">
        <v>4</v>
      </c>
      <c r="AP13" s="160">
        <v>3</v>
      </c>
      <c r="AQ13" s="160">
        <v>7</v>
      </c>
      <c r="AR13" s="160">
        <v>3</v>
      </c>
      <c r="AS13" s="165">
        <v>23</v>
      </c>
      <c r="AT13" s="164">
        <v>31</v>
      </c>
      <c r="AU13" s="159">
        <v>18</v>
      </c>
      <c r="AV13" s="160">
        <v>16</v>
      </c>
      <c r="AW13" s="165">
        <v>34</v>
      </c>
      <c r="AX13" s="162">
        <v>0</v>
      </c>
      <c r="AY13" s="160">
        <v>91</v>
      </c>
      <c r="AZ13" s="160">
        <v>63</v>
      </c>
      <c r="BA13" s="160">
        <v>80</v>
      </c>
      <c r="BB13" s="160">
        <v>80</v>
      </c>
      <c r="BC13" s="160">
        <v>47</v>
      </c>
      <c r="BD13" s="163">
        <v>361</v>
      </c>
      <c r="BE13" s="164">
        <v>395</v>
      </c>
      <c r="BF13" s="159">
        <v>0</v>
      </c>
      <c r="BG13" s="160">
        <v>0</v>
      </c>
      <c r="BH13" s="165">
        <v>0</v>
      </c>
      <c r="BI13" s="162">
        <v>0</v>
      </c>
      <c r="BJ13" s="160">
        <v>123</v>
      </c>
      <c r="BK13" s="160">
        <v>58</v>
      </c>
      <c r="BL13" s="160">
        <v>34</v>
      </c>
      <c r="BM13" s="160">
        <v>24</v>
      </c>
      <c r="BN13" s="160">
        <v>7</v>
      </c>
      <c r="BO13" s="165">
        <v>246</v>
      </c>
      <c r="BP13" s="164">
        <v>246</v>
      </c>
      <c r="BQ13" s="159">
        <v>2</v>
      </c>
      <c r="BR13" s="160">
        <v>5</v>
      </c>
      <c r="BS13" s="165">
        <v>7</v>
      </c>
      <c r="BT13" s="162">
        <v>0</v>
      </c>
      <c r="BU13" s="160">
        <v>30</v>
      </c>
      <c r="BV13" s="160">
        <v>13</v>
      </c>
      <c r="BW13" s="160">
        <v>6</v>
      </c>
      <c r="BX13" s="160">
        <v>7</v>
      </c>
      <c r="BY13" s="160">
        <v>3</v>
      </c>
      <c r="BZ13" s="165">
        <v>59</v>
      </c>
      <c r="CA13" s="164">
        <v>66</v>
      </c>
      <c r="CB13" s="159">
        <v>0</v>
      </c>
      <c r="CC13" s="160">
        <v>3</v>
      </c>
      <c r="CD13" s="165">
        <v>3</v>
      </c>
      <c r="CE13" s="162">
        <v>0</v>
      </c>
      <c r="CF13" s="160">
        <v>10</v>
      </c>
      <c r="CG13" s="160">
        <v>4</v>
      </c>
      <c r="CH13" s="160">
        <v>15</v>
      </c>
      <c r="CI13" s="160">
        <v>11</v>
      </c>
      <c r="CJ13" s="160">
        <v>7</v>
      </c>
      <c r="CK13" s="165">
        <v>47</v>
      </c>
      <c r="CL13" s="164">
        <v>50</v>
      </c>
      <c r="CM13" s="159">
        <v>0</v>
      </c>
      <c r="CN13" s="160">
        <v>0</v>
      </c>
      <c r="CO13" s="165">
        <v>0</v>
      </c>
      <c r="CP13" s="162">
        <v>0</v>
      </c>
      <c r="CQ13" s="160">
        <v>2</v>
      </c>
      <c r="CR13" s="160">
        <v>3</v>
      </c>
      <c r="CS13" s="160">
        <v>4</v>
      </c>
      <c r="CT13" s="160">
        <v>1</v>
      </c>
      <c r="CU13" s="160">
        <v>0</v>
      </c>
      <c r="CV13" s="165">
        <v>10</v>
      </c>
      <c r="CW13" s="164">
        <v>10</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67</v>
      </c>
      <c r="DU13" s="160">
        <v>92</v>
      </c>
      <c r="DV13" s="165">
        <v>159</v>
      </c>
      <c r="DW13" s="162">
        <v>0</v>
      </c>
      <c r="DX13" s="160">
        <v>128</v>
      </c>
      <c r="DY13" s="160">
        <v>104</v>
      </c>
      <c r="DZ13" s="160">
        <v>71</v>
      </c>
      <c r="EA13" s="160">
        <v>69</v>
      </c>
      <c r="EB13" s="160">
        <v>31</v>
      </c>
      <c r="EC13" s="165">
        <v>403</v>
      </c>
      <c r="ED13" s="164">
        <v>562</v>
      </c>
      <c r="EE13" s="159">
        <v>11</v>
      </c>
      <c r="EF13" s="160">
        <v>1</v>
      </c>
      <c r="EG13" s="165">
        <v>12</v>
      </c>
      <c r="EH13" s="162">
        <v>0</v>
      </c>
      <c r="EI13" s="160">
        <v>20</v>
      </c>
      <c r="EJ13" s="160">
        <v>14</v>
      </c>
      <c r="EK13" s="160">
        <v>22</v>
      </c>
      <c r="EL13" s="160">
        <v>24</v>
      </c>
      <c r="EM13" s="160">
        <v>12</v>
      </c>
      <c r="EN13" s="165">
        <v>92</v>
      </c>
      <c r="EO13" s="164">
        <v>104</v>
      </c>
      <c r="EP13" s="159">
        <v>87</v>
      </c>
      <c r="EQ13" s="160">
        <v>101</v>
      </c>
      <c r="ER13" s="165">
        <v>188</v>
      </c>
      <c r="ES13" s="162">
        <v>0</v>
      </c>
      <c r="ET13" s="160">
        <v>242</v>
      </c>
      <c r="EU13" s="160">
        <v>129</v>
      </c>
      <c r="EV13" s="160">
        <v>84</v>
      </c>
      <c r="EW13" s="160">
        <v>68</v>
      </c>
      <c r="EX13" s="160">
        <v>34</v>
      </c>
      <c r="EY13" s="165">
        <v>557</v>
      </c>
      <c r="EZ13" s="164">
        <v>745</v>
      </c>
    </row>
    <row r="14" spans="2:156" ht="21" customHeight="1" x14ac:dyDescent="0.2">
      <c r="B14" s="166" t="s">
        <v>11</v>
      </c>
      <c r="C14" s="159">
        <v>0</v>
      </c>
      <c r="D14" s="160">
        <v>0</v>
      </c>
      <c r="E14" s="161">
        <v>0</v>
      </c>
      <c r="F14" s="162">
        <v>0</v>
      </c>
      <c r="G14" s="160">
        <v>18</v>
      </c>
      <c r="H14" s="160">
        <v>10</v>
      </c>
      <c r="I14" s="160">
        <v>10</v>
      </c>
      <c r="J14" s="160">
        <v>14</v>
      </c>
      <c r="K14" s="160">
        <v>12</v>
      </c>
      <c r="L14" s="163">
        <v>64</v>
      </c>
      <c r="M14" s="164">
        <v>64</v>
      </c>
      <c r="N14" s="159">
        <v>0</v>
      </c>
      <c r="O14" s="160">
        <v>0</v>
      </c>
      <c r="P14" s="165">
        <v>0</v>
      </c>
      <c r="Q14" s="162">
        <v>0</v>
      </c>
      <c r="R14" s="160">
        <v>0</v>
      </c>
      <c r="S14" s="160">
        <v>1</v>
      </c>
      <c r="T14" s="160">
        <v>1</v>
      </c>
      <c r="U14" s="160">
        <v>3</v>
      </c>
      <c r="V14" s="160">
        <v>4</v>
      </c>
      <c r="W14" s="165">
        <v>9</v>
      </c>
      <c r="X14" s="164">
        <v>9</v>
      </c>
      <c r="Y14" s="159">
        <v>7</v>
      </c>
      <c r="Z14" s="160">
        <v>4</v>
      </c>
      <c r="AA14" s="165">
        <v>11</v>
      </c>
      <c r="AB14" s="162">
        <v>0</v>
      </c>
      <c r="AC14" s="160">
        <v>15</v>
      </c>
      <c r="AD14" s="160">
        <v>9</v>
      </c>
      <c r="AE14" s="160">
        <v>12</v>
      </c>
      <c r="AF14" s="160">
        <v>16</v>
      </c>
      <c r="AG14" s="160">
        <v>9</v>
      </c>
      <c r="AH14" s="165">
        <v>61</v>
      </c>
      <c r="AI14" s="164">
        <v>72</v>
      </c>
      <c r="AJ14" s="159">
        <v>0</v>
      </c>
      <c r="AK14" s="160">
        <v>2</v>
      </c>
      <c r="AL14" s="165">
        <v>2</v>
      </c>
      <c r="AM14" s="162">
        <v>0</v>
      </c>
      <c r="AN14" s="160">
        <v>2</v>
      </c>
      <c r="AO14" s="160">
        <v>2</v>
      </c>
      <c r="AP14" s="160">
        <v>0</v>
      </c>
      <c r="AQ14" s="160">
        <v>3</v>
      </c>
      <c r="AR14" s="160">
        <v>0</v>
      </c>
      <c r="AS14" s="165">
        <v>7</v>
      </c>
      <c r="AT14" s="164">
        <v>9</v>
      </c>
      <c r="AU14" s="159">
        <v>4</v>
      </c>
      <c r="AV14" s="160">
        <v>4</v>
      </c>
      <c r="AW14" s="165">
        <v>8</v>
      </c>
      <c r="AX14" s="162">
        <v>0</v>
      </c>
      <c r="AY14" s="160">
        <v>22</v>
      </c>
      <c r="AZ14" s="160">
        <v>31</v>
      </c>
      <c r="BA14" s="160">
        <v>19</v>
      </c>
      <c r="BB14" s="160">
        <v>34</v>
      </c>
      <c r="BC14" s="160">
        <v>12</v>
      </c>
      <c r="BD14" s="163">
        <v>118</v>
      </c>
      <c r="BE14" s="164">
        <v>126</v>
      </c>
      <c r="BF14" s="159">
        <v>0</v>
      </c>
      <c r="BG14" s="160">
        <v>0</v>
      </c>
      <c r="BH14" s="165">
        <v>0</v>
      </c>
      <c r="BI14" s="162">
        <v>0</v>
      </c>
      <c r="BJ14" s="160">
        <v>41</v>
      </c>
      <c r="BK14" s="160">
        <v>24</v>
      </c>
      <c r="BL14" s="160">
        <v>13</v>
      </c>
      <c r="BM14" s="160">
        <v>12</v>
      </c>
      <c r="BN14" s="160">
        <v>2</v>
      </c>
      <c r="BO14" s="165">
        <v>92</v>
      </c>
      <c r="BP14" s="164">
        <v>92</v>
      </c>
      <c r="BQ14" s="159">
        <v>6</v>
      </c>
      <c r="BR14" s="160">
        <v>5</v>
      </c>
      <c r="BS14" s="165">
        <v>11</v>
      </c>
      <c r="BT14" s="162">
        <v>0</v>
      </c>
      <c r="BU14" s="160">
        <v>24</v>
      </c>
      <c r="BV14" s="160">
        <v>12</v>
      </c>
      <c r="BW14" s="160">
        <v>8</v>
      </c>
      <c r="BX14" s="160">
        <v>12</v>
      </c>
      <c r="BY14" s="160">
        <v>1</v>
      </c>
      <c r="BZ14" s="165">
        <v>57</v>
      </c>
      <c r="CA14" s="164">
        <v>68</v>
      </c>
      <c r="CB14" s="159">
        <v>0</v>
      </c>
      <c r="CC14" s="160">
        <v>1</v>
      </c>
      <c r="CD14" s="165">
        <v>1</v>
      </c>
      <c r="CE14" s="162">
        <v>0</v>
      </c>
      <c r="CF14" s="160">
        <v>7</v>
      </c>
      <c r="CG14" s="160">
        <v>5</v>
      </c>
      <c r="CH14" s="160">
        <v>4</v>
      </c>
      <c r="CI14" s="160">
        <v>5</v>
      </c>
      <c r="CJ14" s="160">
        <v>2</v>
      </c>
      <c r="CK14" s="165">
        <v>23</v>
      </c>
      <c r="CL14" s="164">
        <v>24</v>
      </c>
      <c r="CM14" s="159">
        <v>0</v>
      </c>
      <c r="CN14" s="160">
        <v>0</v>
      </c>
      <c r="CO14" s="165">
        <v>0</v>
      </c>
      <c r="CP14" s="162">
        <v>0</v>
      </c>
      <c r="CQ14" s="160">
        <v>1</v>
      </c>
      <c r="CR14" s="160">
        <v>0</v>
      </c>
      <c r="CS14" s="160">
        <v>0</v>
      </c>
      <c r="CT14" s="160">
        <v>2</v>
      </c>
      <c r="CU14" s="160">
        <v>0</v>
      </c>
      <c r="CV14" s="165">
        <v>3</v>
      </c>
      <c r="CW14" s="164">
        <v>3</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16</v>
      </c>
      <c r="DU14" s="160">
        <v>25</v>
      </c>
      <c r="DV14" s="165">
        <v>41</v>
      </c>
      <c r="DW14" s="162">
        <v>0</v>
      </c>
      <c r="DX14" s="160">
        <v>51</v>
      </c>
      <c r="DY14" s="160">
        <v>50</v>
      </c>
      <c r="DZ14" s="160">
        <v>32</v>
      </c>
      <c r="EA14" s="160">
        <v>34</v>
      </c>
      <c r="EB14" s="160">
        <v>14</v>
      </c>
      <c r="EC14" s="165">
        <v>181</v>
      </c>
      <c r="ED14" s="164">
        <v>222</v>
      </c>
      <c r="EE14" s="159">
        <v>6</v>
      </c>
      <c r="EF14" s="160">
        <v>0</v>
      </c>
      <c r="EG14" s="165">
        <v>6</v>
      </c>
      <c r="EH14" s="162">
        <v>0</v>
      </c>
      <c r="EI14" s="160">
        <v>15</v>
      </c>
      <c r="EJ14" s="160">
        <v>13</v>
      </c>
      <c r="EK14" s="160">
        <v>6</v>
      </c>
      <c r="EL14" s="160">
        <v>19</v>
      </c>
      <c r="EM14" s="160">
        <v>2</v>
      </c>
      <c r="EN14" s="165">
        <v>55</v>
      </c>
      <c r="EO14" s="164">
        <v>61</v>
      </c>
      <c r="EP14" s="159">
        <v>25</v>
      </c>
      <c r="EQ14" s="160">
        <v>32</v>
      </c>
      <c r="ER14" s="165">
        <v>57</v>
      </c>
      <c r="ES14" s="162">
        <v>0</v>
      </c>
      <c r="ET14" s="160">
        <v>94</v>
      </c>
      <c r="EU14" s="160">
        <v>55</v>
      </c>
      <c r="EV14" s="160">
        <v>32</v>
      </c>
      <c r="EW14" s="160">
        <v>34</v>
      </c>
      <c r="EX14" s="160">
        <v>13</v>
      </c>
      <c r="EY14" s="165">
        <v>228</v>
      </c>
      <c r="EZ14" s="164">
        <v>285</v>
      </c>
    </row>
    <row r="15" spans="2:156" ht="21" customHeight="1" x14ac:dyDescent="0.2">
      <c r="B15" s="166" t="s">
        <v>12</v>
      </c>
      <c r="C15" s="159">
        <v>0</v>
      </c>
      <c r="D15" s="160">
        <v>0</v>
      </c>
      <c r="E15" s="161">
        <v>0</v>
      </c>
      <c r="F15" s="162">
        <v>0</v>
      </c>
      <c r="G15" s="160">
        <v>30</v>
      </c>
      <c r="H15" s="160">
        <v>35</v>
      </c>
      <c r="I15" s="160">
        <v>15</v>
      </c>
      <c r="J15" s="160">
        <v>25</v>
      </c>
      <c r="K15" s="160">
        <v>9</v>
      </c>
      <c r="L15" s="163">
        <v>114</v>
      </c>
      <c r="M15" s="164">
        <v>114</v>
      </c>
      <c r="N15" s="159">
        <v>0</v>
      </c>
      <c r="O15" s="160">
        <v>0</v>
      </c>
      <c r="P15" s="165">
        <v>0</v>
      </c>
      <c r="Q15" s="162">
        <v>0</v>
      </c>
      <c r="R15" s="160">
        <v>0</v>
      </c>
      <c r="S15" s="160">
        <v>0</v>
      </c>
      <c r="T15" s="160">
        <v>1</v>
      </c>
      <c r="U15" s="160">
        <v>6</v>
      </c>
      <c r="V15" s="160">
        <v>2</v>
      </c>
      <c r="W15" s="165">
        <v>9</v>
      </c>
      <c r="X15" s="164">
        <v>9</v>
      </c>
      <c r="Y15" s="159">
        <v>8</v>
      </c>
      <c r="Z15" s="160">
        <v>23</v>
      </c>
      <c r="AA15" s="165">
        <v>31</v>
      </c>
      <c r="AB15" s="162">
        <v>0</v>
      </c>
      <c r="AC15" s="160">
        <v>20</v>
      </c>
      <c r="AD15" s="160">
        <v>39</v>
      </c>
      <c r="AE15" s="160">
        <v>14</v>
      </c>
      <c r="AF15" s="160">
        <v>16</v>
      </c>
      <c r="AG15" s="160">
        <v>6</v>
      </c>
      <c r="AH15" s="165">
        <v>95</v>
      </c>
      <c r="AI15" s="164">
        <v>126</v>
      </c>
      <c r="AJ15" s="159">
        <v>0</v>
      </c>
      <c r="AK15" s="160">
        <v>1</v>
      </c>
      <c r="AL15" s="165">
        <v>1</v>
      </c>
      <c r="AM15" s="162">
        <v>0</v>
      </c>
      <c r="AN15" s="160">
        <v>2</v>
      </c>
      <c r="AO15" s="160">
        <v>2</v>
      </c>
      <c r="AP15" s="160">
        <v>0</v>
      </c>
      <c r="AQ15" s="160">
        <v>3</v>
      </c>
      <c r="AR15" s="160">
        <v>1</v>
      </c>
      <c r="AS15" s="165">
        <v>8</v>
      </c>
      <c r="AT15" s="164">
        <v>9</v>
      </c>
      <c r="AU15" s="159">
        <v>5</v>
      </c>
      <c r="AV15" s="160">
        <v>12</v>
      </c>
      <c r="AW15" s="165">
        <v>17</v>
      </c>
      <c r="AX15" s="162">
        <v>0</v>
      </c>
      <c r="AY15" s="160">
        <v>22</v>
      </c>
      <c r="AZ15" s="160">
        <v>40</v>
      </c>
      <c r="BA15" s="160">
        <v>30</v>
      </c>
      <c r="BB15" s="160">
        <v>38</v>
      </c>
      <c r="BC15" s="160">
        <v>18</v>
      </c>
      <c r="BD15" s="163">
        <v>148</v>
      </c>
      <c r="BE15" s="164">
        <v>165</v>
      </c>
      <c r="BF15" s="159">
        <v>0</v>
      </c>
      <c r="BG15" s="160">
        <v>0</v>
      </c>
      <c r="BH15" s="165">
        <v>0</v>
      </c>
      <c r="BI15" s="162">
        <v>0</v>
      </c>
      <c r="BJ15" s="160">
        <v>58</v>
      </c>
      <c r="BK15" s="160">
        <v>34</v>
      </c>
      <c r="BL15" s="160">
        <v>18</v>
      </c>
      <c r="BM15" s="160">
        <v>15</v>
      </c>
      <c r="BN15" s="160">
        <v>1</v>
      </c>
      <c r="BO15" s="165">
        <v>126</v>
      </c>
      <c r="BP15" s="164">
        <v>126</v>
      </c>
      <c r="BQ15" s="159">
        <v>7</v>
      </c>
      <c r="BR15" s="160">
        <v>15</v>
      </c>
      <c r="BS15" s="165">
        <v>22</v>
      </c>
      <c r="BT15" s="162">
        <v>0</v>
      </c>
      <c r="BU15" s="160">
        <v>9</v>
      </c>
      <c r="BV15" s="160">
        <v>15</v>
      </c>
      <c r="BW15" s="160">
        <v>11</v>
      </c>
      <c r="BX15" s="160">
        <v>7</v>
      </c>
      <c r="BY15" s="160">
        <v>2</v>
      </c>
      <c r="BZ15" s="165">
        <v>44</v>
      </c>
      <c r="CA15" s="164">
        <v>66</v>
      </c>
      <c r="CB15" s="159">
        <v>0</v>
      </c>
      <c r="CC15" s="160">
        <v>1</v>
      </c>
      <c r="CD15" s="165">
        <v>1</v>
      </c>
      <c r="CE15" s="162">
        <v>0</v>
      </c>
      <c r="CF15" s="160">
        <v>10</v>
      </c>
      <c r="CG15" s="160">
        <v>11</v>
      </c>
      <c r="CH15" s="160">
        <v>7</v>
      </c>
      <c r="CI15" s="160">
        <v>12</v>
      </c>
      <c r="CJ15" s="160">
        <v>2</v>
      </c>
      <c r="CK15" s="165">
        <v>42</v>
      </c>
      <c r="CL15" s="164">
        <v>43</v>
      </c>
      <c r="CM15" s="159">
        <v>0</v>
      </c>
      <c r="CN15" s="160">
        <v>0</v>
      </c>
      <c r="CO15" s="165">
        <v>0</v>
      </c>
      <c r="CP15" s="162">
        <v>0</v>
      </c>
      <c r="CQ15" s="160">
        <v>0</v>
      </c>
      <c r="CR15" s="160">
        <v>0</v>
      </c>
      <c r="CS15" s="160">
        <v>1</v>
      </c>
      <c r="CT15" s="160">
        <v>1</v>
      </c>
      <c r="CU15" s="160">
        <v>0</v>
      </c>
      <c r="CV15" s="165">
        <v>2</v>
      </c>
      <c r="CW15" s="164">
        <v>2</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32</v>
      </c>
      <c r="DU15" s="160">
        <v>53</v>
      </c>
      <c r="DV15" s="165">
        <v>85</v>
      </c>
      <c r="DW15" s="162">
        <v>0</v>
      </c>
      <c r="DX15" s="160">
        <v>35</v>
      </c>
      <c r="DY15" s="160">
        <v>84</v>
      </c>
      <c r="DZ15" s="160">
        <v>48</v>
      </c>
      <c r="EA15" s="160">
        <v>45</v>
      </c>
      <c r="EB15" s="160">
        <v>15</v>
      </c>
      <c r="EC15" s="165">
        <v>227</v>
      </c>
      <c r="ED15" s="164">
        <v>312</v>
      </c>
      <c r="EE15" s="159">
        <v>3</v>
      </c>
      <c r="EF15" s="160">
        <v>6</v>
      </c>
      <c r="EG15" s="165">
        <v>9</v>
      </c>
      <c r="EH15" s="162">
        <v>0</v>
      </c>
      <c r="EI15" s="160">
        <v>10</v>
      </c>
      <c r="EJ15" s="160">
        <v>15</v>
      </c>
      <c r="EK15" s="160">
        <v>12</v>
      </c>
      <c r="EL15" s="160">
        <v>14</v>
      </c>
      <c r="EM15" s="160">
        <v>4</v>
      </c>
      <c r="EN15" s="165">
        <v>55</v>
      </c>
      <c r="EO15" s="164">
        <v>64</v>
      </c>
      <c r="EP15" s="159">
        <v>45</v>
      </c>
      <c r="EQ15" s="160">
        <v>78</v>
      </c>
      <c r="ER15" s="165">
        <v>123</v>
      </c>
      <c r="ES15" s="162">
        <v>0</v>
      </c>
      <c r="ET15" s="160">
        <v>117</v>
      </c>
      <c r="EU15" s="160">
        <v>102</v>
      </c>
      <c r="EV15" s="160">
        <v>51</v>
      </c>
      <c r="EW15" s="160">
        <v>48</v>
      </c>
      <c r="EX15" s="160">
        <v>14</v>
      </c>
      <c r="EY15" s="165">
        <v>332</v>
      </c>
      <c r="EZ15" s="164">
        <v>455</v>
      </c>
    </row>
    <row r="16" spans="2:156" ht="21" customHeight="1" x14ac:dyDescent="0.2">
      <c r="B16" s="166" t="s">
        <v>13</v>
      </c>
      <c r="C16" s="159">
        <v>0</v>
      </c>
      <c r="D16" s="160">
        <v>0</v>
      </c>
      <c r="E16" s="161">
        <v>0</v>
      </c>
      <c r="F16" s="162">
        <v>0</v>
      </c>
      <c r="G16" s="160">
        <v>18</v>
      </c>
      <c r="H16" s="160">
        <v>21</v>
      </c>
      <c r="I16" s="160">
        <v>10</v>
      </c>
      <c r="J16" s="160">
        <v>10</v>
      </c>
      <c r="K16" s="160">
        <v>8</v>
      </c>
      <c r="L16" s="163">
        <v>67</v>
      </c>
      <c r="M16" s="164">
        <v>67</v>
      </c>
      <c r="N16" s="159">
        <v>0</v>
      </c>
      <c r="O16" s="160">
        <v>0</v>
      </c>
      <c r="P16" s="165">
        <v>0</v>
      </c>
      <c r="Q16" s="162">
        <v>0</v>
      </c>
      <c r="R16" s="160">
        <v>0</v>
      </c>
      <c r="S16" s="160">
        <v>0</v>
      </c>
      <c r="T16" s="160">
        <v>1</v>
      </c>
      <c r="U16" s="160">
        <v>3</v>
      </c>
      <c r="V16" s="160">
        <v>4</v>
      </c>
      <c r="W16" s="165">
        <v>8</v>
      </c>
      <c r="X16" s="164">
        <v>8</v>
      </c>
      <c r="Y16" s="159">
        <v>0</v>
      </c>
      <c r="Z16" s="160">
        <v>3</v>
      </c>
      <c r="AA16" s="165">
        <v>3</v>
      </c>
      <c r="AB16" s="162">
        <v>0</v>
      </c>
      <c r="AC16" s="160">
        <v>8</v>
      </c>
      <c r="AD16" s="160">
        <v>24</v>
      </c>
      <c r="AE16" s="160">
        <v>12</v>
      </c>
      <c r="AF16" s="160">
        <v>7</v>
      </c>
      <c r="AG16" s="160">
        <v>11</v>
      </c>
      <c r="AH16" s="165">
        <v>62</v>
      </c>
      <c r="AI16" s="164">
        <v>65</v>
      </c>
      <c r="AJ16" s="159">
        <v>1</v>
      </c>
      <c r="AK16" s="160">
        <v>0</v>
      </c>
      <c r="AL16" s="165">
        <v>1</v>
      </c>
      <c r="AM16" s="162">
        <v>0</v>
      </c>
      <c r="AN16" s="160">
        <v>3</v>
      </c>
      <c r="AO16" s="160">
        <v>1</v>
      </c>
      <c r="AP16" s="160">
        <v>1</v>
      </c>
      <c r="AQ16" s="160">
        <v>1</v>
      </c>
      <c r="AR16" s="160">
        <v>1</v>
      </c>
      <c r="AS16" s="165">
        <v>7</v>
      </c>
      <c r="AT16" s="164">
        <v>8</v>
      </c>
      <c r="AU16" s="159">
        <v>1</v>
      </c>
      <c r="AV16" s="160">
        <v>0</v>
      </c>
      <c r="AW16" s="165">
        <v>1</v>
      </c>
      <c r="AX16" s="162">
        <v>0</v>
      </c>
      <c r="AY16" s="160">
        <v>18</v>
      </c>
      <c r="AZ16" s="160">
        <v>24</v>
      </c>
      <c r="BA16" s="160">
        <v>18</v>
      </c>
      <c r="BB16" s="160">
        <v>17</v>
      </c>
      <c r="BC16" s="160">
        <v>14</v>
      </c>
      <c r="BD16" s="163">
        <v>91</v>
      </c>
      <c r="BE16" s="164">
        <v>92</v>
      </c>
      <c r="BF16" s="159">
        <v>0</v>
      </c>
      <c r="BG16" s="160">
        <v>0</v>
      </c>
      <c r="BH16" s="165">
        <v>0</v>
      </c>
      <c r="BI16" s="162">
        <v>0</v>
      </c>
      <c r="BJ16" s="160">
        <v>21</v>
      </c>
      <c r="BK16" s="160">
        <v>14</v>
      </c>
      <c r="BL16" s="160">
        <v>9</v>
      </c>
      <c r="BM16" s="160">
        <v>4</v>
      </c>
      <c r="BN16" s="160">
        <v>1</v>
      </c>
      <c r="BO16" s="165">
        <v>49</v>
      </c>
      <c r="BP16" s="164">
        <v>49</v>
      </c>
      <c r="BQ16" s="159">
        <v>0</v>
      </c>
      <c r="BR16" s="160">
        <v>1</v>
      </c>
      <c r="BS16" s="165">
        <v>1</v>
      </c>
      <c r="BT16" s="162">
        <v>0</v>
      </c>
      <c r="BU16" s="160">
        <v>6</v>
      </c>
      <c r="BV16" s="160">
        <v>2</v>
      </c>
      <c r="BW16" s="160">
        <v>2</v>
      </c>
      <c r="BX16" s="160">
        <v>0</v>
      </c>
      <c r="BY16" s="160">
        <v>2</v>
      </c>
      <c r="BZ16" s="165">
        <v>12</v>
      </c>
      <c r="CA16" s="164">
        <v>13</v>
      </c>
      <c r="CB16" s="159">
        <v>0</v>
      </c>
      <c r="CC16" s="160">
        <v>0</v>
      </c>
      <c r="CD16" s="165">
        <v>0</v>
      </c>
      <c r="CE16" s="162">
        <v>0</v>
      </c>
      <c r="CF16" s="160">
        <v>5</v>
      </c>
      <c r="CG16" s="160">
        <v>1</v>
      </c>
      <c r="CH16" s="160">
        <v>3</v>
      </c>
      <c r="CI16" s="160">
        <v>0</v>
      </c>
      <c r="CJ16" s="160">
        <v>2</v>
      </c>
      <c r="CK16" s="165">
        <v>11</v>
      </c>
      <c r="CL16" s="164">
        <v>11</v>
      </c>
      <c r="CM16" s="159">
        <v>0</v>
      </c>
      <c r="CN16" s="160">
        <v>0</v>
      </c>
      <c r="CO16" s="165">
        <v>0</v>
      </c>
      <c r="CP16" s="162">
        <v>0</v>
      </c>
      <c r="CQ16" s="160">
        <v>0</v>
      </c>
      <c r="CR16" s="160">
        <v>0</v>
      </c>
      <c r="CS16" s="160">
        <v>0</v>
      </c>
      <c r="CT16" s="160">
        <v>0</v>
      </c>
      <c r="CU16" s="160">
        <v>0</v>
      </c>
      <c r="CV16" s="165">
        <v>0</v>
      </c>
      <c r="CW16" s="164">
        <v>0</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3</v>
      </c>
      <c r="DU16" s="160">
        <v>9</v>
      </c>
      <c r="DV16" s="165">
        <v>12</v>
      </c>
      <c r="DW16" s="162">
        <v>0</v>
      </c>
      <c r="DX16" s="160">
        <v>23</v>
      </c>
      <c r="DY16" s="160">
        <v>38</v>
      </c>
      <c r="DZ16" s="160">
        <v>20</v>
      </c>
      <c r="EA16" s="160">
        <v>18</v>
      </c>
      <c r="EB16" s="160">
        <v>11</v>
      </c>
      <c r="EC16" s="165">
        <v>110</v>
      </c>
      <c r="ED16" s="164">
        <v>122</v>
      </c>
      <c r="EE16" s="159">
        <v>0</v>
      </c>
      <c r="EF16" s="160">
        <v>0</v>
      </c>
      <c r="EG16" s="165">
        <v>0</v>
      </c>
      <c r="EH16" s="162">
        <v>0</v>
      </c>
      <c r="EI16" s="160">
        <v>9</v>
      </c>
      <c r="EJ16" s="160">
        <v>8</v>
      </c>
      <c r="EK16" s="160">
        <v>10</v>
      </c>
      <c r="EL16" s="160">
        <v>7</v>
      </c>
      <c r="EM16" s="160">
        <v>4</v>
      </c>
      <c r="EN16" s="165">
        <v>38</v>
      </c>
      <c r="EO16" s="164">
        <v>38</v>
      </c>
      <c r="EP16" s="159">
        <v>4</v>
      </c>
      <c r="EQ16" s="160">
        <v>11</v>
      </c>
      <c r="ER16" s="165">
        <v>15</v>
      </c>
      <c r="ES16" s="162">
        <v>0</v>
      </c>
      <c r="ET16" s="160">
        <v>60</v>
      </c>
      <c r="EU16" s="160">
        <v>58</v>
      </c>
      <c r="EV16" s="160">
        <v>31</v>
      </c>
      <c r="EW16" s="160">
        <v>17</v>
      </c>
      <c r="EX16" s="160">
        <v>11</v>
      </c>
      <c r="EY16" s="165">
        <v>177</v>
      </c>
      <c r="EZ16" s="164">
        <v>192</v>
      </c>
    </row>
    <row r="17" spans="2:156" ht="21" customHeight="1" x14ac:dyDescent="0.2">
      <c r="B17" s="166" t="s">
        <v>15</v>
      </c>
      <c r="C17" s="159">
        <v>0</v>
      </c>
      <c r="D17" s="160">
        <v>0</v>
      </c>
      <c r="E17" s="161">
        <v>0</v>
      </c>
      <c r="F17" s="162">
        <v>0</v>
      </c>
      <c r="G17" s="160">
        <v>4</v>
      </c>
      <c r="H17" s="160">
        <v>4</v>
      </c>
      <c r="I17" s="160">
        <v>1</v>
      </c>
      <c r="J17" s="160">
        <v>5</v>
      </c>
      <c r="K17" s="160">
        <v>0</v>
      </c>
      <c r="L17" s="163">
        <v>14</v>
      </c>
      <c r="M17" s="164">
        <v>14</v>
      </c>
      <c r="N17" s="159">
        <v>0</v>
      </c>
      <c r="O17" s="160">
        <v>0</v>
      </c>
      <c r="P17" s="165">
        <v>0</v>
      </c>
      <c r="Q17" s="162">
        <v>0</v>
      </c>
      <c r="R17" s="160">
        <v>0</v>
      </c>
      <c r="S17" s="160">
        <v>1</v>
      </c>
      <c r="T17" s="160">
        <v>0</v>
      </c>
      <c r="U17" s="160">
        <v>1</v>
      </c>
      <c r="V17" s="160">
        <v>0</v>
      </c>
      <c r="W17" s="165">
        <v>2</v>
      </c>
      <c r="X17" s="164">
        <v>2</v>
      </c>
      <c r="Y17" s="159">
        <v>0</v>
      </c>
      <c r="Z17" s="160">
        <v>2</v>
      </c>
      <c r="AA17" s="165">
        <v>2</v>
      </c>
      <c r="AB17" s="162">
        <v>0</v>
      </c>
      <c r="AC17" s="160">
        <v>6</v>
      </c>
      <c r="AD17" s="160">
        <v>3</v>
      </c>
      <c r="AE17" s="160">
        <v>4</v>
      </c>
      <c r="AF17" s="160">
        <v>5</v>
      </c>
      <c r="AG17" s="160">
        <v>0</v>
      </c>
      <c r="AH17" s="165">
        <v>18</v>
      </c>
      <c r="AI17" s="164">
        <v>20</v>
      </c>
      <c r="AJ17" s="159">
        <v>0</v>
      </c>
      <c r="AK17" s="160">
        <v>0</v>
      </c>
      <c r="AL17" s="165">
        <v>0</v>
      </c>
      <c r="AM17" s="162">
        <v>0</v>
      </c>
      <c r="AN17" s="160">
        <v>1</v>
      </c>
      <c r="AO17" s="160">
        <v>2</v>
      </c>
      <c r="AP17" s="160">
        <v>0</v>
      </c>
      <c r="AQ17" s="160">
        <v>0</v>
      </c>
      <c r="AR17" s="160">
        <v>0</v>
      </c>
      <c r="AS17" s="165">
        <v>3</v>
      </c>
      <c r="AT17" s="164">
        <v>3</v>
      </c>
      <c r="AU17" s="159">
        <v>0</v>
      </c>
      <c r="AV17" s="160">
        <v>0</v>
      </c>
      <c r="AW17" s="165">
        <v>0</v>
      </c>
      <c r="AX17" s="162">
        <v>0</v>
      </c>
      <c r="AY17" s="160">
        <v>11</v>
      </c>
      <c r="AZ17" s="160">
        <v>4</v>
      </c>
      <c r="BA17" s="160">
        <v>7</v>
      </c>
      <c r="BB17" s="160">
        <v>7</v>
      </c>
      <c r="BC17" s="160">
        <v>2</v>
      </c>
      <c r="BD17" s="163">
        <v>31</v>
      </c>
      <c r="BE17" s="164">
        <v>31</v>
      </c>
      <c r="BF17" s="159">
        <v>0</v>
      </c>
      <c r="BG17" s="160">
        <v>0</v>
      </c>
      <c r="BH17" s="165">
        <v>0</v>
      </c>
      <c r="BI17" s="162">
        <v>0</v>
      </c>
      <c r="BJ17" s="160">
        <v>5</v>
      </c>
      <c r="BK17" s="160">
        <v>3</v>
      </c>
      <c r="BL17" s="160">
        <v>3</v>
      </c>
      <c r="BM17" s="160">
        <v>1</v>
      </c>
      <c r="BN17" s="160">
        <v>0</v>
      </c>
      <c r="BO17" s="165">
        <v>12</v>
      </c>
      <c r="BP17" s="164">
        <v>12</v>
      </c>
      <c r="BQ17" s="159">
        <v>1</v>
      </c>
      <c r="BR17" s="160">
        <v>0</v>
      </c>
      <c r="BS17" s="165">
        <v>1</v>
      </c>
      <c r="BT17" s="162">
        <v>0</v>
      </c>
      <c r="BU17" s="160">
        <v>1</v>
      </c>
      <c r="BV17" s="160">
        <v>0</v>
      </c>
      <c r="BW17" s="160">
        <v>4</v>
      </c>
      <c r="BX17" s="160">
        <v>0</v>
      </c>
      <c r="BY17" s="160">
        <v>0</v>
      </c>
      <c r="BZ17" s="165">
        <v>5</v>
      </c>
      <c r="CA17" s="164">
        <v>6</v>
      </c>
      <c r="CB17" s="159">
        <v>0</v>
      </c>
      <c r="CC17" s="160">
        <v>0</v>
      </c>
      <c r="CD17" s="165">
        <v>0</v>
      </c>
      <c r="CE17" s="162">
        <v>0</v>
      </c>
      <c r="CF17" s="160">
        <v>0</v>
      </c>
      <c r="CG17" s="160">
        <v>1</v>
      </c>
      <c r="CH17" s="160">
        <v>1</v>
      </c>
      <c r="CI17" s="160">
        <v>2</v>
      </c>
      <c r="CJ17" s="160">
        <v>1</v>
      </c>
      <c r="CK17" s="165">
        <v>5</v>
      </c>
      <c r="CL17" s="164">
        <v>5</v>
      </c>
      <c r="CM17" s="159">
        <v>0</v>
      </c>
      <c r="CN17" s="160">
        <v>0</v>
      </c>
      <c r="CO17" s="165">
        <v>0</v>
      </c>
      <c r="CP17" s="162">
        <v>0</v>
      </c>
      <c r="CQ17" s="160">
        <v>1</v>
      </c>
      <c r="CR17" s="160">
        <v>0</v>
      </c>
      <c r="CS17" s="160">
        <v>1</v>
      </c>
      <c r="CT17" s="160">
        <v>0</v>
      </c>
      <c r="CU17" s="160">
        <v>0</v>
      </c>
      <c r="CV17" s="165">
        <v>2</v>
      </c>
      <c r="CW17" s="164">
        <v>2</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3</v>
      </c>
      <c r="DU17" s="160">
        <v>7</v>
      </c>
      <c r="DV17" s="165">
        <v>10</v>
      </c>
      <c r="DW17" s="162">
        <v>0</v>
      </c>
      <c r="DX17" s="160">
        <v>5</v>
      </c>
      <c r="DY17" s="160">
        <v>11</v>
      </c>
      <c r="DZ17" s="160">
        <v>14</v>
      </c>
      <c r="EA17" s="160">
        <v>8</v>
      </c>
      <c r="EB17" s="160">
        <v>3</v>
      </c>
      <c r="EC17" s="165">
        <v>41</v>
      </c>
      <c r="ED17" s="164">
        <v>51</v>
      </c>
      <c r="EE17" s="159">
        <v>2</v>
      </c>
      <c r="EF17" s="160">
        <v>2</v>
      </c>
      <c r="EG17" s="165">
        <v>4</v>
      </c>
      <c r="EH17" s="162">
        <v>0</v>
      </c>
      <c r="EI17" s="160">
        <v>7</v>
      </c>
      <c r="EJ17" s="160">
        <v>1</v>
      </c>
      <c r="EK17" s="160">
        <v>4</v>
      </c>
      <c r="EL17" s="160">
        <v>0</v>
      </c>
      <c r="EM17" s="160">
        <v>0</v>
      </c>
      <c r="EN17" s="165">
        <v>12</v>
      </c>
      <c r="EO17" s="164">
        <v>16</v>
      </c>
      <c r="EP17" s="159">
        <v>4</v>
      </c>
      <c r="EQ17" s="160">
        <v>10</v>
      </c>
      <c r="ER17" s="165">
        <v>14</v>
      </c>
      <c r="ES17" s="162">
        <v>0</v>
      </c>
      <c r="ET17" s="160">
        <v>22</v>
      </c>
      <c r="EU17" s="160">
        <v>17</v>
      </c>
      <c r="EV17" s="160">
        <v>13</v>
      </c>
      <c r="EW17" s="160">
        <v>10</v>
      </c>
      <c r="EX17" s="160">
        <v>3</v>
      </c>
      <c r="EY17" s="165">
        <v>65</v>
      </c>
      <c r="EZ17" s="164">
        <v>79</v>
      </c>
    </row>
    <row r="18" spans="2:156" ht="21" customHeight="1" x14ac:dyDescent="0.2">
      <c r="B18" s="166" t="s">
        <v>16</v>
      </c>
      <c r="C18" s="159">
        <v>0</v>
      </c>
      <c r="D18" s="160">
        <v>0</v>
      </c>
      <c r="E18" s="161">
        <v>0</v>
      </c>
      <c r="F18" s="162">
        <v>0</v>
      </c>
      <c r="G18" s="160">
        <v>7</v>
      </c>
      <c r="H18" s="160">
        <v>8</v>
      </c>
      <c r="I18" s="160">
        <v>6</v>
      </c>
      <c r="J18" s="160">
        <v>4</v>
      </c>
      <c r="K18" s="160">
        <v>5</v>
      </c>
      <c r="L18" s="163">
        <v>30</v>
      </c>
      <c r="M18" s="164">
        <v>30</v>
      </c>
      <c r="N18" s="159">
        <v>0</v>
      </c>
      <c r="O18" s="160">
        <v>0</v>
      </c>
      <c r="P18" s="165">
        <v>0</v>
      </c>
      <c r="Q18" s="162">
        <v>0</v>
      </c>
      <c r="R18" s="160">
        <v>0</v>
      </c>
      <c r="S18" s="160">
        <v>0</v>
      </c>
      <c r="T18" s="160">
        <v>1</v>
      </c>
      <c r="U18" s="160">
        <v>2</v>
      </c>
      <c r="V18" s="160">
        <v>4</v>
      </c>
      <c r="W18" s="165">
        <v>7</v>
      </c>
      <c r="X18" s="164">
        <v>7</v>
      </c>
      <c r="Y18" s="159">
        <v>6</v>
      </c>
      <c r="Z18" s="160">
        <v>5</v>
      </c>
      <c r="AA18" s="165">
        <v>11</v>
      </c>
      <c r="AB18" s="162">
        <v>0</v>
      </c>
      <c r="AC18" s="160">
        <v>12</v>
      </c>
      <c r="AD18" s="160">
        <v>19</v>
      </c>
      <c r="AE18" s="160">
        <v>5</v>
      </c>
      <c r="AF18" s="160">
        <v>6</v>
      </c>
      <c r="AG18" s="160">
        <v>5</v>
      </c>
      <c r="AH18" s="165">
        <v>47</v>
      </c>
      <c r="AI18" s="164">
        <v>58</v>
      </c>
      <c r="AJ18" s="159">
        <v>1</v>
      </c>
      <c r="AK18" s="160">
        <v>0</v>
      </c>
      <c r="AL18" s="165">
        <v>1</v>
      </c>
      <c r="AM18" s="162">
        <v>0</v>
      </c>
      <c r="AN18" s="160">
        <v>1</v>
      </c>
      <c r="AO18" s="160">
        <v>2</v>
      </c>
      <c r="AP18" s="160">
        <v>0</v>
      </c>
      <c r="AQ18" s="160">
        <v>1</v>
      </c>
      <c r="AR18" s="160">
        <v>0</v>
      </c>
      <c r="AS18" s="165">
        <v>4</v>
      </c>
      <c r="AT18" s="164">
        <v>5</v>
      </c>
      <c r="AU18" s="159">
        <v>3</v>
      </c>
      <c r="AV18" s="160">
        <v>5</v>
      </c>
      <c r="AW18" s="165">
        <v>8</v>
      </c>
      <c r="AX18" s="162">
        <v>0</v>
      </c>
      <c r="AY18" s="160">
        <v>13</v>
      </c>
      <c r="AZ18" s="160">
        <v>24</v>
      </c>
      <c r="BA18" s="160">
        <v>13</v>
      </c>
      <c r="BB18" s="160">
        <v>15</v>
      </c>
      <c r="BC18" s="160">
        <v>14</v>
      </c>
      <c r="BD18" s="163">
        <v>79</v>
      </c>
      <c r="BE18" s="164">
        <v>87</v>
      </c>
      <c r="BF18" s="159">
        <v>0</v>
      </c>
      <c r="BG18" s="160">
        <v>0</v>
      </c>
      <c r="BH18" s="165">
        <v>0</v>
      </c>
      <c r="BI18" s="162">
        <v>0</v>
      </c>
      <c r="BJ18" s="160">
        <v>18</v>
      </c>
      <c r="BK18" s="160">
        <v>26</v>
      </c>
      <c r="BL18" s="160">
        <v>8</v>
      </c>
      <c r="BM18" s="160">
        <v>4</v>
      </c>
      <c r="BN18" s="160">
        <v>0</v>
      </c>
      <c r="BO18" s="165">
        <v>56</v>
      </c>
      <c r="BP18" s="164">
        <v>56</v>
      </c>
      <c r="BQ18" s="159">
        <v>2</v>
      </c>
      <c r="BR18" s="160">
        <v>7</v>
      </c>
      <c r="BS18" s="165">
        <v>9</v>
      </c>
      <c r="BT18" s="162">
        <v>0</v>
      </c>
      <c r="BU18" s="160">
        <v>9</v>
      </c>
      <c r="BV18" s="160">
        <v>25</v>
      </c>
      <c r="BW18" s="160">
        <v>6</v>
      </c>
      <c r="BX18" s="160">
        <v>1</v>
      </c>
      <c r="BY18" s="160">
        <v>2</v>
      </c>
      <c r="BZ18" s="165">
        <v>43</v>
      </c>
      <c r="CA18" s="164">
        <v>52</v>
      </c>
      <c r="CB18" s="159">
        <v>0</v>
      </c>
      <c r="CC18" s="160">
        <v>0</v>
      </c>
      <c r="CD18" s="165">
        <v>0</v>
      </c>
      <c r="CE18" s="162">
        <v>0</v>
      </c>
      <c r="CF18" s="160">
        <v>1</v>
      </c>
      <c r="CG18" s="160">
        <v>2</v>
      </c>
      <c r="CH18" s="160">
        <v>1</v>
      </c>
      <c r="CI18" s="160">
        <v>0</v>
      </c>
      <c r="CJ18" s="160">
        <v>1</v>
      </c>
      <c r="CK18" s="165">
        <v>5</v>
      </c>
      <c r="CL18" s="164">
        <v>5</v>
      </c>
      <c r="CM18" s="159">
        <v>0</v>
      </c>
      <c r="CN18" s="160">
        <v>0</v>
      </c>
      <c r="CO18" s="165">
        <v>0</v>
      </c>
      <c r="CP18" s="162">
        <v>0</v>
      </c>
      <c r="CQ18" s="160">
        <v>0</v>
      </c>
      <c r="CR18" s="160">
        <v>2</v>
      </c>
      <c r="CS18" s="160">
        <v>2</v>
      </c>
      <c r="CT18" s="160">
        <v>0</v>
      </c>
      <c r="CU18" s="160">
        <v>0</v>
      </c>
      <c r="CV18" s="165">
        <v>4</v>
      </c>
      <c r="CW18" s="164">
        <v>4</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1</v>
      </c>
      <c r="DU18" s="160">
        <v>24</v>
      </c>
      <c r="DV18" s="165">
        <v>35</v>
      </c>
      <c r="DW18" s="162">
        <v>0</v>
      </c>
      <c r="DX18" s="160">
        <v>17</v>
      </c>
      <c r="DY18" s="160">
        <v>50</v>
      </c>
      <c r="DZ18" s="160">
        <v>27</v>
      </c>
      <c r="EA18" s="160">
        <v>13</v>
      </c>
      <c r="EB18" s="160">
        <v>10</v>
      </c>
      <c r="EC18" s="165">
        <v>117</v>
      </c>
      <c r="ED18" s="164">
        <v>152</v>
      </c>
      <c r="EE18" s="159">
        <v>3</v>
      </c>
      <c r="EF18" s="160">
        <v>0</v>
      </c>
      <c r="EG18" s="165">
        <v>3</v>
      </c>
      <c r="EH18" s="162">
        <v>0</v>
      </c>
      <c r="EI18" s="160">
        <v>9</v>
      </c>
      <c r="EJ18" s="160">
        <v>13</v>
      </c>
      <c r="EK18" s="160">
        <v>6</v>
      </c>
      <c r="EL18" s="160">
        <v>9</v>
      </c>
      <c r="EM18" s="160">
        <v>6</v>
      </c>
      <c r="EN18" s="165">
        <v>43</v>
      </c>
      <c r="EO18" s="164">
        <v>46</v>
      </c>
      <c r="EP18" s="159">
        <v>17</v>
      </c>
      <c r="EQ18" s="160">
        <v>30</v>
      </c>
      <c r="ER18" s="165">
        <v>47</v>
      </c>
      <c r="ES18" s="162">
        <v>0</v>
      </c>
      <c r="ET18" s="160">
        <v>45</v>
      </c>
      <c r="EU18" s="160">
        <v>68</v>
      </c>
      <c r="EV18" s="160">
        <v>28</v>
      </c>
      <c r="EW18" s="160">
        <v>12</v>
      </c>
      <c r="EX18" s="160">
        <v>10</v>
      </c>
      <c r="EY18" s="165">
        <v>163</v>
      </c>
      <c r="EZ18" s="164">
        <v>210</v>
      </c>
    </row>
    <row r="19" spans="2:156" ht="21" customHeight="1" x14ac:dyDescent="0.2">
      <c r="B19" s="166" t="s">
        <v>17</v>
      </c>
      <c r="C19" s="159">
        <v>0</v>
      </c>
      <c r="D19" s="160">
        <v>0</v>
      </c>
      <c r="E19" s="161">
        <v>0</v>
      </c>
      <c r="F19" s="162">
        <v>0</v>
      </c>
      <c r="G19" s="160">
        <v>16</v>
      </c>
      <c r="H19" s="160">
        <v>23</v>
      </c>
      <c r="I19" s="160">
        <v>15</v>
      </c>
      <c r="J19" s="160">
        <v>5</v>
      </c>
      <c r="K19" s="160">
        <v>3</v>
      </c>
      <c r="L19" s="163">
        <v>62</v>
      </c>
      <c r="M19" s="164">
        <v>62</v>
      </c>
      <c r="N19" s="159">
        <v>0</v>
      </c>
      <c r="O19" s="160">
        <v>0</v>
      </c>
      <c r="P19" s="165">
        <v>0</v>
      </c>
      <c r="Q19" s="162">
        <v>0</v>
      </c>
      <c r="R19" s="160">
        <v>0</v>
      </c>
      <c r="S19" s="160">
        <v>0</v>
      </c>
      <c r="T19" s="160">
        <v>1</v>
      </c>
      <c r="U19" s="160">
        <v>0</v>
      </c>
      <c r="V19" s="160">
        <v>2</v>
      </c>
      <c r="W19" s="165">
        <v>3</v>
      </c>
      <c r="X19" s="164">
        <v>3</v>
      </c>
      <c r="Y19" s="159">
        <v>0</v>
      </c>
      <c r="Z19" s="160">
        <v>4</v>
      </c>
      <c r="AA19" s="165">
        <v>4</v>
      </c>
      <c r="AB19" s="162">
        <v>0</v>
      </c>
      <c r="AC19" s="160">
        <v>12</v>
      </c>
      <c r="AD19" s="160">
        <v>17</v>
      </c>
      <c r="AE19" s="160">
        <v>22</v>
      </c>
      <c r="AF19" s="160">
        <v>3</v>
      </c>
      <c r="AG19" s="160">
        <v>4</v>
      </c>
      <c r="AH19" s="165">
        <v>58</v>
      </c>
      <c r="AI19" s="164">
        <v>62</v>
      </c>
      <c r="AJ19" s="159">
        <v>0</v>
      </c>
      <c r="AK19" s="160">
        <v>1</v>
      </c>
      <c r="AL19" s="165">
        <v>1</v>
      </c>
      <c r="AM19" s="162">
        <v>0</v>
      </c>
      <c r="AN19" s="160">
        <v>1</v>
      </c>
      <c r="AO19" s="160">
        <v>1</v>
      </c>
      <c r="AP19" s="160">
        <v>2</v>
      </c>
      <c r="AQ19" s="160">
        <v>0</v>
      </c>
      <c r="AR19" s="160">
        <v>1</v>
      </c>
      <c r="AS19" s="165">
        <v>5</v>
      </c>
      <c r="AT19" s="164">
        <v>6</v>
      </c>
      <c r="AU19" s="159">
        <v>9</v>
      </c>
      <c r="AV19" s="160">
        <v>3</v>
      </c>
      <c r="AW19" s="165">
        <v>12</v>
      </c>
      <c r="AX19" s="162">
        <v>0</v>
      </c>
      <c r="AY19" s="160">
        <v>16</v>
      </c>
      <c r="AZ19" s="160">
        <v>31</v>
      </c>
      <c r="BA19" s="160">
        <v>29</v>
      </c>
      <c r="BB19" s="160">
        <v>7</v>
      </c>
      <c r="BC19" s="160">
        <v>11</v>
      </c>
      <c r="BD19" s="163">
        <v>94</v>
      </c>
      <c r="BE19" s="164">
        <v>106</v>
      </c>
      <c r="BF19" s="159">
        <v>0</v>
      </c>
      <c r="BG19" s="160">
        <v>0</v>
      </c>
      <c r="BH19" s="165">
        <v>0</v>
      </c>
      <c r="BI19" s="162">
        <v>0</v>
      </c>
      <c r="BJ19" s="160">
        <v>16</v>
      </c>
      <c r="BK19" s="160">
        <v>27</v>
      </c>
      <c r="BL19" s="160">
        <v>11</v>
      </c>
      <c r="BM19" s="160">
        <v>2</v>
      </c>
      <c r="BN19" s="160">
        <v>2</v>
      </c>
      <c r="BO19" s="165">
        <v>58</v>
      </c>
      <c r="BP19" s="164">
        <v>58</v>
      </c>
      <c r="BQ19" s="159">
        <v>5</v>
      </c>
      <c r="BR19" s="160">
        <v>2</v>
      </c>
      <c r="BS19" s="165">
        <v>7</v>
      </c>
      <c r="BT19" s="162">
        <v>0</v>
      </c>
      <c r="BU19" s="160">
        <v>5</v>
      </c>
      <c r="BV19" s="160">
        <v>12</v>
      </c>
      <c r="BW19" s="160">
        <v>6</v>
      </c>
      <c r="BX19" s="160">
        <v>1</v>
      </c>
      <c r="BY19" s="160">
        <v>0</v>
      </c>
      <c r="BZ19" s="165">
        <v>24</v>
      </c>
      <c r="CA19" s="164">
        <v>31</v>
      </c>
      <c r="CB19" s="159">
        <v>0</v>
      </c>
      <c r="CC19" s="160">
        <v>0</v>
      </c>
      <c r="CD19" s="165">
        <v>0</v>
      </c>
      <c r="CE19" s="162">
        <v>0</v>
      </c>
      <c r="CF19" s="160">
        <v>4</v>
      </c>
      <c r="CG19" s="160">
        <v>12</v>
      </c>
      <c r="CH19" s="160">
        <v>6</v>
      </c>
      <c r="CI19" s="160">
        <v>4</v>
      </c>
      <c r="CJ19" s="160">
        <v>1</v>
      </c>
      <c r="CK19" s="165">
        <v>27</v>
      </c>
      <c r="CL19" s="164">
        <v>27</v>
      </c>
      <c r="CM19" s="159">
        <v>0</v>
      </c>
      <c r="CN19" s="160">
        <v>0</v>
      </c>
      <c r="CO19" s="165">
        <v>0</v>
      </c>
      <c r="CP19" s="162">
        <v>0</v>
      </c>
      <c r="CQ19" s="160">
        <v>0</v>
      </c>
      <c r="CR19" s="160">
        <v>1</v>
      </c>
      <c r="CS19" s="160">
        <v>3</v>
      </c>
      <c r="CT19" s="160">
        <v>0</v>
      </c>
      <c r="CU19" s="160">
        <v>0</v>
      </c>
      <c r="CV19" s="165">
        <v>4</v>
      </c>
      <c r="CW19" s="164">
        <v>4</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10</v>
      </c>
      <c r="DU19" s="160">
        <v>27</v>
      </c>
      <c r="DV19" s="165">
        <v>37</v>
      </c>
      <c r="DW19" s="162">
        <v>0</v>
      </c>
      <c r="DX19" s="160">
        <v>20</v>
      </c>
      <c r="DY19" s="160">
        <v>74</v>
      </c>
      <c r="DZ19" s="160">
        <v>38</v>
      </c>
      <c r="EA19" s="160">
        <v>12</v>
      </c>
      <c r="EB19" s="160">
        <v>9</v>
      </c>
      <c r="EC19" s="165">
        <v>153</v>
      </c>
      <c r="ED19" s="164">
        <v>190</v>
      </c>
      <c r="EE19" s="159">
        <v>5</v>
      </c>
      <c r="EF19" s="160">
        <v>2</v>
      </c>
      <c r="EG19" s="165">
        <v>7</v>
      </c>
      <c r="EH19" s="162">
        <v>0</v>
      </c>
      <c r="EI19" s="160">
        <v>9</v>
      </c>
      <c r="EJ19" s="160">
        <v>15</v>
      </c>
      <c r="EK19" s="160">
        <v>7</v>
      </c>
      <c r="EL19" s="160">
        <v>3</v>
      </c>
      <c r="EM19" s="160">
        <v>2</v>
      </c>
      <c r="EN19" s="165">
        <v>36</v>
      </c>
      <c r="EO19" s="164">
        <v>43</v>
      </c>
      <c r="EP19" s="159">
        <v>16</v>
      </c>
      <c r="EQ19" s="160">
        <v>31</v>
      </c>
      <c r="ER19" s="165">
        <v>47</v>
      </c>
      <c r="ES19" s="162">
        <v>0</v>
      </c>
      <c r="ET19" s="160">
        <v>68</v>
      </c>
      <c r="EU19" s="160">
        <v>94</v>
      </c>
      <c r="EV19" s="160">
        <v>45</v>
      </c>
      <c r="EW19" s="160">
        <v>14</v>
      </c>
      <c r="EX19" s="160">
        <v>9</v>
      </c>
      <c r="EY19" s="165">
        <v>230</v>
      </c>
      <c r="EZ19" s="164">
        <v>277</v>
      </c>
    </row>
    <row r="20" spans="2:156" ht="21" customHeight="1" x14ac:dyDescent="0.2">
      <c r="B20" s="166" t="s">
        <v>18</v>
      </c>
      <c r="C20" s="159">
        <v>0</v>
      </c>
      <c r="D20" s="160">
        <v>0</v>
      </c>
      <c r="E20" s="161">
        <v>0</v>
      </c>
      <c r="F20" s="162">
        <v>0</v>
      </c>
      <c r="G20" s="160">
        <v>23</v>
      </c>
      <c r="H20" s="160">
        <v>21</v>
      </c>
      <c r="I20" s="160">
        <v>15</v>
      </c>
      <c r="J20" s="160">
        <v>7</v>
      </c>
      <c r="K20" s="160">
        <v>7</v>
      </c>
      <c r="L20" s="163">
        <v>73</v>
      </c>
      <c r="M20" s="164">
        <v>73</v>
      </c>
      <c r="N20" s="159">
        <v>0</v>
      </c>
      <c r="O20" s="160">
        <v>0</v>
      </c>
      <c r="P20" s="165">
        <v>0</v>
      </c>
      <c r="Q20" s="162">
        <v>0</v>
      </c>
      <c r="R20" s="160">
        <v>0</v>
      </c>
      <c r="S20" s="160">
        <v>2</v>
      </c>
      <c r="T20" s="160">
        <v>0</v>
      </c>
      <c r="U20" s="160">
        <v>3</v>
      </c>
      <c r="V20" s="160">
        <v>6</v>
      </c>
      <c r="W20" s="165">
        <v>11</v>
      </c>
      <c r="X20" s="164">
        <v>11</v>
      </c>
      <c r="Y20" s="159">
        <v>4</v>
      </c>
      <c r="Z20" s="160">
        <v>8</v>
      </c>
      <c r="AA20" s="165">
        <v>12</v>
      </c>
      <c r="AB20" s="162">
        <v>0</v>
      </c>
      <c r="AC20" s="160">
        <v>18</v>
      </c>
      <c r="AD20" s="160">
        <v>24</v>
      </c>
      <c r="AE20" s="160">
        <v>13</v>
      </c>
      <c r="AF20" s="160">
        <v>6</v>
      </c>
      <c r="AG20" s="160">
        <v>7</v>
      </c>
      <c r="AH20" s="165">
        <v>68</v>
      </c>
      <c r="AI20" s="164">
        <v>80</v>
      </c>
      <c r="AJ20" s="159">
        <v>0</v>
      </c>
      <c r="AK20" s="160">
        <v>1</v>
      </c>
      <c r="AL20" s="165">
        <v>1</v>
      </c>
      <c r="AM20" s="162">
        <v>0</v>
      </c>
      <c r="AN20" s="160">
        <v>3</v>
      </c>
      <c r="AO20" s="160">
        <v>2</v>
      </c>
      <c r="AP20" s="160">
        <v>3</v>
      </c>
      <c r="AQ20" s="160">
        <v>2</v>
      </c>
      <c r="AR20" s="160">
        <v>0</v>
      </c>
      <c r="AS20" s="165">
        <v>10</v>
      </c>
      <c r="AT20" s="164">
        <v>11</v>
      </c>
      <c r="AU20" s="159">
        <v>3</v>
      </c>
      <c r="AV20" s="160">
        <v>6</v>
      </c>
      <c r="AW20" s="165">
        <v>9</v>
      </c>
      <c r="AX20" s="162">
        <v>0</v>
      </c>
      <c r="AY20" s="160">
        <v>42</v>
      </c>
      <c r="AZ20" s="160">
        <v>33</v>
      </c>
      <c r="BA20" s="160">
        <v>30</v>
      </c>
      <c r="BB20" s="160">
        <v>27</v>
      </c>
      <c r="BC20" s="160">
        <v>17</v>
      </c>
      <c r="BD20" s="163">
        <v>149</v>
      </c>
      <c r="BE20" s="164">
        <v>158</v>
      </c>
      <c r="BF20" s="159">
        <v>0</v>
      </c>
      <c r="BG20" s="160">
        <v>0</v>
      </c>
      <c r="BH20" s="165">
        <v>0</v>
      </c>
      <c r="BI20" s="162">
        <v>0</v>
      </c>
      <c r="BJ20" s="160">
        <v>52</v>
      </c>
      <c r="BK20" s="160">
        <v>31</v>
      </c>
      <c r="BL20" s="160">
        <v>22</v>
      </c>
      <c r="BM20" s="160">
        <v>7</v>
      </c>
      <c r="BN20" s="160">
        <v>4</v>
      </c>
      <c r="BO20" s="165">
        <v>116</v>
      </c>
      <c r="BP20" s="164">
        <v>116</v>
      </c>
      <c r="BQ20" s="159">
        <v>2</v>
      </c>
      <c r="BR20" s="160">
        <v>6</v>
      </c>
      <c r="BS20" s="165">
        <v>8</v>
      </c>
      <c r="BT20" s="162">
        <v>0</v>
      </c>
      <c r="BU20" s="160">
        <v>17</v>
      </c>
      <c r="BV20" s="160">
        <v>15</v>
      </c>
      <c r="BW20" s="160">
        <v>9</v>
      </c>
      <c r="BX20" s="160">
        <v>1</v>
      </c>
      <c r="BY20" s="160">
        <v>3</v>
      </c>
      <c r="BZ20" s="165">
        <v>45</v>
      </c>
      <c r="CA20" s="164">
        <v>53</v>
      </c>
      <c r="CB20" s="159">
        <v>0</v>
      </c>
      <c r="CC20" s="160">
        <v>1</v>
      </c>
      <c r="CD20" s="165">
        <v>1</v>
      </c>
      <c r="CE20" s="162">
        <v>0</v>
      </c>
      <c r="CF20" s="160">
        <v>4</v>
      </c>
      <c r="CG20" s="160">
        <v>12</v>
      </c>
      <c r="CH20" s="160">
        <v>10</v>
      </c>
      <c r="CI20" s="160">
        <v>5</v>
      </c>
      <c r="CJ20" s="160">
        <v>2</v>
      </c>
      <c r="CK20" s="165">
        <v>33</v>
      </c>
      <c r="CL20" s="164">
        <v>34</v>
      </c>
      <c r="CM20" s="159">
        <v>0</v>
      </c>
      <c r="CN20" s="160">
        <v>0</v>
      </c>
      <c r="CO20" s="165">
        <v>0</v>
      </c>
      <c r="CP20" s="162">
        <v>0</v>
      </c>
      <c r="CQ20" s="160">
        <v>0</v>
      </c>
      <c r="CR20" s="160">
        <v>0</v>
      </c>
      <c r="CS20" s="160">
        <v>0</v>
      </c>
      <c r="CT20" s="160">
        <v>0</v>
      </c>
      <c r="CU20" s="160">
        <v>0</v>
      </c>
      <c r="CV20" s="165">
        <v>0</v>
      </c>
      <c r="CW20" s="164">
        <v>0</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11</v>
      </c>
      <c r="DU20" s="160">
        <v>28</v>
      </c>
      <c r="DV20" s="165">
        <v>39</v>
      </c>
      <c r="DW20" s="162">
        <v>0</v>
      </c>
      <c r="DX20" s="160">
        <v>49</v>
      </c>
      <c r="DY20" s="160">
        <v>53</v>
      </c>
      <c r="DZ20" s="160">
        <v>41</v>
      </c>
      <c r="EA20" s="160">
        <v>22</v>
      </c>
      <c r="EB20" s="160">
        <v>18</v>
      </c>
      <c r="EC20" s="165">
        <v>183</v>
      </c>
      <c r="ED20" s="164">
        <v>222</v>
      </c>
      <c r="EE20" s="159">
        <v>3</v>
      </c>
      <c r="EF20" s="160">
        <v>0</v>
      </c>
      <c r="EG20" s="165">
        <v>3</v>
      </c>
      <c r="EH20" s="162">
        <v>0</v>
      </c>
      <c r="EI20" s="160">
        <v>17</v>
      </c>
      <c r="EJ20" s="160">
        <v>14</v>
      </c>
      <c r="EK20" s="160">
        <v>7</v>
      </c>
      <c r="EL20" s="160">
        <v>9</v>
      </c>
      <c r="EM20" s="160">
        <v>4</v>
      </c>
      <c r="EN20" s="165">
        <v>51</v>
      </c>
      <c r="EO20" s="164">
        <v>54</v>
      </c>
      <c r="EP20" s="159">
        <v>16</v>
      </c>
      <c r="EQ20" s="160">
        <v>34</v>
      </c>
      <c r="ER20" s="165">
        <v>50</v>
      </c>
      <c r="ES20" s="162">
        <v>0</v>
      </c>
      <c r="ET20" s="160">
        <v>115</v>
      </c>
      <c r="EU20" s="160">
        <v>83</v>
      </c>
      <c r="EV20" s="160">
        <v>51</v>
      </c>
      <c r="EW20" s="160">
        <v>21</v>
      </c>
      <c r="EX20" s="160">
        <v>19</v>
      </c>
      <c r="EY20" s="165">
        <v>289</v>
      </c>
      <c r="EZ20" s="164">
        <v>339</v>
      </c>
    </row>
    <row r="21" spans="2:156" ht="21" customHeight="1" x14ac:dyDescent="0.2">
      <c r="B21" s="166" t="s">
        <v>19</v>
      </c>
      <c r="C21" s="159">
        <v>0</v>
      </c>
      <c r="D21" s="160">
        <v>0</v>
      </c>
      <c r="E21" s="161">
        <v>0</v>
      </c>
      <c r="F21" s="162">
        <v>0</v>
      </c>
      <c r="G21" s="160">
        <v>12</v>
      </c>
      <c r="H21" s="160">
        <v>7</v>
      </c>
      <c r="I21" s="160">
        <v>5</v>
      </c>
      <c r="J21" s="160">
        <v>4</v>
      </c>
      <c r="K21" s="160">
        <v>5</v>
      </c>
      <c r="L21" s="163">
        <v>33</v>
      </c>
      <c r="M21" s="164">
        <v>33</v>
      </c>
      <c r="N21" s="159">
        <v>0</v>
      </c>
      <c r="O21" s="160">
        <v>0</v>
      </c>
      <c r="P21" s="165">
        <v>0</v>
      </c>
      <c r="Q21" s="162">
        <v>0</v>
      </c>
      <c r="R21" s="160">
        <v>0</v>
      </c>
      <c r="S21" s="160">
        <v>0</v>
      </c>
      <c r="T21" s="160">
        <v>2</v>
      </c>
      <c r="U21" s="160">
        <v>1</v>
      </c>
      <c r="V21" s="160">
        <v>2</v>
      </c>
      <c r="W21" s="165">
        <v>5</v>
      </c>
      <c r="X21" s="164">
        <v>5</v>
      </c>
      <c r="Y21" s="159">
        <v>0</v>
      </c>
      <c r="Z21" s="160">
        <v>3</v>
      </c>
      <c r="AA21" s="165">
        <v>3</v>
      </c>
      <c r="AB21" s="162">
        <v>0</v>
      </c>
      <c r="AC21" s="160">
        <v>14</v>
      </c>
      <c r="AD21" s="160">
        <v>8</v>
      </c>
      <c r="AE21" s="160">
        <v>8</v>
      </c>
      <c r="AF21" s="160">
        <v>3</v>
      </c>
      <c r="AG21" s="160">
        <v>3</v>
      </c>
      <c r="AH21" s="165">
        <v>36</v>
      </c>
      <c r="AI21" s="164">
        <v>39</v>
      </c>
      <c r="AJ21" s="159">
        <v>0</v>
      </c>
      <c r="AK21" s="160">
        <v>0</v>
      </c>
      <c r="AL21" s="165">
        <v>0</v>
      </c>
      <c r="AM21" s="162">
        <v>0</v>
      </c>
      <c r="AN21" s="160">
        <v>1</v>
      </c>
      <c r="AO21" s="160">
        <v>1</v>
      </c>
      <c r="AP21" s="160">
        <v>0</v>
      </c>
      <c r="AQ21" s="160">
        <v>0</v>
      </c>
      <c r="AR21" s="160">
        <v>0</v>
      </c>
      <c r="AS21" s="165">
        <v>2</v>
      </c>
      <c r="AT21" s="164">
        <v>2</v>
      </c>
      <c r="AU21" s="159">
        <v>3</v>
      </c>
      <c r="AV21" s="160">
        <v>7</v>
      </c>
      <c r="AW21" s="165">
        <v>10</v>
      </c>
      <c r="AX21" s="162">
        <v>0</v>
      </c>
      <c r="AY21" s="160">
        <v>22</v>
      </c>
      <c r="AZ21" s="160">
        <v>17</v>
      </c>
      <c r="BA21" s="160">
        <v>15</v>
      </c>
      <c r="BB21" s="160">
        <v>12</v>
      </c>
      <c r="BC21" s="160">
        <v>11</v>
      </c>
      <c r="BD21" s="163">
        <v>77</v>
      </c>
      <c r="BE21" s="164">
        <v>87</v>
      </c>
      <c r="BF21" s="159">
        <v>0</v>
      </c>
      <c r="BG21" s="160">
        <v>0</v>
      </c>
      <c r="BH21" s="165">
        <v>0</v>
      </c>
      <c r="BI21" s="162">
        <v>0</v>
      </c>
      <c r="BJ21" s="160">
        <v>20</v>
      </c>
      <c r="BK21" s="160">
        <v>12</v>
      </c>
      <c r="BL21" s="160">
        <v>4</v>
      </c>
      <c r="BM21" s="160">
        <v>1</v>
      </c>
      <c r="BN21" s="160">
        <v>1</v>
      </c>
      <c r="BO21" s="165">
        <v>38</v>
      </c>
      <c r="BP21" s="164">
        <v>38</v>
      </c>
      <c r="BQ21" s="159">
        <v>2</v>
      </c>
      <c r="BR21" s="160">
        <v>3</v>
      </c>
      <c r="BS21" s="165">
        <v>5</v>
      </c>
      <c r="BT21" s="162">
        <v>0</v>
      </c>
      <c r="BU21" s="160">
        <v>9</v>
      </c>
      <c r="BV21" s="160">
        <v>8</v>
      </c>
      <c r="BW21" s="160">
        <v>2</v>
      </c>
      <c r="BX21" s="160">
        <v>1</v>
      </c>
      <c r="BY21" s="160">
        <v>0</v>
      </c>
      <c r="BZ21" s="165">
        <v>20</v>
      </c>
      <c r="CA21" s="164">
        <v>25</v>
      </c>
      <c r="CB21" s="159">
        <v>0</v>
      </c>
      <c r="CC21" s="160">
        <v>0</v>
      </c>
      <c r="CD21" s="165">
        <v>0</v>
      </c>
      <c r="CE21" s="162">
        <v>0</v>
      </c>
      <c r="CF21" s="160">
        <v>1</v>
      </c>
      <c r="CG21" s="160">
        <v>1</v>
      </c>
      <c r="CH21" s="160">
        <v>1</v>
      </c>
      <c r="CI21" s="160">
        <v>0</v>
      </c>
      <c r="CJ21" s="160">
        <v>0</v>
      </c>
      <c r="CK21" s="165">
        <v>3</v>
      </c>
      <c r="CL21" s="164">
        <v>3</v>
      </c>
      <c r="CM21" s="159">
        <v>0</v>
      </c>
      <c r="CN21" s="160">
        <v>0</v>
      </c>
      <c r="CO21" s="165">
        <v>0</v>
      </c>
      <c r="CP21" s="162">
        <v>0</v>
      </c>
      <c r="CQ21" s="160">
        <v>0</v>
      </c>
      <c r="CR21" s="160">
        <v>2</v>
      </c>
      <c r="CS21" s="160">
        <v>0</v>
      </c>
      <c r="CT21" s="160">
        <v>0</v>
      </c>
      <c r="CU21" s="160">
        <v>0</v>
      </c>
      <c r="CV21" s="165">
        <v>2</v>
      </c>
      <c r="CW21" s="164">
        <v>2</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6</v>
      </c>
      <c r="DU21" s="160">
        <v>14</v>
      </c>
      <c r="DV21" s="165">
        <v>20</v>
      </c>
      <c r="DW21" s="162">
        <v>0</v>
      </c>
      <c r="DX21" s="160">
        <v>34</v>
      </c>
      <c r="DY21" s="160">
        <v>28</v>
      </c>
      <c r="DZ21" s="160">
        <v>15</v>
      </c>
      <c r="EA21" s="160">
        <v>8</v>
      </c>
      <c r="EB21" s="160">
        <v>11</v>
      </c>
      <c r="EC21" s="165">
        <v>96</v>
      </c>
      <c r="ED21" s="164">
        <v>116</v>
      </c>
      <c r="EE21" s="159">
        <v>2</v>
      </c>
      <c r="EF21" s="160">
        <v>2</v>
      </c>
      <c r="EG21" s="165">
        <v>4</v>
      </c>
      <c r="EH21" s="162">
        <v>0</v>
      </c>
      <c r="EI21" s="160">
        <v>6</v>
      </c>
      <c r="EJ21" s="160">
        <v>7</v>
      </c>
      <c r="EK21" s="160">
        <v>6</v>
      </c>
      <c r="EL21" s="160">
        <v>5</v>
      </c>
      <c r="EM21" s="160">
        <v>2</v>
      </c>
      <c r="EN21" s="165">
        <v>26</v>
      </c>
      <c r="EO21" s="164">
        <v>30</v>
      </c>
      <c r="EP21" s="159">
        <v>8</v>
      </c>
      <c r="EQ21" s="160">
        <v>19</v>
      </c>
      <c r="ER21" s="165">
        <v>27</v>
      </c>
      <c r="ES21" s="162">
        <v>0</v>
      </c>
      <c r="ET21" s="160">
        <v>51</v>
      </c>
      <c r="EU21" s="160">
        <v>31</v>
      </c>
      <c r="EV21" s="160">
        <v>13</v>
      </c>
      <c r="EW21" s="160">
        <v>8</v>
      </c>
      <c r="EX21" s="160">
        <v>7</v>
      </c>
      <c r="EY21" s="165">
        <v>110</v>
      </c>
      <c r="EZ21" s="164">
        <v>137</v>
      </c>
    </row>
    <row r="22" spans="2:156" ht="21" customHeight="1" x14ac:dyDescent="0.2">
      <c r="B22" s="166" t="s">
        <v>20</v>
      </c>
      <c r="C22" s="159">
        <v>0</v>
      </c>
      <c r="D22" s="160">
        <v>0</v>
      </c>
      <c r="E22" s="161">
        <v>0</v>
      </c>
      <c r="F22" s="162">
        <v>0</v>
      </c>
      <c r="G22" s="160">
        <v>22</v>
      </c>
      <c r="H22" s="160">
        <v>19</v>
      </c>
      <c r="I22" s="160">
        <v>9</v>
      </c>
      <c r="J22" s="160">
        <v>2</v>
      </c>
      <c r="K22" s="160">
        <v>9</v>
      </c>
      <c r="L22" s="163">
        <v>61</v>
      </c>
      <c r="M22" s="164">
        <v>61</v>
      </c>
      <c r="N22" s="159">
        <v>0</v>
      </c>
      <c r="O22" s="160">
        <v>0</v>
      </c>
      <c r="P22" s="165">
        <v>0</v>
      </c>
      <c r="Q22" s="162">
        <v>0</v>
      </c>
      <c r="R22" s="160">
        <v>0</v>
      </c>
      <c r="S22" s="160">
        <v>0</v>
      </c>
      <c r="T22" s="160">
        <v>1</v>
      </c>
      <c r="U22" s="160">
        <v>0</v>
      </c>
      <c r="V22" s="160">
        <v>2</v>
      </c>
      <c r="W22" s="165">
        <v>3</v>
      </c>
      <c r="X22" s="164">
        <v>3</v>
      </c>
      <c r="Y22" s="159">
        <v>4</v>
      </c>
      <c r="Z22" s="160">
        <v>4</v>
      </c>
      <c r="AA22" s="165">
        <v>8</v>
      </c>
      <c r="AB22" s="162">
        <v>0</v>
      </c>
      <c r="AC22" s="160">
        <v>21</v>
      </c>
      <c r="AD22" s="160">
        <v>19</v>
      </c>
      <c r="AE22" s="160">
        <v>12</v>
      </c>
      <c r="AF22" s="160">
        <v>4</v>
      </c>
      <c r="AG22" s="160">
        <v>3</v>
      </c>
      <c r="AH22" s="165">
        <v>59</v>
      </c>
      <c r="AI22" s="164">
        <v>67</v>
      </c>
      <c r="AJ22" s="159">
        <v>2</v>
      </c>
      <c r="AK22" s="160">
        <v>2</v>
      </c>
      <c r="AL22" s="165">
        <v>4</v>
      </c>
      <c r="AM22" s="162">
        <v>0</v>
      </c>
      <c r="AN22" s="160">
        <v>3</v>
      </c>
      <c r="AO22" s="160">
        <v>7</v>
      </c>
      <c r="AP22" s="160">
        <v>5</v>
      </c>
      <c r="AQ22" s="160">
        <v>1</v>
      </c>
      <c r="AR22" s="160">
        <v>2</v>
      </c>
      <c r="AS22" s="165">
        <v>18</v>
      </c>
      <c r="AT22" s="164">
        <v>22</v>
      </c>
      <c r="AU22" s="159">
        <v>1</v>
      </c>
      <c r="AV22" s="160">
        <v>4</v>
      </c>
      <c r="AW22" s="165">
        <v>5</v>
      </c>
      <c r="AX22" s="162">
        <v>0</v>
      </c>
      <c r="AY22" s="160">
        <v>18</v>
      </c>
      <c r="AZ22" s="160">
        <v>19</v>
      </c>
      <c r="BA22" s="160">
        <v>28</v>
      </c>
      <c r="BB22" s="160">
        <v>18</v>
      </c>
      <c r="BC22" s="160">
        <v>9</v>
      </c>
      <c r="BD22" s="163">
        <v>92</v>
      </c>
      <c r="BE22" s="164">
        <v>97</v>
      </c>
      <c r="BF22" s="159">
        <v>0</v>
      </c>
      <c r="BG22" s="160">
        <v>0</v>
      </c>
      <c r="BH22" s="165">
        <v>0</v>
      </c>
      <c r="BI22" s="162">
        <v>0</v>
      </c>
      <c r="BJ22" s="160">
        <v>31</v>
      </c>
      <c r="BK22" s="160">
        <v>20</v>
      </c>
      <c r="BL22" s="160">
        <v>12</v>
      </c>
      <c r="BM22" s="160">
        <v>4</v>
      </c>
      <c r="BN22" s="160">
        <v>2</v>
      </c>
      <c r="BO22" s="165">
        <v>69</v>
      </c>
      <c r="BP22" s="164">
        <v>69</v>
      </c>
      <c r="BQ22" s="159">
        <v>3</v>
      </c>
      <c r="BR22" s="160">
        <v>1</v>
      </c>
      <c r="BS22" s="165">
        <v>4</v>
      </c>
      <c r="BT22" s="162">
        <v>0</v>
      </c>
      <c r="BU22" s="160">
        <v>14</v>
      </c>
      <c r="BV22" s="160">
        <v>9</v>
      </c>
      <c r="BW22" s="160">
        <v>4</v>
      </c>
      <c r="BX22" s="160">
        <v>2</v>
      </c>
      <c r="BY22" s="160">
        <v>2</v>
      </c>
      <c r="BZ22" s="165">
        <v>31</v>
      </c>
      <c r="CA22" s="164">
        <v>35</v>
      </c>
      <c r="CB22" s="159">
        <v>0</v>
      </c>
      <c r="CC22" s="160">
        <v>1</v>
      </c>
      <c r="CD22" s="165">
        <v>1</v>
      </c>
      <c r="CE22" s="162">
        <v>0</v>
      </c>
      <c r="CF22" s="160">
        <v>6</v>
      </c>
      <c r="CG22" s="160">
        <v>2</v>
      </c>
      <c r="CH22" s="160">
        <v>6</v>
      </c>
      <c r="CI22" s="160">
        <v>6</v>
      </c>
      <c r="CJ22" s="160">
        <v>1</v>
      </c>
      <c r="CK22" s="165">
        <v>21</v>
      </c>
      <c r="CL22" s="164">
        <v>22</v>
      </c>
      <c r="CM22" s="159">
        <v>0</v>
      </c>
      <c r="CN22" s="160">
        <v>0</v>
      </c>
      <c r="CO22" s="165">
        <v>0</v>
      </c>
      <c r="CP22" s="162">
        <v>0</v>
      </c>
      <c r="CQ22" s="160">
        <v>0</v>
      </c>
      <c r="CR22" s="160">
        <v>0</v>
      </c>
      <c r="CS22" s="160">
        <v>1</v>
      </c>
      <c r="CT22" s="160">
        <v>2</v>
      </c>
      <c r="CU22" s="160">
        <v>0</v>
      </c>
      <c r="CV22" s="165">
        <v>3</v>
      </c>
      <c r="CW22" s="164">
        <v>3</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9</v>
      </c>
      <c r="DU22" s="160">
        <v>25</v>
      </c>
      <c r="DV22" s="165">
        <v>34</v>
      </c>
      <c r="DW22" s="162">
        <v>0</v>
      </c>
      <c r="DX22" s="160">
        <v>45</v>
      </c>
      <c r="DY22" s="160">
        <v>44</v>
      </c>
      <c r="DZ22" s="160">
        <v>23</v>
      </c>
      <c r="EA22" s="160">
        <v>13</v>
      </c>
      <c r="EB22" s="160">
        <v>10</v>
      </c>
      <c r="EC22" s="165">
        <v>135</v>
      </c>
      <c r="ED22" s="164">
        <v>169</v>
      </c>
      <c r="EE22" s="159">
        <v>1</v>
      </c>
      <c r="EF22" s="160">
        <v>2</v>
      </c>
      <c r="EG22" s="165">
        <v>3</v>
      </c>
      <c r="EH22" s="162">
        <v>0</v>
      </c>
      <c r="EI22" s="160">
        <v>5</v>
      </c>
      <c r="EJ22" s="160">
        <v>1</v>
      </c>
      <c r="EK22" s="160">
        <v>9</v>
      </c>
      <c r="EL22" s="160">
        <v>8</v>
      </c>
      <c r="EM22" s="160">
        <v>3</v>
      </c>
      <c r="EN22" s="165">
        <v>26</v>
      </c>
      <c r="EO22" s="164">
        <v>29</v>
      </c>
      <c r="EP22" s="159">
        <v>18</v>
      </c>
      <c r="EQ22" s="160">
        <v>28</v>
      </c>
      <c r="ER22" s="165">
        <v>46</v>
      </c>
      <c r="ES22" s="162">
        <v>0</v>
      </c>
      <c r="ET22" s="160">
        <v>67</v>
      </c>
      <c r="EU22" s="160">
        <v>50</v>
      </c>
      <c r="EV22" s="160">
        <v>25</v>
      </c>
      <c r="EW22" s="160">
        <v>13</v>
      </c>
      <c r="EX22" s="160">
        <v>10</v>
      </c>
      <c r="EY22" s="165">
        <v>165</v>
      </c>
      <c r="EZ22" s="164">
        <v>211</v>
      </c>
    </row>
    <row r="23" spans="2:156" ht="21" customHeight="1" x14ac:dyDescent="0.2">
      <c r="B23" s="166" t="s">
        <v>21</v>
      </c>
      <c r="C23" s="159">
        <v>0</v>
      </c>
      <c r="D23" s="160">
        <v>0</v>
      </c>
      <c r="E23" s="161">
        <v>0</v>
      </c>
      <c r="F23" s="162">
        <v>0</v>
      </c>
      <c r="G23" s="160">
        <v>12</v>
      </c>
      <c r="H23" s="160">
        <v>18</v>
      </c>
      <c r="I23" s="160">
        <v>4</v>
      </c>
      <c r="J23" s="160">
        <v>4</v>
      </c>
      <c r="K23" s="160">
        <v>4</v>
      </c>
      <c r="L23" s="163">
        <v>42</v>
      </c>
      <c r="M23" s="164">
        <v>42</v>
      </c>
      <c r="N23" s="159">
        <v>0</v>
      </c>
      <c r="O23" s="160">
        <v>0</v>
      </c>
      <c r="P23" s="165">
        <v>0</v>
      </c>
      <c r="Q23" s="162">
        <v>0</v>
      </c>
      <c r="R23" s="160">
        <v>0</v>
      </c>
      <c r="S23" s="160">
        <v>1</v>
      </c>
      <c r="T23" s="160">
        <v>0</v>
      </c>
      <c r="U23" s="160">
        <v>1</v>
      </c>
      <c r="V23" s="160">
        <v>3</v>
      </c>
      <c r="W23" s="165">
        <v>5</v>
      </c>
      <c r="X23" s="164">
        <v>5</v>
      </c>
      <c r="Y23" s="159">
        <v>4</v>
      </c>
      <c r="Z23" s="160">
        <v>3</v>
      </c>
      <c r="AA23" s="165">
        <v>7</v>
      </c>
      <c r="AB23" s="162">
        <v>0</v>
      </c>
      <c r="AC23" s="160">
        <v>18</v>
      </c>
      <c r="AD23" s="160">
        <v>16</v>
      </c>
      <c r="AE23" s="160">
        <v>7</v>
      </c>
      <c r="AF23" s="160">
        <v>7</v>
      </c>
      <c r="AG23" s="160">
        <v>3</v>
      </c>
      <c r="AH23" s="165">
        <v>51</v>
      </c>
      <c r="AI23" s="164">
        <v>58</v>
      </c>
      <c r="AJ23" s="159">
        <v>2</v>
      </c>
      <c r="AK23" s="160">
        <v>1</v>
      </c>
      <c r="AL23" s="165">
        <v>3</v>
      </c>
      <c r="AM23" s="162">
        <v>0</v>
      </c>
      <c r="AN23" s="160">
        <v>1</v>
      </c>
      <c r="AO23" s="160">
        <v>3</v>
      </c>
      <c r="AP23" s="160">
        <v>0</v>
      </c>
      <c r="AQ23" s="160">
        <v>0</v>
      </c>
      <c r="AR23" s="160">
        <v>2</v>
      </c>
      <c r="AS23" s="165">
        <v>6</v>
      </c>
      <c r="AT23" s="164">
        <v>9</v>
      </c>
      <c r="AU23" s="159">
        <v>3</v>
      </c>
      <c r="AV23" s="160">
        <v>4</v>
      </c>
      <c r="AW23" s="165">
        <v>7</v>
      </c>
      <c r="AX23" s="162">
        <v>0</v>
      </c>
      <c r="AY23" s="160">
        <v>16</v>
      </c>
      <c r="AZ23" s="160">
        <v>20</v>
      </c>
      <c r="BA23" s="160">
        <v>13</v>
      </c>
      <c r="BB23" s="160">
        <v>12</v>
      </c>
      <c r="BC23" s="160">
        <v>12</v>
      </c>
      <c r="BD23" s="163">
        <v>73</v>
      </c>
      <c r="BE23" s="164">
        <v>80</v>
      </c>
      <c r="BF23" s="159">
        <v>0</v>
      </c>
      <c r="BG23" s="160">
        <v>0</v>
      </c>
      <c r="BH23" s="165">
        <v>0</v>
      </c>
      <c r="BI23" s="162">
        <v>0</v>
      </c>
      <c r="BJ23" s="160">
        <v>22</v>
      </c>
      <c r="BK23" s="160">
        <v>21</v>
      </c>
      <c r="BL23" s="160">
        <v>11</v>
      </c>
      <c r="BM23" s="160">
        <v>3</v>
      </c>
      <c r="BN23" s="160">
        <v>1</v>
      </c>
      <c r="BO23" s="165">
        <v>58</v>
      </c>
      <c r="BP23" s="164">
        <v>58</v>
      </c>
      <c r="BQ23" s="159">
        <v>3</v>
      </c>
      <c r="BR23" s="160">
        <v>1</v>
      </c>
      <c r="BS23" s="165">
        <v>4</v>
      </c>
      <c r="BT23" s="162">
        <v>0</v>
      </c>
      <c r="BU23" s="160">
        <v>7</v>
      </c>
      <c r="BV23" s="160">
        <v>8</v>
      </c>
      <c r="BW23" s="160">
        <v>4</v>
      </c>
      <c r="BX23" s="160">
        <v>0</v>
      </c>
      <c r="BY23" s="160">
        <v>0</v>
      </c>
      <c r="BZ23" s="165">
        <v>19</v>
      </c>
      <c r="CA23" s="164">
        <v>23</v>
      </c>
      <c r="CB23" s="159">
        <v>0</v>
      </c>
      <c r="CC23" s="160">
        <v>0</v>
      </c>
      <c r="CD23" s="165">
        <v>0</v>
      </c>
      <c r="CE23" s="162">
        <v>0</v>
      </c>
      <c r="CF23" s="160">
        <v>2</v>
      </c>
      <c r="CG23" s="160">
        <v>4</v>
      </c>
      <c r="CH23" s="160">
        <v>2</v>
      </c>
      <c r="CI23" s="160">
        <v>1</v>
      </c>
      <c r="CJ23" s="160">
        <v>2</v>
      </c>
      <c r="CK23" s="165">
        <v>11</v>
      </c>
      <c r="CL23" s="164">
        <v>11</v>
      </c>
      <c r="CM23" s="159">
        <v>0</v>
      </c>
      <c r="CN23" s="160">
        <v>0</v>
      </c>
      <c r="CO23" s="165">
        <v>0</v>
      </c>
      <c r="CP23" s="162">
        <v>0</v>
      </c>
      <c r="CQ23" s="160">
        <v>0</v>
      </c>
      <c r="CR23" s="160">
        <v>0</v>
      </c>
      <c r="CS23" s="160">
        <v>0</v>
      </c>
      <c r="CT23" s="160">
        <v>0</v>
      </c>
      <c r="CU23" s="160">
        <v>0</v>
      </c>
      <c r="CV23" s="165">
        <v>0</v>
      </c>
      <c r="CW23" s="164">
        <v>0</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10</v>
      </c>
      <c r="DU23" s="160">
        <v>18</v>
      </c>
      <c r="DV23" s="165">
        <v>28</v>
      </c>
      <c r="DW23" s="162">
        <v>0</v>
      </c>
      <c r="DX23" s="160">
        <v>22</v>
      </c>
      <c r="DY23" s="160">
        <v>44</v>
      </c>
      <c r="DZ23" s="160">
        <v>17</v>
      </c>
      <c r="EA23" s="160">
        <v>12</v>
      </c>
      <c r="EB23" s="160">
        <v>7</v>
      </c>
      <c r="EC23" s="165">
        <v>102</v>
      </c>
      <c r="ED23" s="164">
        <v>130</v>
      </c>
      <c r="EE23" s="159">
        <v>0</v>
      </c>
      <c r="EF23" s="160">
        <v>3</v>
      </c>
      <c r="EG23" s="165">
        <v>3</v>
      </c>
      <c r="EH23" s="162">
        <v>0</v>
      </c>
      <c r="EI23" s="160">
        <v>7</v>
      </c>
      <c r="EJ23" s="160">
        <v>7</v>
      </c>
      <c r="EK23" s="160">
        <v>4</v>
      </c>
      <c r="EL23" s="160">
        <v>4</v>
      </c>
      <c r="EM23" s="160">
        <v>3</v>
      </c>
      <c r="EN23" s="165">
        <v>25</v>
      </c>
      <c r="EO23" s="164">
        <v>28</v>
      </c>
      <c r="EP23" s="159">
        <v>17</v>
      </c>
      <c r="EQ23" s="160">
        <v>20</v>
      </c>
      <c r="ER23" s="165">
        <v>37</v>
      </c>
      <c r="ES23" s="162">
        <v>0</v>
      </c>
      <c r="ET23" s="160">
        <v>59</v>
      </c>
      <c r="EU23" s="160">
        <v>56</v>
      </c>
      <c r="EV23" s="160">
        <v>21</v>
      </c>
      <c r="EW23" s="160">
        <v>12</v>
      </c>
      <c r="EX23" s="160">
        <v>9</v>
      </c>
      <c r="EY23" s="165">
        <v>157</v>
      </c>
      <c r="EZ23" s="164">
        <v>194</v>
      </c>
    </row>
    <row r="24" spans="2:156" ht="21" customHeight="1" x14ac:dyDescent="0.2">
      <c r="B24" s="166" t="s">
        <v>22</v>
      </c>
      <c r="C24" s="159">
        <v>0</v>
      </c>
      <c r="D24" s="160">
        <v>0</v>
      </c>
      <c r="E24" s="161">
        <v>0</v>
      </c>
      <c r="F24" s="162">
        <v>0</v>
      </c>
      <c r="G24" s="160">
        <v>9</v>
      </c>
      <c r="H24" s="160">
        <v>5</v>
      </c>
      <c r="I24" s="160">
        <v>4</v>
      </c>
      <c r="J24" s="160">
        <v>1</v>
      </c>
      <c r="K24" s="160">
        <v>2</v>
      </c>
      <c r="L24" s="163">
        <v>21</v>
      </c>
      <c r="M24" s="164">
        <v>21</v>
      </c>
      <c r="N24" s="159">
        <v>0</v>
      </c>
      <c r="O24" s="160">
        <v>0</v>
      </c>
      <c r="P24" s="165">
        <v>0</v>
      </c>
      <c r="Q24" s="162">
        <v>0</v>
      </c>
      <c r="R24" s="160">
        <v>0</v>
      </c>
      <c r="S24" s="160">
        <v>0</v>
      </c>
      <c r="T24" s="160">
        <v>0</v>
      </c>
      <c r="U24" s="160">
        <v>0</v>
      </c>
      <c r="V24" s="160">
        <v>0</v>
      </c>
      <c r="W24" s="165">
        <v>0</v>
      </c>
      <c r="X24" s="164">
        <v>0</v>
      </c>
      <c r="Y24" s="159">
        <v>0</v>
      </c>
      <c r="Z24" s="160">
        <v>2</v>
      </c>
      <c r="AA24" s="165">
        <v>2</v>
      </c>
      <c r="AB24" s="162">
        <v>0</v>
      </c>
      <c r="AC24" s="160">
        <v>4</v>
      </c>
      <c r="AD24" s="160">
        <v>7</v>
      </c>
      <c r="AE24" s="160">
        <v>3</v>
      </c>
      <c r="AF24" s="160">
        <v>2</v>
      </c>
      <c r="AG24" s="160">
        <v>2</v>
      </c>
      <c r="AH24" s="165">
        <v>18</v>
      </c>
      <c r="AI24" s="164">
        <v>20</v>
      </c>
      <c r="AJ24" s="159">
        <v>1</v>
      </c>
      <c r="AK24" s="160">
        <v>0</v>
      </c>
      <c r="AL24" s="165">
        <v>1</v>
      </c>
      <c r="AM24" s="162">
        <v>0</v>
      </c>
      <c r="AN24" s="160">
        <v>0</v>
      </c>
      <c r="AO24" s="160">
        <v>1</v>
      </c>
      <c r="AP24" s="160">
        <v>0</v>
      </c>
      <c r="AQ24" s="160">
        <v>0</v>
      </c>
      <c r="AR24" s="160">
        <v>0</v>
      </c>
      <c r="AS24" s="165">
        <v>1</v>
      </c>
      <c r="AT24" s="164">
        <v>2</v>
      </c>
      <c r="AU24" s="159">
        <v>2</v>
      </c>
      <c r="AV24" s="160">
        <v>0</v>
      </c>
      <c r="AW24" s="165">
        <v>2</v>
      </c>
      <c r="AX24" s="162">
        <v>0</v>
      </c>
      <c r="AY24" s="160">
        <v>10</v>
      </c>
      <c r="AZ24" s="160">
        <v>5</v>
      </c>
      <c r="BA24" s="160">
        <v>4</v>
      </c>
      <c r="BB24" s="160">
        <v>8</v>
      </c>
      <c r="BC24" s="160">
        <v>0</v>
      </c>
      <c r="BD24" s="163">
        <v>27</v>
      </c>
      <c r="BE24" s="164">
        <v>29</v>
      </c>
      <c r="BF24" s="159">
        <v>0</v>
      </c>
      <c r="BG24" s="160">
        <v>0</v>
      </c>
      <c r="BH24" s="165">
        <v>0</v>
      </c>
      <c r="BI24" s="162">
        <v>0</v>
      </c>
      <c r="BJ24" s="160">
        <v>13</v>
      </c>
      <c r="BK24" s="160">
        <v>6</v>
      </c>
      <c r="BL24" s="160">
        <v>9</v>
      </c>
      <c r="BM24" s="160">
        <v>0</v>
      </c>
      <c r="BN24" s="160">
        <v>1</v>
      </c>
      <c r="BO24" s="165">
        <v>29</v>
      </c>
      <c r="BP24" s="164">
        <v>29</v>
      </c>
      <c r="BQ24" s="159">
        <v>1</v>
      </c>
      <c r="BR24" s="160">
        <v>0</v>
      </c>
      <c r="BS24" s="165">
        <v>1</v>
      </c>
      <c r="BT24" s="162">
        <v>0</v>
      </c>
      <c r="BU24" s="160">
        <v>4</v>
      </c>
      <c r="BV24" s="160">
        <v>1</v>
      </c>
      <c r="BW24" s="160">
        <v>2</v>
      </c>
      <c r="BX24" s="160">
        <v>1</v>
      </c>
      <c r="BY24" s="160">
        <v>1</v>
      </c>
      <c r="BZ24" s="165">
        <v>9</v>
      </c>
      <c r="CA24" s="164">
        <v>10</v>
      </c>
      <c r="CB24" s="159">
        <v>0</v>
      </c>
      <c r="CC24" s="160">
        <v>0</v>
      </c>
      <c r="CD24" s="165">
        <v>0</v>
      </c>
      <c r="CE24" s="162">
        <v>0</v>
      </c>
      <c r="CF24" s="160">
        <v>0</v>
      </c>
      <c r="CG24" s="160">
        <v>1</v>
      </c>
      <c r="CH24" s="160">
        <v>1</v>
      </c>
      <c r="CI24" s="160">
        <v>2</v>
      </c>
      <c r="CJ24" s="160">
        <v>0</v>
      </c>
      <c r="CK24" s="165">
        <v>4</v>
      </c>
      <c r="CL24" s="164">
        <v>4</v>
      </c>
      <c r="CM24" s="159">
        <v>0</v>
      </c>
      <c r="CN24" s="160">
        <v>0</v>
      </c>
      <c r="CO24" s="165">
        <v>0</v>
      </c>
      <c r="CP24" s="162">
        <v>0</v>
      </c>
      <c r="CQ24" s="160">
        <v>1</v>
      </c>
      <c r="CR24" s="160">
        <v>0</v>
      </c>
      <c r="CS24" s="160">
        <v>1</v>
      </c>
      <c r="CT24" s="160">
        <v>0</v>
      </c>
      <c r="CU24" s="160">
        <v>0</v>
      </c>
      <c r="CV24" s="165">
        <v>2</v>
      </c>
      <c r="CW24" s="164">
        <v>2</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2</v>
      </c>
      <c r="DU24" s="160">
        <v>6</v>
      </c>
      <c r="DV24" s="165">
        <v>8</v>
      </c>
      <c r="DW24" s="162">
        <v>0</v>
      </c>
      <c r="DX24" s="160">
        <v>19</v>
      </c>
      <c r="DY24" s="160">
        <v>17</v>
      </c>
      <c r="DZ24" s="160">
        <v>12</v>
      </c>
      <c r="EA24" s="160">
        <v>5</v>
      </c>
      <c r="EB24" s="160">
        <v>5</v>
      </c>
      <c r="EC24" s="165">
        <v>58</v>
      </c>
      <c r="ED24" s="164">
        <v>66</v>
      </c>
      <c r="EE24" s="159">
        <v>0</v>
      </c>
      <c r="EF24" s="160">
        <v>1</v>
      </c>
      <c r="EG24" s="165">
        <v>1</v>
      </c>
      <c r="EH24" s="162">
        <v>0</v>
      </c>
      <c r="EI24" s="160">
        <v>5</v>
      </c>
      <c r="EJ24" s="160">
        <v>2</v>
      </c>
      <c r="EK24" s="160">
        <v>1</v>
      </c>
      <c r="EL24" s="160">
        <v>8</v>
      </c>
      <c r="EM24" s="160">
        <v>0</v>
      </c>
      <c r="EN24" s="165">
        <v>16</v>
      </c>
      <c r="EO24" s="164">
        <v>17</v>
      </c>
      <c r="EP24" s="159">
        <v>3</v>
      </c>
      <c r="EQ24" s="160">
        <v>6</v>
      </c>
      <c r="ER24" s="165">
        <v>9</v>
      </c>
      <c r="ES24" s="162">
        <v>0</v>
      </c>
      <c r="ET24" s="160">
        <v>33</v>
      </c>
      <c r="EU24" s="160">
        <v>21</v>
      </c>
      <c r="EV24" s="160">
        <v>10</v>
      </c>
      <c r="EW24" s="160">
        <v>5</v>
      </c>
      <c r="EX24" s="160">
        <v>5</v>
      </c>
      <c r="EY24" s="165">
        <v>74</v>
      </c>
      <c r="EZ24" s="164">
        <v>83</v>
      </c>
    </row>
    <row r="25" spans="2:156" ht="21" customHeight="1" x14ac:dyDescent="0.2">
      <c r="B25" s="166" t="s">
        <v>23</v>
      </c>
      <c r="C25" s="159">
        <v>0</v>
      </c>
      <c r="D25" s="160">
        <v>0</v>
      </c>
      <c r="E25" s="161">
        <v>0</v>
      </c>
      <c r="F25" s="162">
        <v>0</v>
      </c>
      <c r="G25" s="160">
        <v>6</v>
      </c>
      <c r="H25" s="160">
        <v>6</v>
      </c>
      <c r="I25" s="160">
        <v>3</v>
      </c>
      <c r="J25" s="160">
        <v>3</v>
      </c>
      <c r="K25" s="160">
        <v>0</v>
      </c>
      <c r="L25" s="163">
        <v>18</v>
      </c>
      <c r="M25" s="164">
        <v>18</v>
      </c>
      <c r="N25" s="159">
        <v>0</v>
      </c>
      <c r="O25" s="160">
        <v>0</v>
      </c>
      <c r="P25" s="165">
        <v>0</v>
      </c>
      <c r="Q25" s="162">
        <v>0</v>
      </c>
      <c r="R25" s="160">
        <v>0</v>
      </c>
      <c r="S25" s="160">
        <v>0</v>
      </c>
      <c r="T25" s="160">
        <v>0</v>
      </c>
      <c r="U25" s="160">
        <v>2</v>
      </c>
      <c r="V25" s="160">
        <v>0</v>
      </c>
      <c r="W25" s="165">
        <v>2</v>
      </c>
      <c r="X25" s="164">
        <v>2</v>
      </c>
      <c r="Y25" s="159">
        <v>5</v>
      </c>
      <c r="Z25" s="160">
        <v>4</v>
      </c>
      <c r="AA25" s="165">
        <v>9</v>
      </c>
      <c r="AB25" s="162">
        <v>0</v>
      </c>
      <c r="AC25" s="160">
        <v>5</v>
      </c>
      <c r="AD25" s="160">
        <v>12</v>
      </c>
      <c r="AE25" s="160">
        <v>1</v>
      </c>
      <c r="AF25" s="160">
        <v>3</v>
      </c>
      <c r="AG25" s="160">
        <v>1</v>
      </c>
      <c r="AH25" s="165">
        <v>22</v>
      </c>
      <c r="AI25" s="164">
        <v>31</v>
      </c>
      <c r="AJ25" s="159">
        <v>0</v>
      </c>
      <c r="AK25" s="160">
        <v>1</v>
      </c>
      <c r="AL25" s="165">
        <v>1</v>
      </c>
      <c r="AM25" s="162">
        <v>0</v>
      </c>
      <c r="AN25" s="160">
        <v>0</v>
      </c>
      <c r="AO25" s="160">
        <v>0</v>
      </c>
      <c r="AP25" s="160">
        <v>0</v>
      </c>
      <c r="AQ25" s="160">
        <v>1</v>
      </c>
      <c r="AR25" s="160">
        <v>0</v>
      </c>
      <c r="AS25" s="165">
        <v>1</v>
      </c>
      <c r="AT25" s="164">
        <v>2</v>
      </c>
      <c r="AU25" s="159">
        <v>3</v>
      </c>
      <c r="AV25" s="160">
        <v>1</v>
      </c>
      <c r="AW25" s="165">
        <v>4</v>
      </c>
      <c r="AX25" s="162">
        <v>0</v>
      </c>
      <c r="AY25" s="160">
        <v>12</v>
      </c>
      <c r="AZ25" s="160">
        <v>10</v>
      </c>
      <c r="BA25" s="160">
        <v>11</v>
      </c>
      <c r="BB25" s="160">
        <v>7</v>
      </c>
      <c r="BC25" s="160">
        <v>4</v>
      </c>
      <c r="BD25" s="163">
        <v>44</v>
      </c>
      <c r="BE25" s="164">
        <v>48</v>
      </c>
      <c r="BF25" s="159">
        <v>0</v>
      </c>
      <c r="BG25" s="160">
        <v>0</v>
      </c>
      <c r="BH25" s="165">
        <v>0</v>
      </c>
      <c r="BI25" s="162">
        <v>0</v>
      </c>
      <c r="BJ25" s="160">
        <v>11</v>
      </c>
      <c r="BK25" s="160">
        <v>13</v>
      </c>
      <c r="BL25" s="160">
        <v>4</v>
      </c>
      <c r="BM25" s="160">
        <v>2</v>
      </c>
      <c r="BN25" s="160">
        <v>3</v>
      </c>
      <c r="BO25" s="165">
        <v>33</v>
      </c>
      <c r="BP25" s="164">
        <v>33</v>
      </c>
      <c r="BQ25" s="159">
        <v>0</v>
      </c>
      <c r="BR25" s="160">
        <v>0</v>
      </c>
      <c r="BS25" s="165">
        <v>0</v>
      </c>
      <c r="BT25" s="162">
        <v>0</v>
      </c>
      <c r="BU25" s="160">
        <v>3</v>
      </c>
      <c r="BV25" s="160">
        <v>1</v>
      </c>
      <c r="BW25" s="160">
        <v>0</v>
      </c>
      <c r="BX25" s="160">
        <v>1</v>
      </c>
      <c r="BY25" s="160">
        <v>0</v>
      </c>
      <c r="BZ25" s="165">
        <v>5</v>
      </c>
      <c r="CA25" s="164">
        <v>5</v>
      </c>
      <c r="CB25" s="159">
        <v>0</v>
      </c>
      <c r="CC25" s="160">
        <v>0</v>
      </c>
      <c r="CD25" s="165">
        <v>0</v>
      </c>
      <c r="CE25" s="162">
        <v>0</v>
      </c>
      <c r="CF25" s="160">
        <v>0</v>
      </c>
      <c r="CG25" s="160">
        <v>2</v>
      </c>
      <c r="CH25" s="160">
        <v>1</v>
      </c>
      <c r="CI25" s="160">
        <v>2</v>
      </c>
      <c r="CJ25" s="160">
        <v>0</v>
      </c>
      <c r="CK25" s="165">
        <v>5</v>
      </c>
      <c r="CL25" s="164">
        <v>5</v>
      </c>
      <c r="CM25" s="159">
        <v>0</v>
      </c>
      <c r="CN25" s="160">
        <v>0</v>
      </c>
      <c r="CO25" s="165">
        <v>0</v>
      </c>
      <c r="CP25" s="162">
        <v>0</v>
      </c>
      <c r="CQ25" s="160">
        <v>1</v>
      </c>
      <c r="CR25" s="160">
        <v>0</v>
      </c>
      <c r="CS25" s="160">
        <v>0</v>
      </c>
      <c r="CT25" s="160">
        <v>0</v>
      </c>
      <c r="CU25" s="160">
        <v>0</v>
      </c>
      <c r="CV25" s="165">
        <v>1</v>
      </c>
      <c r="CW25" s="164">
        <v>1</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4</v>
      </c>
      <c r="DU25" s="160">
        <v>11</v>
      </c>
      <c r="DV25" s="165">
        <v>15</v>
      </c>
      <c r="DW25" s="162">
        <v>0</v>
      </c>
      <c r="DX25" s="160">
        <v>10</v>
      </c>
      <c r="DY25" s="160">
        <v>17</v>
      </c>
      <c r="DZ25" s="160">
        <v>6</v>
      </c>
      <c r="EA25" s="160">
        <v>6</v>
      </c>
      <c r="EB25" s="160">
        <v>3</v>
      </c>
      <c r="EC25" s="165">
        <v>42</v>
      </c>
      <c r="ED25" s="164">
        <v>57</v>
      </c>
      <c r="EE25" s="159">
        <v>3</v>
      </c>
      <c r="EF25" s="160">
        <v>0</v>
      </c>
      <c r="EG25" s="165">
        <v>3</v>
      </c>
      <c r="EH25" s="162">
        <v>0</v>
      </c>
      <c r="EI25" s="160">
        <v>5</v>
      </c>
      <c r="EJ25" s="160">
        <v>2</v>
      </c>
      <c r="EK25" s="160">
        <v>3</v>
      </c>
      <c r="EL25" s="160">
        <v>3</v>
      </c>
      <c r="EM25" s="160">
        <v>2</v>
      </c>
      <c r="EN25" s="165">
        <v>15</v>
      </c>
      <c r="EO25" s="164">
        <v>18</v>
      </c>
      <c r="EP25" s="159">
        <v>7</v>
      </c>
      <c r="EQ25" s="160">
        <v>14</v>
      </c>
      <c r="ER25" s="165">
        <v>21</v>
      </c>
      <c r="ES25" s="162">
        <v>0</v>
      </c>
      <c r="ET25" s="160">
        <v>25</v>
      </c>
      <c r="EU25" s="160">
        <v>27</v>
      </c>
      <c r="EV25" s="160">
        <v>10</v>
      </c>
      <c r="EW25" s="160">
        <v>7</v>
      </c>
      <c r="EX25" s="160">
        <v>3</v>
      </c>
      <c r="EY25" s="165">
        <v>72</v>
      </c>
      <c r="EZ25" s="164">
        <v>93</v>
      </c>
    </row>
    <row r="26" spans="2:156" ht="21" customHeight="1" x14ac:dyDescent="0.2">
      <c r="B26" s="166" t="s">
        <v>24</v>
      </c>
      <c r="C26" s="159">
        <v>0</v>
      </c>
      <c r="D26" s="160">
        <v>0</v>
      </c>
      <c r="E26" s="161">
        <v>0</v>
      </c>
      <c r="F26" s="162">
        <v>0</v>
      </c>
      <c r="G26" s="160">
        <v>7</v>
      </c>
      <c r="H26" s="160">
        <v>6</v>
      </c>
      <c r="I26" s="160">
        <v>2</v>
      </c>
      <c r="J26" s="160">
        <v>7</v>
      </c>
      <c r="K26" s="160">
        <v>1</v>
      </c>
      <c r="L26" s="163">
        <v>23</v>
      </c>
      <c r="M26" s="164">
        <v>23</v>
      </c>
      <c r="N26" s="159">
        <v>0</v>
      </c>
      <c r="O26" s="160">
        <v>0</v>
      </c>
      <c r="P26" s="165">
        <v>0</v>
      </c>
      <c r="Q26" s="162">
        <v>0</v>
      </c>
      <c r="R26" s="160">
        <v>0</v>
      </c>
      <c r="S26" s="160">
        <v>0</v>
      </c>
      <c r="T26" s="160">
        <v>1</v>
      </c>
      <c r="U26" s="160">
        <v>3</v>
      </c>
      <c r="V26" s="160">
        <v>2</v>
      </c>
      <c r="W26" s="165">
        <v>6</v>
      </c>
      <c r="X26" s="164">
        <v>6</v>
      </c>
      <c r="Y26" s="159">
        <v>2</v>
      </c>
      <c r="Z26" s="160">
        <v>2</v>
      </c>
      <c r="AA26" s="165">
        <v>4</v>
      </c>
      <c r="AB26" s="162">
        <v>0</v>
      </c>
      <c r="AC26" s="160">
        <v>8</v>
      </c>
      <c r="AD26" s="160">
        <v>6</v>
      </c>
      <c r="AE26" s="160">
        <v>6</v>
      </c>
      <c r="AF26" s="160">
        <v>6</v>
      </c>
      <c r="AG26" s="160">
        <v>1</v>
      </c>
      <c r="AH26" s="165">
        <v>27</v>
      </c>
      <c r="AI26" s="164">
        <v>31</v>
      </c>
      <c r="AJ26" s="159">
        <v>0</v>
      </c>
      <c r="AK26" s="160">
        <v>0</v>
      </c>
      <c r="AL26" s="165">
        <v>0</v>
      </c>
      <c r="AM26" s="162">
        <v>0</v>
      </c>
      <c r="AN26" s="160">
        <v>1</v>
      </c>
      <c r="AO26" s="160">
        <v>1</v>
      </c>
      <c r="AP26" s="160">
        <v>0</v>
      </c>
      <c r="AQ26" s="160">
        <v>0</v>
      </c>
      <c r="AR26" s="160">
        <v>0</v>
      </c>
      <c r="AS26" s="165">
        <v>2</v>
      </c>
      <c r="AT26" s="164">
        <v>2</v>
      </c>
      <c r="AU26" s="159">
        <v>6</v>
      </c>
      <c r="AV26" s="160">
        <v>0</v>
      </c>
      <c r="AW26" s="165">
        <v>6</v>
      </c>
      <c r="AX26" s="162">
        <v>0</v>
      </c>
      <c r="AY26" s="160">
        <v>10</v>
      </c>
      <c r="AZ26" s="160">
        <v>11</v>
      </c>
      <c r="BA26" s="160">
        <v>11</v>
      </c>
      <c r="BB26" s="160">
        <v>8</v>
      </c>
      <c r="BC26" s="160">
        <v>6</v>
      </c>
      <c r="BD26" s="163">
        <v>46</v>
      </c>
      <c r="BE26" s="164">
        <v>52</v>
      </c>
      <c r="BF26" s="159">
        <v>0</v>
      </c>
      <c r="BG26" s="160">
        <v>0</v>
      </c>
      <c r="BH26" s="165">
        <v>0</v>
      </c>
      <c r="BI26" s="162">
        <v>0</v>
      </c>
      <c r="BJ26" s="160">
        <v>14</v>
      </c>
      <c r="BK26" s="160">
        <v>11</v>
      </c>
      <c r="BL26" s="160">
        <v>2</v>
      </c>
      <c r="BM26" s="160">
        <v>1</v>
      </c>
      <c r="BN26" s="160">
        <v>1</v>
      </c>
      <c r="BO26" s="165">
        <v>29</v>
      </c>
      <c r="BP26" s="164">
        <v>29</v>
      </c>
      <c r="BQ26" s="159">
        <v>1</v>
      </c>
      <c r="BR26" s="160">
        <v>1</v>
      </c>
      <c r="BS26" s="165">
        <v>2</v>
      </c>
      <c r="BT26" s="162">
        <v>0</v>
      </c>
      <c r="BU26" s="160">
        <v>2</v>
      </c>
      <c r="BV26" s="160">
        <v>6</v>
      </c>
      <c r="BW26" s="160">
        <v>3</v>
      </c>
      <c r="BX26" s="160">
        <v>2</v>
      </c>
      <c r="BY26" s="160">
        <v>0</v>
      </c>
      <c r="BZ26" s="165">
        <v>13</v>
      </c>
      <c r="CA26" s="164">
        <v>15</v>
      </c>
      <c r="CB26" s="159">
        <v>0</v>
      </c>
      <c r="CC26" s="160">
        <v>0</v>
      </c>
      <c r="CD26" s="165">
        <v>0</v>
      </c>
      <c r="CE26" s="162">
        <v>0</v>
      </c>
      <c r="CF26" s="160">
        <v>1</v>
      </c>
      <c r="CG26" s="160">
        <v>5</v>
      </c>
      <c r="CH26" s="160">
        <v>0</v>
      </c>
      <c r="CI26" s="160">
        <v>2</v>
      </c>
      <c r="CJ26" s="160">
        <v>0</v>
      </c>
      <c r="CK26" s="165">
        <v>8</v>
      </c>
      <c r="CL26" s="164">
        <v>8</v>
      </c>
      <c r="CM26" s="159">
        <v>0</v>
      </c>
      <c r="CN26" s="160">
        <v>0</v>
      </c>
      <c r="CO26" s="165">
        <v>0</v>
      </c>
      <c r="CP26" s="162">
        <v>0</v>
      </c>
      <c r="CQ26" s="160">
        <v>1</v>
      </c>
      <c r="CR26" s="160">
        <v>0</v>
      </c>
      <c r="CS26" s="160">
        <v>0</v>
      </c>
      <c r="CT26" s="160">
        <v>0</v>
      </c>
      <c r="CU26" s="160">
        <v>0</v>
      </c>
      <c r="CV26" s="165">
        <v>1</v>
      </c>
      <c r="CW26" s="164">
        <v>1</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12</v>
      </c>
      <c r="DU26" s="160">
        <v>6</v>
      </c>
      <c r="DV26" s="165">
        <v>18</v>
      </c>
      <c r="DW26" s="162">
        <v>0</v>
      </c>
      <c r="DX26" s="160">
        <v>14</v>
      </c>
      <c r="DY26" s="160">
        <v>16</v>
      </c>
      <c r="DZ26" s="160">
        <v>9</v>
      </c>
      <c r="EA26" s="160">
        <v>9</v>
      </c>
      <c r="EB26" s="160">
        <v>3</v>
      </c>
      <c r="EC26" s="165">
        <v>51</v>
      </c>
      <c r="ED26" s="164">
        <v>69</v>
      </c>
      <c r="EE26" s="159">
        <v>4</v>
      </c>
      <c r="EF26" s="160">
        <v>1</v>
      </c>
      <c r="EG26" s="165">
        <v>5</v>
      </c>
      <c r="EH26" s="162">
        <v>0</v>
      </c>
      <c r="EI26" s="160">
        <v>4</v>
      </c>
      <c r="EJ26" s="160">
        <v>1</v>
      </c>
      <c r="EK26" s="160">
        <v>3</v>
      </c>
      <c r="EL26" s="160">
        <v>1</v>
      </c>
      <c r="EM26" s="160">
        <v>2</v>
      </c>
      <c r="EN26" s="165">
        <v>11</v>
      </c>
      <c r="EO26" s="164">
        <v>16</v>
      </c>
      <c r="EP26" s="159">
        <v>14</v>
      </c>
      <c r="EQ26" s="160">
        <v>7</v>
      </c>
      <c r="ER26" s="165">
        <v>21</v>
      </c>
      <c r="ES26" s="162">
        <v>0</v>
      </c>
      <c r="ET26" s="160">
        <v>18</v>
      </c>
      <c r="EU26" s="160">
        <v>19</v>
      </c>
      <c r="EV26" s="160">
        <v>9</v>
      </c>
      <c r="EW26" s="160">
        <v>9</v>
      </c>
      <c r="EX26" s="160">
        <v>2</v>
      </c>
      <c r="EY26" s="165">
        <v>57</v>
      </c>
      <c r="EZ26" s="164">
        <v>78</v>
      </c>
    </row>
    <row r="27" spans="2:156" ht="21" customHeight="1" x14ac:dyDescent="0.2">
      <c r="B27" s="166" t="s">
        <v>25</v>
      </c>
      <c r="C27" s="159">
        <v>0</v>
      </c>
      <c r="D27" s="160">
        <v>0</v>
      </c>
      <c r="E27" s="161">
        <v>0</v>
      </c>
      <c r="F27" s="162">
        <v>0</v>
      </c>
      <c r="G27" s="160">
        <v>6</v>
      </c>
      <c r="H27" s="160">
        <v>5</v>
      </c>
      <c r="I27" s="160">
        <v>1</v>
      </c>
      <c r="J27" s="160">
        <v>1</v>
      </c>
      <c r="K27" s="160">
        <v>1</v>
      </c>
      <c r="L27" s="163">
        <v>14</v>
      </c>
      <c r="M27" s="164">
        <v>14</v>
      </c>
      <c r="N27" s="159">
        <v>0</v>
      </c>
      <c r="O27" s="160">
        <v>0</v>
      </c>
      <c r="P27" s="165">
        <v>0</v>
      </c>
      <c r="Q27" s="162">
        <v>0</v>
      </c>
      <c r="R27" s="160">
        <v>0</v>
      </c>
      <c r="S27" s="160">
        <v>0</v>
      </c>
      <c r="T27" s="160">
        <v>1</v>
      </c>
      <c r="U27" s="160">
        <v>1</v>
      </c>
      <c r="V27" s="160">
        <v>0</v>
      </c>
      <c r="W27" s="165">
        <v>2</v>
      </c>
      <c r="X27" s="164">
        <v>2</v>
      </c>
      <c r="Y27" s="159">
        <v>1</v>
      </c>
      <c r="Z27" s="160">
        <v>1</v>
      </c>
      <c r="AA27" s="165">
        <v>2</v>
      </c>
      <c r="AB27" s="162">
        <v>0</v>
      </c>
      <c r="AC27" s="160">
        <v>2</v>
      </c>
      <c r="AD27" s="160">
        <v>6</v>
      </c>
      <c r="AE27" s="160">
        <v>2</v>
      </c>
      <c r="AF27" s="160">
        <v>4</v>
      </c>
      <c r="AG27" s="160">
        <v>0</v>
      </c>
      <c r="AH27" s="165">
        <v>14</v>
      </c>
      <c r="AI27" s="164">
        <v>16</v>
      </c>
      <c r="AJ27" s="159">
        <v>0</v>
      </c>
      <c r="AK27" s="160">
        <v>2</v>
      </c>
      <c r="AL27" s="165">
        <v>2</v>
      </c>
      <c r="AM27" s="162">
        <v>0</v>
      </c>
      <c r="AN27" s="160">
        <v>0</v>
      </c>
      <c r="AO27" s="160">
        <v>0</v>
      </c>
      <c r="AP27" s="160">
        <v>1</v>
      </c>
      <c r="AQ27" s="160">
        <v>0</v>
      </c>
      <c r="AR27" s="160">
        <v>0</v>
      </c>
      <c r="AS27" s="165">
        <v>1</v>
      </c>
      <c r="AT27" s="164">
        <v>3</v>
      </c>
      <c r="AU27" s="159">
        <v>0</v>
      </c>
      <c r="AV27" s="160">
        <v>2</v>
      </c>
      <c r="AW27" s="165">
        <v>2</v>
      </c>
      <c r="AX27" s="162">
        <v>0</v>
      </c>
      <c r="AY27" s="160">
        <v>10</v>
      </c>
      <c r="AZ27" s="160">
        <v>2</v>
      </c>
      <c r="BA27" s="160">
        <v>2</v>
      </c>
      <c r="BB27" s="160">
        <v>5</v>
      </c>
      <c r="BC27" s="160">
        <v>2</v>
      </c>
      <c r="BD27" s="163">
        <v>21</v>
      </c>
      <c r="BE27" s="164">
        <v>23</v>
      </c>
      <c r="BF27" s="159">
        <v>0</v>
      </c>
      <c r="BG27" s="160">
        <v>0</v>
      </c>
      <c r="BH27" s="165">
        <v>0</v>
      </c>
      <c r="BI27" s="162">
        <v>0</v>
      </c>
      <c r="BJ27" s="160">
        <v>6</v>
      </c>
      <c r="BK27" s="160">
        <v>2</v>
      </c>
      <c r="BL27" s="160">
        <v>1</v>
      </c>
      <c r="BM27" s="160">
        <v>0</v>
      </c>
      <c r="BN27" s="160">
        <v>1</v>
      </c>
      <c r="BO27" s="165">
        <v>10</v>
      </c>
      <c r="BP27" s="164">
        <v>10</v>
      </c>
      <c r="BQ27" s="159">
        <v>0</v>
      </c>
      <c r="BR27" s="160">
        <v>1</v>
      </c>
      <c r="BS27" s="165">
        <v>1</v>
      </c>
      <c r="BT27" s="162">
        <v>0</v>
      </c>
      <c r="BU27" s="160">
        <v>1</v>
      </c>
      <c r="BV27" s="160">
        <v>5</v>
      </c>
      <c r="BW27" s="160">
        <v>3</v>
      </c>
      <c r="BX27" s="160">
        <v>3</v>
      </c>
      <c r="BY27" s="160">
        <v>0</v>
      </c>
      <c r="BZ27" s="165">
        <v>12</v>
      </c>
      <c r="CA27" s="164">
        <v>13</v>
      </c>
      <c r="CB27" s="159">
        <v>0</v>
      </c>
      <c r="CC27" s="160">
        <v>0</v>
      </c>
      <c r="CD27" s="165">
        <v>0</v>
      </c>
      <c r="CE27" s="162">
        <v>0</v>
      </c>
      <c r="CF27" s="160">
        <v>2</v>
      </c>
      <c r="CG27" s="160">
        <v>0</v>
      </c>
      <c r="CH27" s="160">
        <v>0</v>
      </c>
      <c r="CI27" s="160">
        <v>1</v>
      </c>
      <c r="CJ27" s="160">
        <v>1</v>
      </c>
      <c r="CK27" s="165">
        <v>4</v>
      </c>
      <c r="CL27" s="164">
        <v>4</v>
      </c>
      <c r="CM27" s="159">
        <v>0</v>
      </c>
      <c r="CN27" s="160">
        <v>0</v>
      </c>
      <c r="CO27" s="165">
        <v>0</v>
      </c>
      <c r="CP27" s="162">
        <v>0</v>
      </c>
      <c r="CQ27" s="160">
        <v>1</v>
      </c>
      <c r="CR27" s="160">
        <v>1</v>
      </c>
      <c r="CS27" s="160">
        <v>2</v>
      </c>
      <c r="CT27" s="160">
        <v>1</v>
      </c>
      <c r="CU27" s="160">
        <v>0</v>
      </c>
      <c r="CV27" s="165">
        <v>5</v>
      </c>
      <c r="CW27" s="164">
        <v>5</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5</v>
      </c>
      <c r="DU27" s="160">
        <v>7</v>
      </c>
      <c r="DV27" s="165">
        <v>12</v>
      </c>
      <c r="DW27" s="162">
        <v>0</v>
      </c>
      <c r="DX27" s="160">
        <v>4</v>
      </c>
      <c r="DY27" s="160">
        <v>10</v>
      </c>
      <c r="DZ27" s="160">
        <v>5</v>
      </c>
      <c r="EA27" s="160">
        <v>5</v>
      </c>
      <c r="EB27" s="160">
        <v>2</v>
      </c>
      <c r="EC27" s="165">
        <v>26</v>
      </c>
      <c r="ED27" s="164">
        <v>38</v>
      </c>
      <c r="EE27" s="159">
        <v>0</v>
      </c>
      <c r="EF27" s="160">
        <v>1</v>
      </c>
      <c r="EG27" s="165">
        <v>1</v>
      </c>
      <c r="EH27" s="162">
        <v>0</v>
      </c>
      <c r="EI27" s="160">
        <v>6</v>
      </c>
      <c r="EJ27" s="160">
        <v>0</v>
      </c>
      <c r="EK27" s="160">
        <v>1</v>
      </c>
      <c r="EL27" s="160">
        <v>3</v>
      </c>
      <c r="EM27" s="160">
        <v>1</v>
      </c>
      <c r="EN27" s="165">
        <v>11</v>
      </c>
      <c r="EO27" s="164">
        <v>12</v>
      </c>
      <c r="EP27" s="159">
        <v>5</v>
      </c>
      <c r="EQ27" s="160">
        <v>8</v>
      </c>
      <c r="ER27" s="165">
        <v>13</v>
      </c>
      <c r="ES27" s="162">
        <v>0</v>
      </c>
      <c r="ET27" s="160">
        <v>16</v>
      </c>
      <c r="EU27" s="160">
        <v>12</v>
      </c>
      <c r="EV27" s="160">
        <v>5</v>
      </c>
      <c r="EW27" s="160">
        <v>5</v>
      </c>
      <c r="EX27" s="160">
        <v>2</v>
      </c>
      <c r="EY27" s="165">
        <v>40</v>
      </c>
      <c r="EZ27" s="164">
        <v>53</v>
      </c>
    </row>
    <row r="28" spans="2:156" ht="21" customHeight="1" x14ac:dyDescent="0.2">
      <c r="B28" s="166" t="s">
        <v>26</v>
      </c>
      <c r="C28" s="159">
        <v>0</v>
      </c>
      <c r="D28" s="160">
        <v>0</v>
      </c>
      <c r="E28" s="161">
        <v>0</v>
      </c>
      <c r="F28" s="162">
        <v>0</v>
      </c>
      <c r="G28" s="160">
        <v>5</v>
      </c>
      <c r="H28" s="160">
        <v>5</v>
      </c>
      <c r="I28" s="160">
        <v>4</v>
      </c>
      <c r="J28" s="160">
        <v>4</v>
      </c>
      <c r="K28" s="160">
        <v>3</v>
      </c>
      <c r="L28" s="163">
        <v>21</v>
      </c>
      <c r="M28" s="164">
        <v>21</v>
      </c>
      <c r="N28" s="159">
        <v>0</v>
      </c>
      <c r="O28" s="160">
        <v>0</v>
      </c>
      <c r="P28" s="165">
        <v>0</v>
      </c>
      <c r="Q28" s="162">
        <v>0</v>
      </c>
      <c r="R28" s="160">
        <v>0</v>
      </c>
      <c r="S28" s="160">
        <v>0</v>
      </c>
      <c r="T28" s="160">
        <v>0</v>
      </c>
      <c r="U28" s="160">
        <v>1</v>
      </c>
      <c r="V28" s="160">
        <v>0</v>
      </c>
      <c r="W28" s="165">
        <v>1</v>
      </c>
      <c r="X28" s="164">
        <v>1</v>
      </c>
      <c r="Y28" s="159">
        <v>1</v>
      </c>
      <c r="Z28" s="160">
        <v>0</v>
      </c>
      <c r="AA28" s="165">
        <v>1</v>
      </c>
      <c r="AB28" s="162">
        <v>0</v>
      </c>
      <c r="AC28" s="160">
        <v>4</v>
      </c>
      <c r="AD28" s="160">
        <v>6</v>
      </c>
      <c r="AE28" s="160">
        <v>2</v>
      </c>
      <c r="AF28" s="160">
        <v>3</v>
      </c>
      <c r="AG28" s="160">
        <v>3</v>
      </c>
      <c r="AH28" s="165">
        <v>18</v>
      </c>
      <c r="AI28" s="164">
        <v>19</v>
      </c>
      <c r="AJ28" s="159">
        <v>0</v>
      </c>
      <c r="AK28" s="160">
        <v>0</v>
      </c>
      <c r="AL28" s="165">
        <v>0</v>
      </c>
      <c r="AM28" s="162">
        <v>0</v>
      </c>
      <c r="AN28" s="160">
        <v>1</v>
      </c>
      <c r="AO28" s="160">
        <v>0</v>
      </c>
      <c r="AP28" s="160">
        <v>0</v>
      </c>
      <c r="AQ28" s="160">
        <v>0</v>
      </c>
      <c r="AR28" s="160">
        <v>1</v>
      </c>
      <c r="AS28" s="165">
        <v>2</v>
      </c>
      <c r="AT28" s="164">
        <v>2</v>
      </c>
      <c r="AU28" s="159">
        <v>2</v>
      </c>
      <c r="AV28" s="160">
        <v>0</v>
      </c>
      <c r="AW28" s="165">
        <v>2</v>
      </c>
      <c r="AX28" s="162">
        <v>0</v>
      </c>
      <c r="AY28" s="160">
        <v>4</v>
      </c>
      <c r="AZ28" s="160">
        <v>1</v>
      </c>
      <c r="BA28" s="160">
        <v>7</v>
      </c>
      <c r="BB28" s="160">
        <v>5</v>
      </c>
      <c r="BC28" s="160">
        <v>2</v>
      </c>
      <c r="BD28" s="163">
        <v>19</v>
      </c>
      <c r="BE28" s="164">
        <v>21</v>
      </c>
      <c r="BF28" s="159">
        <v>0</v>
      </c>
      <c r="BG28" s="160">
        <v>0</v>
      </c>
      <c r="BH28" s="165">
        <v>0</v>
      </c>
      <c r="BI28" s="162">
        <v>0</v>
      </c>
      <c r="BJ28" s="160">
        <v>4</v>
      </c>
      <c r="BK28" s="160">
        <v>6</v>
      </c>
      <c r="BL28" s="160">
        <v>2</v>
      </c>
      <c r="BM28" s="160">
        <v>3</v>
      </c>
      <c r="BN28" s="160">
        <v>0</v>
      </c>
      <c r="BO28" s="165">
        <v>15</v>
      </c>
      <c r="BP28" s="164">
        <v>15</v>
      </c>
      <c r="BQ28" s="159">
        <v>0</v>
      </c>
      <c r="BR28" s="160">
        <v>0</v>
      </c>
      <c r="BS28" s="165">
        <v>0</v>
      </c>
      <c r="BT28" s="162">
        <v>0</v>
      </c>
      <c r="BU28" s="160">
        <v>3</v>
      </c>
      <c r="BV28" s="160">
        <v>1</v>
      </c>
      <c r="BW28" s="160">
        <v>0</v>
      </c>
      <c r="BX28" s="160">
        <v>1</v>
      </c>
      <c r="BY28" s="160">
        <v>0</v>
      </c>
      <c r="BZ28" s="165">
        <v>5</v>
      </c>
      <c r="CA28" s="164">
        <v>5</v>
      </c>
      <c r="CB28" s="159">
        <v>0</v>
      </c>
      <c r="CC28" s="160">
        <v>0</v>
      </c>
      <c r="CD28" s="165">
        <v>0</v>
      </c>
      <c r="CE28" s="162">
        <v>0</v>
      </c>
      <c r="CF28" s="160">
        <v>3</v>
      </c>
      <c r="CG28" s="160">
        <v>3</v>
      </c>
      <c r="CH28" s="160">
        <v>1</v>
      </c>
      <c r="CI28" s="160">
        <v>0</v>
      </c>
      <c r="CJ28" s="160">
        <v>1</v>
      </c>
      <c r="CK28" s="165">
        <v>8</v>
      </c>
      <c r="CL28" s="164">
        <v>8</v>
      </c>
      <c r="CM28" s="159">
        <v>0</v>
      </c>
      <c r="CN28" s="160">
        <v>0</v>
      </c>
      <c r="CO28" s="165">
        <v>0</v>
      </c>
      <c r="CP28" s="162">
        <v>0</v>
      </c>
      <c r="CQ28" s="160">
        <v>0</v>
      </c>
      <c r="CR28" s="160">
        <v>0</v>
      </c>
      <c r="CS28" s="160">
        <v>0</v>
      </c>
      <c r="CT28" s="160">
        <v>1</v>
      </c>
      <c r="CU28" s="160">
        <v>0</v>
      </c>
      <c r="CV28" s="165">
        <v>1</v>
      </c>
      <c r="CW28" s="164">
        <v>1</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7</v>
      </c>
      <c r="DU28" s="160">
        <v>6</v>
      </c>
      <c r="DV28" s="165">
        <v>13</v>
      </c>
      <c r="DW28" s="162">
        <v>0</v>
      </c>
      <c r="DX28" s="160">
        <v>15</v>
      </c>
      <c r="DY28" s="160">
        <v>11</v>
      </c>
      <c r="DZ28" s="160">
        <v>6</v>
      </c>
      <c r="EA28" s="160">
        <v>7</v>
      </c>
      <c r="EB28" s="160">
        <v>3</v>
      </c>
      <c r="EC28" s="165">
        <v>42</v>
      </c>
      <c r="ED28" s="164">
        <v>55</v>
      </c>
      <c r="EE28" s="159">
        <v>1</v>
      </c>
      <c r="EF28" s="160">
        <v>0</v>
      </c>
      <c r="EG28" s="165">
        <v>1</v>
      </c>
      <c r="EH28" s="162">
        <v>0</v>
      </c>
      <c r="EI28" s="160">
        <v>1</v>
      </c>
      <c r="EJ28" s="160">
        <v>0</v>
      </c>
      <c r="EK28" s="160">
        <v>3</v>
      </c>
      <c r="EL28" s="160">
        <v>0</v>
      </c>
      <c r="EM28" s="160">
        <v>0</v>
      </c>
      <c r="EN28" s="165">
        <v>4</v>
      </c>
      <c r="EO28" s="164">
        <v>5</v>
      </c>
      <c r="EP28" s="159">
        <v>8</v>
      </c>
      <c r="EQ28" s="160">
        <v>7</v>
      </c>
      <c r="ER28" s="165">
        <v>15</v>
      </c>
      <c r="ES28" s="162">
        <v>0</v>
      </c>
      <c r="ET28" s="160">
        <v>20</v>
      </c>
      <c r="EU28" s="160">
        <v>17</v>
      </c>
      <c r="EV28" s="160">
        <v>11</v>
      </c>
      <c r="EW28" s="160">
        <v>7</v>
      </c>
      <c r="EX28" s="160">
        <v>3</v>
      </c>
      <c r="EY28" s="165">
        <v>58</v>
      </c>
      <c r="EZ28" s="164">
        <v>73</v>
      </c>
    </row>
    <row r="29" spans="2:156" ht="21" customHeight="1" x14ac:dyDescent="0.2">
      <c r="B29" s="166" t="s">
        <v>27</v>
      </c>
      <c r="C29" s="159">
        <v>0</v>
      </c>
      <c r="D29" s="160">
        <v>0</v>
      </c>
      <c r="E29" s="161">
        <v>0</v>
      </c>
      <c r="F29" s="162">
        <v>0</v>
      </c>
      <c r="G29" s="160">
        <v>4</v>
      </c>
      <c r="H29" s="160">
        <v>6</v>
      </c>
      <c r="I29" s="160">
        <v>4</v>
      </c>
      <c r="J29" s="160">
        <v>2</v>
      </c>
      <c r="K29" s="160">
        <v>3</v>
      </c>
      <c r="L29" s="163">
        <v>19</v>
      </c>
      <c r="M29" s="164">
        <v>19</v>
      </c>
      <c r="N29" s="159">
        <v>0</v>
      </c>
      <c r="O29" s="160">
        <v>0</v>
      </c>
      <c r="P29" s="165">
        <v>0</v>
      </c>
      <c r="Q29" s="162">
        <v>0</v>
      </c>
      <c r="R29" s="160">
        <v>0</v>
      </c>
      <c r="S29" s="160">
        <v>0</v>
      </c>
      <c r="T29" s="160">
        <v>0</v>
      </c>
      <c r="U29" s="160">
        <v>0</v>
      </c>
      <c r="V29" s="160">
        <v>0</v>
      </c>
      <c r="W29" s="165">
        <v>0</v>
      </c>
      <c r="X29" s="164">
        <v>0</v>
      </c>
      <c r="Y29" s="159">
        <v>1</v>
      </c>
      <c r="Z29" s="160">
        <v>3</v>
      </c>
      <c r="AA29" s="165">
        <v>4</v>
      </c>
      <c r="AB29" s="162">
        <v>0</v>
      </c>
      <c r="AC29" s="160">
        <v>4</v>
      </c>
      <c r="AD29" s="160">
        <v>5</v>
      </c>
      <c r="AE29" s="160">
        <v>3</v>
      </c>
      <c r="AF29" s="160">
        <v>3</v>
      </c>
      <c r="AG29" s="160">
        <v>3</v>
      </c>
      <c r="AH29" s="165">
        <v>18</v>
      </c>
      <c r="AI29" s="164">
        <v>22</v>
      </c>
      <c r="AJ29" s="159">
        <v>0</v>
      </c>
      <c r="AK29" s="160">
        <v>0</v>
      </c>
      <c r="AL29" s="165">
        <v>0</v>
      </c>
      <c r="AM29" s="162">
        <v>0</v>
      </c>
      <c r="AN29" s="160">
        <v>0</v>
      </c>
      <c r="AO29" s="160">
        <v>1</v>
      </c>
      <c r="AP29" s="160">
        <v>0</v>
      </c>
      <c r="AQ29" s="160">
        <v>0</v>
      </c>
      <c r="AR29" s="160">
        <v>0</v>
      </c>
      <c r="AS29" s="165">
        <v>1</v>
      </c>
      <c r="AT29" s="164">
        <v>1</v>
      </c>
      <c r="AU29" s="159">
        <v>1</v>
      </c>
      <c r="AV29" s="160">
        <v>1</v>
      </c>
      <c r="AW29" s="165">
        <v>2</v>
      </c>
      <c r="AX29" s="162">
        <v>0</v>
      </c>
      <c r="AY29" s="160">
        <v>5</v>
      </c>
      <c r="AZ29" s="160">
        <v>5</v>
      </c>
      <c r="BA29" s="160">
        <v>3</v>
      </c>
      <c r="BB29" s="160">
        <v>5</v>
      </c>
      <c r="BC29" s="160">
        <v>4</v>
      </c>
      <c r="BD29" s="163">
        <v>22</v>
      </c>
      <c r="BE29" s="164">
        <v>24</v>
      </c>
      <c r="BF29" s="159">
        <v>0</v>
      </c>
      <c r="BG29" s="160">
        <v>0</v>
      </c>
      <c r="BH29" s="165">
        <v>0</v>
      </c>
      <c r="BI29" s="162">
        <v>0</v>
      </c>
      <c r="BJ29" s="160">
        <v>8</v>
      </c>
      <c r="BK29" s="160">
        <v>5</v>
      </c>
      <c r="BL29" s="160">
        <v>4</v>
      </c>
      <c r="BM29" s="160">
        <v>5</v>
      </c>
      <c r="BN29" s="160">
        <v>0</v>
      </c>
      <c r="BO29" s="165">
        <v>22</v>
      </c>
      <c r="BP29" s="164">
        <v>22</v>
      </c>
      <c r="BQ29" s="159">
        <v>1</v>
      </c>
      <c r="BR29" s="160">
        <v>1</v>
      </c>
      <c r="BS29" s="165">
        <v>2</v>
      </c>
      <c r="BT29" s="162">
        <v>0</v>
      </c>
      <c r="BU29" s="160">
        <v>3</v>
      </c>
      <c r="BV29" s="160">
        <v>3</v>
      </c>
      <c r="BW29" s="160">
        <v>3</v>
      </c>
      <c r="BX29" s="160">
        <v>0</v>
      </c>
      <c r="BY29" s="160">
        <v>0</v>
      </c>
      <c r="BZ29" s="165">
        <v>9</v>
      </c>
      <c r="CA29" s="164">
        <v>11</v>
      </c>
      <c r="CB29" s="159">
        <v>0</v>
      </c>
      <c r="CC29" s="160">
        <v>0</v>
      </c>
      <c r="CD29" s="165">
        <v>0</v>
      </c>
      <c r="CE29" s="162">
        <v>0</v>
      </c>
      <c r="CF29" s="160">
        <v>0</v>
      </c>
      <c r="CG29" s="160">
        <v>0</v>
      </c>
      <c r="CH29" s="160">
        <v>1</v>
      </c>
      <c r="CI29" s="160">
        <v>1</v>
      </c>
      <c r="CJ29" s="160">
        <v>0</v>
      </c>
      <c r="CK29" s="165">
        <v>2</v>
      </c>
      <c r="CL29" s="164">
        <v>2</v>
      </c>
      <c r="CM29" s="159">
        <v>0</v>
      </c>
      <c r="CN29" s="160">
        <v>1</v>
      </c>
      <c r="CO29" s="165">
        <v>1</v>
      </c>
      <c r="CP29" s="162">
        <v>0</v>
      </c>
      <c r="CQ29" s="160">
        <v>0</v>
      </c>
      <c r="CR29" s="160">
        <v>0</v>
      </c>
      <c r="CS29" s="160">
        <v>0</v>
      </c>
      <c r="CT29" s="160">
        <v>0</v>
      </c>
      <c r="CU29" s="160">
        <v>0</v>
      </c>
      <c r="CV29" s="165">
        <v>0</v>
      </c>
      <c r="CW29" s="164">
        <v>1</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6</v>
      </c>
      <c r="DU29" s="160">
        <v>9</v>
      </c>
      <c r="DV29" s="165">
        <v>15</v>
      </c>
      <c r="DW29" s="162">
        <v>0</v>
      </c>
      <c r="DX29" s="160">
        <v>8</v>
      </c>
      <c r="DY29" s="160">
        <v>13</v>
      </c>
      <c r="DZ29" s="160">
        <v>6</v>
      </c>
      <c r="EA29" s="160">
        <v>4</v>
      </c>
      <c r="EB29" s="160">
        <v>5</v>
      </c>
      <c r="EC29" s="165">
        <v>36</v>
      </c>
      <c r="ED29" s="164">
        <v>51</v>
      </c>
      <c r="EE29" s="159">
        <v>1</v>
      </c>
      <c r="EF29" s="160">
        <v>0</v>
      </c>
      <c r="EG29" s="165">
        <v>1</v>
      </c>
      <c r="EH29" s="162">
        <v>0</v>
      </c>
      <c r="EI29" s="160">
        <v>2</v>
      </c>
      <c r="EJ29" s="160">
        <v>0</v>
      </c>
      <c r="EK29" s="160">
        <v>0</v>
      </c>
      <c r="EL29" s="160">
        <v>2</v>
      </c>
      <c r="EM29" s="160">
        <v>0</v>
      </c>
      <c r="EN29" s="165">
        <v>4</v>
      </c>
      <c r="EO29" s="164">
        <v>5</v>
      </c>
      <c r="EP29" s="159">
        <v>9</v>
      </c>
      <c r="EQ29" s="160">
        <v>14</v>
      </c>
      <c r="ER29" s="165">
        <v>23</v>
      </c>
      <c r="ES29" s="162">
        <v>0</v>
      </c>
      <c r="ET29" s="160">
        <v>16</v>
      </c>
      <c r="EU29" s="160">
        <v>13</v>
      </c>
      <c r="EV29" s="160">
        <v>7</v>
      </c>
      <c r="EW29" s="160">
        <v>5</v>
      </c>
      <c r="EX29" s="160">
        <v>4</v>
      </c>
      <c r="EY29" s="165">
        <v>45</v>
      </c>
      <c r="EZ29" s="164">
        <v>68</v>
      </c>
    </row>
    <row r="30" spans="2:156" ht="21" customHeight="1" x14ac:dyDescent="0.2">
      <c r="B30" s="166" t="s">
        <v>28</v>
      </c>
      <c r="C30" s="159">
        <v>0</v>
      </c>
      <c r="D30" s="160">
        <v>0</v>
      </c>
      <c r="E30" s="161">
        <v>0</v>
      </c>
      <c r="F30" s="162">
        <v>0</v>
      </c>
      <c r="G30" s="160">
        <v>0</v>
      </c>
      <c r="H30" s="160">
        <v>1</v>
      </c>
      <c r="I30" s="160">
        <v>1</v>
      </c>
      <c r="J30" s="160">
        <v>0</v>
      </c>
      <c r="K30" s="160">
        <v>0</v>
      </c>
      <c r="L30" s="163">
        <v>2</v>
      </c>
      <c r="M30" s="164">
        <v>2</v>
      </c>
      <c r="N30" s="159">
        <v>0</v>
      </c>
      <c r="O30" s="160">
        <v>0</v>
      </c>
      <c r="P30" s="165">
        <v>0</v>
      </c>
      <c r="Q30" s="162">
        <v>0</v>
      </c>
      <c r="R30" s="160">
        <v>0</v>
      </c>
      <c r="S30" s="160">
        <v>0</v>
      </c>
      <c r="T30" s="160">
        <v>0</v>
      </c>
      <c r="U30" s="160">
        <v>0</v>
      </c>
      <c r="V30" s="160">
        <v>0</v>
      </c>
      <c r="W30" s="165">
        <v>0</v>
      </c>
      <c r="X30" s="164">
        <v>0</v>
      </c>
      <c r="Y30" s="159">
        <v>0</v>
      </c>
      <c r="Z30" s="160">
        <v>0</v>
      </c>
      <c r="AA30" s="165">
        <v>0</v>
      </c>
      <c r="AB30" s="162">
        <v>0</v>
      </c>
      <c r="AC30" s="160">
        <v>1</v>
      </c>
      <c r="AD30" s="160">
        <v>0</v>
      </c>
      <c r="AE30" s="160">
        <v>1</v>
      </c>
      <c r="AF30" s="160">
        <v>0</v>
      </c>
      <c r="AG30" s="160">
        <v>0</v>
      </c>
      <c r="AH30" s="165">
        <v>2</v>
      </c>
      <c r="AI30" s="164">
        <v>2</v>
      </c>
      <c r="AJ30" s="159">
        <v>0</v>
      </c>
      <c r="AK30" s="160">
        <v>0</v>
      </c>
      <c r="AL30" s="165">
        <v>0</v>
      </c>
      <c r="AM30" s="162">
        <v>0</v>
      </c>
      <c r="AN30" s="160">
        <v>0</v>
      </c>
      <c r="AO30" s="160">
        <v>0</v>
      </c>
      <c r="AP30" s="160">
        <v>0</v>
      </c>
      <c r="AQ30" s="160">
        <v>0</v>
      </c>
      <c r="AR30" s="160">
        <v>0</v>
      </c>
      <c r="AS30" s="165">
        <v>0</v>
      </c>
      <c r="AT30" s="164">
        <v>0</v>
      </c>
      <c r="AU30" s="159">
        <v>0</v>
      </c>
      <c r="AV30" s="160">
        <v>0</v>
      </c>
      <c r="AW30" s="165">
        <v>0</v>
      </c>
      <c r="AX30" s="162">
        <v>0</v>
      </c>
      <c r="AY30" s="160">
        <v>3</v>
      </c>
      <c r="AZ30" s="160">
        <v>1</v>
      </c>
      <c r="BA30" s="160">
        <v>2</v>
      </c>
      <c r="BB30" s="160">
        <v>1</v>
      </c>
      <c r="BC30" s="160">
        <v>1</v>
      </c>
      <c r="BD30" s="163">
        <v>8</v>
      </c>
      <c r="BE30" s="164">
        <v>8</v>
      </c>
      <c r="BF30" s="159">
        <v>0</v>
      </c>
      <c r="BG30" s="160">
        <v>0</v>
      </c>
      <c r="BH30" s="165">
        <v>0</v>
      </c>
      <c r="BI30" s="162">
        <v>0</v>
      </c>
      <c r="BJ30" s="160">
        <v>0</v>
      </c>
      <c r="BK30" s="160">
        <v>3</v>
      </c>
      <c r="BL30" s="160">
        <v>1</v>
      </c>
      <c r="BM30" s="160">
        <v>0</v>
      </c>
      <c r="BN30" s="160">
        <v>0</v>
      </c>
      <c r="BO30" s="165">
        <v>4</v>
      </c>
      <c r="BP30" s="164">
        <v>4</v>
      </c>
      <c r="BQ30" s="159">
        <v>0</v>
      </c>
      <c r="BR30" s="160">
        <v>0</v>
      </c>
      <c r="BS30" s="165">
        <v>0</v>
      </c>
      <c r="BT30" s="162">
        <v>0</v>
      </c>
      <c r="BU30" s="160">
        <v>2</v>
      </c>
      <c r="BV30" s="160">
        <v>0</v>
      </c>
      <c r="BW30" s="160">
        <v>1</v>
      </c>
      <c r="BX30" s="160">
        <v>0</v>
      </c>
      <c r="BY30" s="160">
        <v>0</v>
      </c>
      <c r="BZ30" s="165">
        <v>3</v>
      </c>
      <c r="CA30" s="164">
        <v>3</v>
      </c>
      <c r="CB30" s="159">
        <v>0</v>
      </c>
      <c r="CC30" s="160">
        <v>0</v>
      </c>
      <c r="CD30" s="165">
        <v>0</v>
      </c>
      <c r="CE30" s="162">
        <v>0</v>
      </c>
      <c r="CF30" s="160">
        <v>0</v>
      </c>
      <c r="CG30" s="160">
        <v>0</v>
      </c>
      <c r="CH30" s="160">
        <v>0</v>
      </c>
      <c r="CI30" s="160">
        <v>0</v>
      </c>
      <c r="CJ30" s="160">
        <v>0</v>
      </c>
      <c r="CK30" s="165">
        <v>0</v>
      </c>
      <c r="CL30" s="164">
        <v>0</v>
      </c>
      <c r="CM30" s="159">
        <v>0</v>
      </c>
      <c r="CN30" s="160">
        <v>0</v>
      </c>
      <c r="CO30" s="165">
        <v>0</v>
      </c>
      <c r="CP30" s="162">
        <v>0</v>
      </c>
      <c r="CQ30" s="160">
        <v>0</v>
      </c>
      <c r="CR30" s="160">
        <v>0</v>
      </c>
      <c r="CS30" s="160">
        <v>1</v>
      </c>
      <c r="CT30" s="160">
        <v>0</v>
      </c>
      <c r="CU30" s="160">
        <v>0</v>
      </c>
      <c r="CV30" s="165">
        <v>1</v>
      </c>
      <c r="CW30" s="164">
        <v>1</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0</v>
      </c>
      <c r="DU30" s="160">
        <v>1</v>
      </c>
      <c r="DV30" s="165">
        <v>1</v>
      </c>
      <c r="DW30" s="162">
        <v>0</v>
      </c>
      <c r="DX30" s="160">
        <v>2</v>
      </c>
      <c r="DY30" s="160">
        <v>5</v>
      </c>
      <c r="DZ30" s="160">
        <v>2</v>
      </c>
      <c r="EA30" s="160">
        <v>1</v>
      </c>
      <c r="EB30" s="160">
        <v>0</v>
      </c>
      <c r="EC30" s="165">
        <v>10</v>
      </c>
      <c r="ED30" s="164">
        <v>11</v>
      </c>
      <c r="EE30" s="159">
        <v>0</v>
      </c>
      <c r="EF30" s="160">
        <v>0</v>
      </c>
      <c r="EG30" s="165">
        <v>0</v>
      </c>
      <c r="EH30" s="162">
        <v>0</v>
      </c>
      <c r="EI30" s="160">
        <v>3</v>
      </c>
      <c r="EJ30" s="160">
        <v>0</v>
      </c>
      <c r="EK30" s="160">
        <v>1</v>
      </c>
      <c r="EL30" s="160">
        <v>0</v>
      </c>
      <c r="EM30" s="160">
        <v>0</v>
      </c>
      <c r="EN30" s="165">
        <v>4</v>
      </c>
      <c r="EO30" s="164">
        <v>4</v>
      </c>
      <c r="EP30" s="159">
        <v>0</v>
      </c>
      <c r="EQ30" s="160">
        <v>1</v>
      </c>
      <c r="ER30" s="165">
        <v>1</v>
      </c>
      <c r="ES30" s="162">
        <v>0</v>
      </c>
      <c r="ET30" s="160">
        <v>7</v>
      </c>
      <c r="EU30" s="160">
        <v>6</v>
      </c>
      <c r="EV30" s="160">
        <v>3</v>
      </c>
      <c r="EW30" s="160">
        <v>1</v>
      </c>
      <c r="EX30" s="160">
        <v>0</v>
      </c>
      <c r="EY30" s="165">
        <v>17</v>
      </c>
      <c r="EZ30" s="164">
        <v>18</v>
      </c>
    </row>
    <row r="31" spans="2:156" ht="21" customHeight="1" x14ac:dyDescent="0.2">
      <c r="B31" s="166" t="s">
        <v>29</v>
      </c>
      <c r="C31" s="159">
        <v>0</v>
      </c>
      <c r="D31" s="160">
        <v>0</v>
      </c>
      <c r="E31" s="161">
        <v>0</v>
      </c>
      <c r="F31" s="162">
        <v>0</v>
      </c>
      <c r="G31" s="160">
        <v>0</v>
      </c>
      <c r="H31" s="160">
        <v>2</v>
      </c>
      <c r="I31" s="160">
        <v>0</v>
      </c>
      <c r="J31" s="160">
        <v>1</v>
      </c>
      <c r="K31" s="160">
        <v>0</v>
      </c>
      <c r="L31" s="163">
        <v>3</v>
      </c>
      <c r="M31" s="164">
        <v>3</v>
      </c>
      <c r="N31" s="159">
        <v>0</v>
      </c>
      <c r="O31" s="160">
        <v>0</v>
      </c>
      <c r="P31" s="165">
        <v>0</v>
      </c>
      <c r="Q31" s="162">
        <v>0</v>
      </c>
      <c r="R31" s="160">
        <v>0</v>
      </c>
      <c r="S31" s="160">
        <v>0</v>
      </c>
      <c r="T31" s="160">
        <v>1</v>
      </c>
      <c r="U31" s="160">
        <v>0</v>
      </c>
      <c r="V31" s="160">
        <v>1</v>
      </c>
      <c r="W31" s="165">
        <v>2</v>
      </c>
      <c r="X31" s="164">
        <v>2</v>
      </c>
      <c r="Y31" s="159">
        <v>0</v>
      </c>
      <c r="Z31" s="160">
        <v>1</v>
      </c>
      <c r="AA31" s="165">
        <v>1</v>
      </c>
      <c r="AB31" s="162">
        <v>0</v>
      </c>
      <c r="AC31" s="160">
        <v>0</v>
      </c>
      <c r="AD31" s="160">
        <v>1</v>
      </c>
      <c r="AE31" s="160">
        <v>2</v>
      </c>
      <c r="AF31" s="160">
        <v>0</v>
      </c>
      <c r="AG31" s="160">
        <v>0</v>
      </c>
      <c r="AH31" s="165">
        <v>3</v>
      </c>
      <c r="AI31" s="164">
        <v>4</v>
      </c>
      <c r="AJ31" s="159">
        <v>0</v>
      </c>
      <c r="AK31" s="160">
        <v>0</v>
      </c>
      <c r="AL31" s="165">
        <v>0</v>
      </c>
      <c r="AM31" s="162">
        <v>0</v>
      </c>
      <c r="AN31" s="160">
        <v>0</v>
      </c>
      <c r="AO31" s="160">
        <v>1</v>
      </c>
      <c r="AP31" s="160">
        <v>0</v>
      </c>
      <c r="AQ31" s="160">
        <v>0</v>
      </c>
      <c r="AR31" s="160">
        <v>0</v>
      </c>
      <c r="AS31" s="165">
        <v>1</v>
      </c>
      <c r="AT31" s="164">
        <v>1</v>
      </c>
      <c r="AU31" s="159">
        <v>1</v>
      </c>
      <c r="AV31" s="160">
        <v>0</v>
      </c>
      <c r="AW31" s="165">
        <v>1</v>
      </c>
      <c r="AX31" s="162">
        <v>0</v>
      </c>
      <c r="AY31" s="160">
        <v>2</v>
      </c>
      <c r="AZ31" s="160">
        <v>1</v>
      </c>
      <c r="BA31" s="160">
        <v>1</v>
      </c>
      <c r="BB31" s="160">
        <v>1</v>
      </c>
      <c r="BC31" s="160">
        <v>2</v>
      </c>
      <c r="BD31" s="163">
        <v>7</v>
      </c>
      <c r="BE31" s="164">
        <v>8</v>
      </c>
      <c r="BF31" s="159">
        <v>0</v>
      </c>
      <c r="BG31" s="160">
        <v>0</v>
      </c>
      <c r="BH31" s="165">
        <v>0</v>
      </c>
      <c r="BI31" s="162">
        <v>0</v>
      </c>
      <c r="BJ31" s="160">
        <v>0</v>
      </c>
      <c r="BK31" s="160">
        <v>3</v>
      </c>
      <c r="BL31" s="160">
        <v>2</v>
      </c>
      <c r="BM31" s="160">
        <v>0</v>
      </c>
      <c r="BN31" s="160">
        <v>1</v>
      </c>
      <c r="BO31" s="165">
        <v>6</v>
      </c>
      <c r="BP31" s="164">
        <v>6</v>
      </c>
      <c r="BQ31" s="159">
        <v>0</v>
      </c>
      <c r="BR31" s="160">
        <v>0</v>
      </c>
      <c r="BS31" s="165">
        <v>0</v>
      </c>
      <c r="BT31" s="162">
        <v>0</v>
      </c>
      <c r="BU31" s="160">
        <v>0</v>
      </c>
      <c r="BV31" s="160">
        <v>0</v>
      </c>
      <c r="BW31" s="160">
        <v>0</v>
      </c>
      <c r="BX31" s="160">
        <v>0</v>
      </c>
      <c r="BY31" s="160">
        <v>0</v>
      </c>
      <c r="BZ31" s="165">
        <v>0</v>
      </c>
      <c r="CA31" s="164">
        <v>0</v>
      </c>
      <c r="CB31" s="159">
        <v>0</v>
      </c>
      <c r="CC31" s="160">
        <v>0</v>
      </c>
      <c r="CD31" s="165">
        <v>0</v>
      </c>
      <c r="CE31" s="162">
        <v>0</v>
      </c>
      <c r="CF31" s="160">
        <v>0</v>
      </c>
      <c r="CG31" s="160">
        <v>0</v>
      </c>
      <c r="CH31" s="160">
        <v>0</v>
      </c>
      <c r="CI31" s="160">
        <v>0</v>
      </c>
      <c r="CJ31" s="160">
        <v>1</v>
      </c>
      <c r="CK31" s="165">
        <v>1</v>
      </c>
      <c r="CL31" s="164">
        <v>1</v>
      </c>
      <c r="CM31" s="159">
        <v>0</v>
      </c>
      <c r="CN31" s="160">
        <v>0</v>
      </c>
      <c r="CO31" s="165">
        <v>0</v>
      </c>
      <c r="CP31" s="162">
        <v>0</v>
      </c>
      <c r="CQ31" s="160">
        <v>0</v>
      </c>
      <c r="CR31" s="160">
        <v>0</v>
      </c>
      <c r="CS31" s="160">
        <v>0</v>
      </c>
      <c r="CT31" s="160">
        <v>0</v>
      </c>
      <c r="CU31" s="160">
        <v>0</v>
      </c>
      <c r="CV31" s="165">
        <v>0</v>
      </c>
      <c r="CW31" s="164">
        <v>0</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3</v>
      </c>
      <c r="DU31" s="160">
        <v>0</v>
      </c>
      <c r="DV31" s="165">
        <v>3</v>
      </c>
      <c r="DW31" s="162">
        <v>0</v>
      </c>
      <c r="DX31" s="160">
        <v>0</v>
      </c>
      <c r="DY31" s="160">
        <v>3</v>
      </c>
      <c r="DZ31" s="160">
        <v>2</v>
      </c>
      <c r="EA31" s="160">
        <v>2</v>
      </c>
      <c r="EB31" s="160">
        <v>2</v>
      </c>
      <c r="EC31" s="165">
        <v>9</v>
      </c>
      <c r="ED31" s="164">
        <v>12</v>
      </c>
      <c r="EE31" s="159">
        <v>1</v>
      </c>
      <c r="EF31" s="160">
        <v>0</v>
      </c>
      <c r="EG31" s="165">
        <v>1</v>
      </c>
      <c r="EH31" s="162">
        <v>0</v>
      </c>
      <c r="EI31" s="160">
        <v>1</v>
      </c>
      <c r="EJ31" s="160">
        <v>1</v>
      </c>
      <c r="EK31" s="160">
        <v>0</v>
      </c>
      <c r="EL31" s="160">
        <v>0</v>
      </c>
      <c r="EM31" s="160">
        <v>0</v>
      </c>
      <c r="EN31" s="165">
        <v>2</v>
      </c>
      <c r="EO31" s="164">
        <v>3</v>
      </c>
      <c r="EP31" s="159">
        <v>3</v>
      </c>
      <c r="EQ31" s="160">
        <v>1</v>
      </c>
      <c r="ER31" s="165">
        <v>4</v>
      </c>
      <c r="ES31" s="162">
        <v>0</v>
      </c>
      <c r="ET31" s="160">
        <v>0</v>
      </c>
      <c r="EU31" s="160">
        <v>3</v>
      </c>
      <c r="EV31" s="160">
        <v>3</v>
      </c>
      <c r="EW31" s="160">
        <v>1</v>
      </c>
      <c r="EX31" s="160">
        <v>2</v>
      </c>
      <c r="EY31" s="165">
        <v>9</v>
      </c>
      <c r="EZ31" s="164">
        <v>13</v>
      </c>
    </row>
    <row r="32" spans="2:156" ht="21" customHeight="1" x14ac:dyDescent="0.2">
      <c r="B32" s="166" t="s">
        <v>30</v>
      </c>
      <c r="C32" s="159">
        <v>0</v>
      </c>
      <c r="D32" s="160">
        <v>0</v>
      </c>
      <c r="E32" s="161">
        <v>0</v>
      </c>
      <c r="F32" s="162">
        <v>0</v>
      </c>
      <c r="G32" s="160">
        <v>1</v>
      </c>
      <c r="H32" s="160">
        <v>1</v>
      </c>
      <c r="I32" s="160">
        <v>1</v>
      </c>
      <c r="J32" s="160">
        <v>1</v>
      </c>
      <c r="K32" s="160">
        <v>0</v>
      </c>
      <c r="L32" s="163">
        <v>4</v>
      </c>
      <c r="M32" s="164">
        <v>4</v>
      </c>
      <c r="N32" s="159">
        <v>0</v>
      </c>
      <c r="O32" s="160">
        <v>0</v>
      </c>
      <c r="P32" s="165">
        <v>0</v>
      </c>
      <c r="Q32" s="162">
        <v>0</v>
      </c>
      <c r="R32" s="160">
        <v>0</v>
      </c>
      <c r="S32" s="160">
        <v>0</v>
      </c>
      <c r="T32" s="160">
        <v>0</v>
      </c>
      <c r="U32" s="160">
        <v>0</v>
      </c>
      <c r="V32" s="160">
        <v>0</v>
      </c>
      <c r="W32" s="165">
        <v>0</v>
      </c>
      <c r="X32" s="164">
        <v>0</v>
      </c>
      <c r="Y32" s="159">
        <v>0</v>
      </c>
      <c r="Z32" s="160">
        <v>1</v>
      </c>
      <c r="AA32" s="165">
        <v>1</v>
      </c>
      <c r="AB32" s="162">
        <v>0</v>
      </c>
      <c r="AC32" s="160">
        <v>1</v>
      </c>
      <c r="AD32" s="160">
        <v>0</v>
      </c>
      <c r="AE32" s="160">
        <v>1</v>
      </c>
      <c r="AF32" s="160">
        <v>1</v>
      </c>
      <c r="AG32" s="160">
        <v>0</v>
      </c>
      <c r="AH32" s="165">
        <v>3</v>
      </c>
      <c r="AI32" s="164">
        <v>4</v>
      </c>
      <c r="AJ32" s="159">
        <v>0</v>
      </c>
      <c r="AK32" s="160">
        <v>0</v>
      </c>
      <c r="AL32" s="165">
        <v>0</v>
      </c>
      <c r="AM32" s="162">
        <v>0</v>
      </c>
      <c r="AN32" s="160">
        <v>0</v>
      </c>
      <c r="AO32" s="160">
        <v>0</v>
      </c>
      <c r="AP32" s="160">
        <v>0</v>
      </c>
      <c r="AQ32" s="160">
        <v>0</v>
      </c>
      <c r="AR32" s="160">
        <v>0</v>
      </c>
      <c r="AS32" s="165">
        <v>0</v>
      </c>
      <c r="AT32" s="164">
        <v>0</v>
      </c>
      <c r="AU32" s="159">
        <v>0</v>
      </c>
      <c r="AV32" s="160">
        <v>0</v>
      </c>
      <c r="AW32" s="165">
        <v>0</v>
      </c>
      <c r="AX32" s="162">
        <v>0</v>
      </c>
      <c r="AY32" s="160">
        <v>1</v>
      </c>
      <c r="AZ32" s="160">
        <v>2</v>
      </c>
      <c r="BA32" s="160">
        <v>1</v>
      </c>
      <c r="BB32" s="160">
        <v>2</v>
      </c>
      <c r="BC32" s="160">
        <v>0</v>
      </c>
      <c r="BD32" s="163">
        <v>6</v>
      </c>
      <c r="BE32" s="164">
        <v>6</v>
      </c>
      <c r="BF32" s="159">
        <v>0</v>
      </c>
      <c r="BG32" s="160">
        <v>0</v>
      </c>
      <c r="BH32" s="165">
        <v>0</v>
      </c>
      <c r="BI32" s="162">
        <v>0</v>
      </c>
      <c r="BJ32" s="160">
        <v>0</v>
      </c>
      <c r="BK32" s="160">
        <v>0</v>
      </c>
      <c r="BL32" s="160">
        <v>0</v>
      </c>
      <c r="BM32" s="160">
        <v>1</v>
      </c>
      <c r="BN32" s="160">
        <v>0</v>
      </c>
      <c r="BO32" s="165">
        <v>1</v>
      </c>
      <c r="BP32" s="164">
        <v>1</v>
      </c>
      <c r="BQ32" s="159">
        <v>2</v>
      </c>
      <c r="BR32" s="160">
        <v>0</v>
      </c>
      <c r="BS32" s="165">
        <v>2</v>
      </c>
      <c r="BT32" s="162">
        <v>0</v>
      </c>
      <c r="BU32" s="160">
        <v>0</v>
      </c>
      <c r="BV32" s="160">
        <v>0</v>
      </c>
      <c r="BW32" s="160">
        <v>0</v>
      </c>
      <c r="BX32" s="160">
        <v>0</v>
      </c>
      <c r="BY32" s="160">
        <v>0</v>
      </c>
      <c r="BZ32" s="165">
        <v>0</v>
      </c>
      <c r="CA32" s="164">
        <v>2</v>
      </c>
      <c r="CB32" s="159">
        <v>1</v>
      </c>
      <c r="CC32" s="160">
        <v>0</v>
      </c>
      <c r="CD32" s="165">
        <v>1</v>
      </c>
      <c r="CE32" s="162">
        <v>0</v>
      </c>
      <c r="CF32" s="160">
        <v>1</v>
      </c>
      <c r="CG32" s="160">
        <v>0</v>
      </c>
      <c r="CH32" s="160">
        <v>1</v>
      </c>
      <c r="CI32" s="160">
        <v>1</v>
      </c>
      <c r="CJ32" s="160">
        <v>0</v>
      </c>
      <c r="CK32" s="165">
        <v>3</v>
      </c>
      <c r="CL32" s="164">
        <v>4</v>
      </c>
      <c r="CM32" s="159">
        <v>0</v>
      </c>
      <c r="CN32" s="160">
        <v>0</v>
      </c>
      <c r="CO32" s="165">
        <v>0</v>
      </c>
      <c r="CP32" s="162">
        <v>0</v>
      </c>
      <c r="CQ32" s="160">
        <v>0</v>
      </c>
      <c r="CR32" s="160">
        <v>0</v>
      </c>
      <c r="CS32" s="160">
        <v>0</v>
      </c>
      <c r="CT32" s="160">
        <v>0</v>
      </c>
      <c r="CU32" s="160">
        <v>0</v>
      </c>
      <c r="CV32" s="165">
        <v>0</v>
      </c>
      <c r="CW32" s="164">
        <v>0</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2</v>
      </c>
      <c r="DU32" s="160">
        <v>0</v>
      </c>
      <c r="DV32" s="165">
        <v>2</v>
      </c>
      <c r="DW32" s="162">
        <v>0</v>
      </c>
      <c r="DX32" s="160">
        <v>1</v>
      </c>
      <c r="DY32" s="160">
        <v>1</v>
      </c>
      <c r="DZ32" s="160">
        <v>2</v>
      </c>
      <c r="EA32" s="160">
        <v>1</v>
      </c>
      <c r="EB32" s="160">
        <v>0</v>
      </c>
      <c r="EC32" s="165">
        <v>5</v>
      </c>
      <c r="ED32" s="164">
        <v>7</v>
      </c>
      <c r="EE32" s="159">
        <v>0</v>
      </c>
      <c r="EF32" s="160">
        <v>0</v>
      </c>
      <c r="EG32" s="165">
        <v>0</v>
      </c>
      <c r="EH32" s="162">
        <v>0</v>
      </c>
      <c r="EI32" s="160">
        <v>1</v>
      </c>
      <c r="EJ32" s="160">
        <v>2</v>
      </c>
      <c r="EK32" s="160">
        <v>1</v>
      </c>
      <c r="EL32" s="160">
        <v>0</v>
      </c>
      <c r="EM32" s="160">
        <v>0</v>
      </c>
      <c r="EN32" s="165">
        <v>4</v>
      </c>
      <c r="EO32" s="164">
        <v>4</v>
      </c>
      <c r="EP32" s="159">
        <v>3</v>
      </c>
      <c r="EQ32" s="160">
        <v>1</v>
      </c>
      <c r="ER32" s="165">
        <v>4</v>
      </c>
      <c r="ES32" s="162">
        <v>0</v>
      </c>
      <c r="ET32" s="160">
        <v>2</v>
      </c>
      <c r="EU32" s="160">
        <v>1</v>
      </c>
      <c r="EV32" s="160">
        <v>4</v>
      </c>
      <c r="EW32" s="160">
        <v>1</v>
      </c>
      <c r="EX32" s="160">
        <v>0</v>
      </c>
      <c r="EY32" s="165">
        <v>8</v>
      </c>
      <c r="EZ32" s="164">
        <v>12</v>
      </c>
    </row>
    <row r="33" spans="2:156" ht="21" customHeight="1" x14ac:dyDescent="0.2">
      <c r="B33" s="166" t="s">
        <v>31</v>
      </c>
      <c r="C33" s="159">
        <v>0</v>
      </c>
      <c r="D33" s="160">
        <v>0</v>
      </c>
      <c r="E33" s="161">
        <v>0</v>
      </c>
      <c r="F33" s="162">
        <v>0</v>
      </c>
      <c r="G33" s="160">
        <v>0</v>
      </c>
      <c r="H33" s="160">
        <v>0</v>
      </c>
      <c r="I33" s="160">
        <v>2</v>
      </c>
      <c r="J33" s="160">
        <v>0</v>
      </c>
      <c r="K33" s="160">
        <v>0</v>
      </c>
      <c r="L33" s="163">
        <v>2</v>
      </c>
      <c r="M33" s="164">
        <v>2</v>
      </c>
      <c r="N33" s="159">
        <v>0</v>
      </c>
      <c r="O33" s="160">
        <v>0</v>
      </c>
      <c r="P33" s="165">
        <v>0</v>
      </c>
      <c r="Q33" s="162">
        <v>0</v>
      </c>
      <c r="R33" s="160">
        <v>0</v>
      </c>
      <c r="S33" s="160">
        <v>1</v>
      </c>
      <c r="T33" s="160">
        <v>1</v>
      </c>
      <c r="U33" s="160">
        <v>0</v>
      </c>
      <c r="V33" s="160">
        <v>0</v>
      </c>
      <c r="W33" s="165">
        <v>2</v>
      </c>
      <c r="X33" s="164">
        <v>2</v>
      </c>
      <c r="Y33" s="159">
        <v>0</v>
      </c>
      <c r="Z33" s="160">
        <v>1</v>
      </c>
      <c r="AA33" s="165">
        <v>1</v>
      </c>
      <c r="AB33" s="162">
        <v>0</v>
      </c>
      <c r="AC33" s="160">
        <v>0</v>
      </c>
      <c r="AD33" s="160">
        <v>0</v>
      </c>
      <c r="AE33" s="160">
        <v>4</v>
      </c>
      <c r="AF33" s="160">
        <v>0</v>
      </c>
      <c r="AG33" s="160">
        <v>0</v>
      </c>
      <c r="AH33" s="165">
        <v>4</v>
      </c>
      <c r="AI33" s="164">
        <v>5</v>
      </c>
      <c r="AJ33" s="159">
        <v>0</v>
      </c>
      <c r="AK33" s="160">
        <v>0</v>
      </c>
      <c r="AL33" s="165">
        <v>0</v>
      </c>
      <c r="AM33" s="162">
        <v>0</v>
      </c>
      <c r="AN33" s="160">
        <v>0</v>
      </c>
      <c r="AO33" s="160">
        <v>0</v>
      </c>
      <c r="AP33" s="160">
        <v>1</v>
      </c>
      <c r="AQ33" s="160">
        <v>0</v>
      </c>
      <c r="AR33" s="160">
        <v>0</v>
      </c>
      <c r="AS33" s="165">
        <v>1</v>
      </c>
      <c r="AT33" s="164">
        <v>1</v>
      </c>
      <c r="AU33" s="159">
        <v>0</v>
      </c>
      <c r="AV33" s="160">
        <v>0</v>
      </c>
      <c r="AW33" s="165">
        <v>0</v>
      </c>
      <c r="AX33" s="162">
        <v>0</v>
      </c>
      <c r="AY33" s="160">
        <v>0</v>
      </c>
      <c r="AZ33" s="160">
        <v>0</v>
      </c>
      <c r="BA33" s="160">
        <v>0</v>
      </c>
      <c r="BB33" s="160">
        <v>2</v>
      </c>
      <c r="BC33" s="160">
        <v>1</v>
      </c>
      <c r="BD33" s="163">
        <v>3</v>
      </c>
      <c r="BE33" s="164">
        <v>3</v>
      </c>
      <c r="BF33" s="159">
        <v>0</v>
      </c>
      <c r="BG33" s="160">
        <v>0</v>
      </c>
      <c r="BH33" s="165">
        <v>0</v>
      </c>
      <c r="BI33" s="162">
        <v>0</v>
      </c>
      <c r="BJ33" s="160">
        <v>2</v>
      </c>
      <c r="BK33" s="160">
        <v>0</v>
      </c>
      <c r="BL33" s="160">
        <v>0</v>
      </c>
      <c r="BM33" s="160">
        <v>0</v>
      </c>
      <c r="BN33" s="160">
        <v>0</v>
      </c>
      <c r="BO33" s="165">
        <v>2</v>
      </c>
      <c r="BP33" s="164">
        <v>2</v>
      </c>
      <c r="BQ33" s="159">
        <v>0</v>
      </c>
      <c r="BR33" s="160">
        <v>0</v>
      </c>
      <c r="BS33" s="165">
        <v>0</v>
      </c>
      <c r="BT33" s="162">
        <v>0</v>
      </c>
      <c r="BU33" s="160">
        <v>1</v>
      </c>
      <c r="BV33" s="160">
        <v>1</v>
      </c>
      <c r="BW33" s="160">
        <v>2</v>
      </c>
      <c r="BX33" s="160">
        <v>0</v>
      </c>
      <c r="BY33" s="160">
        <v>0</v>
      </c>
      <c r="BZ33" s="165">
        <v>4</v>
      </c>
      <c r="CA33" s="164">
        <v>4</v>
      </c>
      <c r="CB33" s="159">
        <v>0</v>
      </c>
      <c r="CC33" s="160">
        <v>0</v>
      </c>
      <c r="CD33" s="165">
        <v>0</v>
      </c>
      <c r="CE33" s="162">
        <v>0</v>
      </c>
      <c r="CF33" s="160">
        <v>0</v>
      </c>
      <c r="CG33" s="160">
        <v>0</v>
      </c>
      <c r="CH33" s="160">
        <v>0</v>
      </c>
      <c r="CI33" s="160">
        <v>1</v>
      </c>
      <c r="CJ33" s="160">
        <v>0</v>
      </c>
      <c r="CK33" s="165">
        <v>1</v>
      </c>
      <c r="CL33" s="164">
        <v>1</v>
      </c>
      <c r="CM33" s="159">
        <v>0</v>
      </c>
      <c r="CN33" s="160">
        <v>0</v>
      </c>
      <c r="CO33" s="165">
        <v>0</v>
      </c>
      <c r="CP33" s="162">
        <v>0</v>
      </c>
      <c r="CQ33" s="160">
        <v>0</v>
      </c>
      <c r="CR33" s="160">
        <v>0</v>
      </c>
      <c r="CS33" s="160">
        <v>0</v>
      </c>
      <c r="CT33" s="160">
        <v>0</v>
      </c>
      <c r="CU33" s="160">
        <v>0</v>
      </c>
      <c r="CV33" s="165">
        <v>0</v>
      </c>
      <c r="CW33" s="164">
        <v>0</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2</v>
      </c>
      <c r="DU33" s="160">
        <v>2</v>
      </c>
      <c r="DV33" s="165">
        <v>4</v>
      </c>
      <c r="DW33" s="162">
        <v>0</v>
      </c>
      <c r="DX33" s="160">
        <v>1</v>
      </c>
      <c r="DY33" s="160">
        <v>2</v>
      </c>
      <c r="DZ33" s="160">
        <v>5</v>
      </c>
      <c r="EA33" s="160">
        <v>1</v>
      </c>
      <c r="EB33" s="160">
        <v>0</v>
      </c>
      <c r="EC33" s="165">
        <v>9</v>
      </c>
      <c r="ED33" s="164">
        <v>13</v>
      </c>
      <c r="EE33" s="159">
        <v>0</v>
      </c>
      <c r="EF33" s="160">
        <v>0</v>
      </c>
      <c r="EG33" s="165">
        <v>0</v>
      </c>
      <c r="EH33" s="162">
        <v>0</v>
      </c>
      <c r="EI33" s="160">
        <v>0</v>
      </c>
      <c r="EJ33" s="160">
        <v>0</v>
      </c>
      <c r="EK33" s="160">
        <v>0</v>
      </c>
      <c r="EL33" s="160">
        <v>0</v>
      </c>
      <c r="EM33" s="160">
        <v>0</v>
      </c>
      <c r="EN33" s="165">
        <v>0</v>
      </c>
      <c r="EO33" s="164">
        <v>0</v>
      </c>
      <c r="EP33" s="159">
        <v>1</v>
      </c>
      <c r="EQ33" s="160">
        <v>2</v>
      </c>
      <c r="ER33" s="165">
        <v>3</v>
      </c>
      <c r="ES33" s="162">
        <v>0</v>
      </c>
      <c r="ET33" s="160">
        <v>3</v>
      </c>
      <c r="EU33" s="160">
        <v>3</v>
      </c>
      <c r="EV33" s="160">
        <v>6</v>
      </c>
      <c r="EW33" s="160">
        <v>1</v>
      </c>
      <c r="EX33" s="160">
        <v>0</v>
      </c>
      <c r="EY33" s="165">
        <v>13</v>
      </c>
      <c r="EZ33" s="164">
        <v>16</v>
      </c>
    </row>
    <row r="34" spans="2:156" ht="21" customHeight="1" x14ac:dyDescent="0.2">
      <c r="B34" s="166" t="s">
        <v>32</v>
      </c>
      <c r="C34" s="159">
        <v>0</v>
      </c>
      <c r="D34" s="160">
        <v>0</v>
      </c>
      <c r="E34" s="161">
        <v>0</v>
      </c>
      <c r="F34" s="162">
        <v>0</v>
      </c>
      <c r="G34" s="160">
        <v>2</v>
      </c>
      <c r="H34" s="160">
        <v>2</v>
      </c>
      <c r="I34" s="160">
        <v>0</v>
      </c>
      <c r="J34" s="160">
        <v>1</v>
      </c>
      <c r="K34" s="160">
        <v>1</v>
      </c>
      <c r="L34" s="163">
        <v>6</v>
      </c>
      <c r="M34" s="164">
        <v>6</v>
      </c>
      <c r="N34" s="159">
        <v>0</v>
      </c>
      <c r="O34" s="160">
        <v>0</v>
      </c>
      <c r="P34" s="165">
        <v>0</v>
      </c>
      <c r="Q34" s="162">
        <v>0</v>
      </c>
      <c r="R34" s="160">
        <v>0</v>
      </c>
      <c r="S34" s="160">
        <v>0</v>
      </c>
      <c r="T34" s="160">
        <v>0</v>
      </c>
      <c r="U34" s="160">
        <v>0</v>
      </c>
      <c r="V34" s="160">
        <v>1</v>
      </c>
      <c r="W34" s="165">
        <v>1</v>
      </c>
      <c r="X34" s="164">
        <v>1</v>
      </c>
      <c r="Y34" s="159">
        <v>0</v>
      </c>
      <c r="Z34" s="160">
        <v>0</v>
      </c>
      <c r="AA34" s="165">
        <v>0</v>
      </c>
      <c r="AB34" s="162">
        <v>0</v>
      </c>
      <c r="AC34" s="160">
        <v>3</v>
      </c>
      <c r="AD34" s="160">
        <v>4</v>
      </c>
      <c r="AE34" s="160">
        <v>0</v>
      </c>
      <c r="AF34" s="160">
        <v>0</v>
      </c>
      <c r="AG34" s="160">
        <v>0</v>
      </c>
      <c r="AH34" s="165">
        <v>7</v>
      </c>
      <c r="AI34" s="164">
        <v>7</v>
      </c>
      <c r="AJ34" s="159">
        <v>0</v>
      </c>
      <c r="AK34" s="160">
        <v>0</v>
      </c>
      <c r="AL34" s="165">
        <v>0</v>
      </c>
      <c r="AM34" s="162">
        <v>0</v>
      </c>
      <c r="AN34" s="160">
        <v>0</v>
      </c>
      <c r="AO34" s="160">
        <v>1</v>
      </c>
      <c r="AP34" s="160">
        <v>0</v>
      </c>
      <c r="AQ34" s="160">
        <v>0</v>
      </c>
      <c r="AR34" s="160">
        <v>0</v>
      </c>
      <c r="AS34" s="165">
        <v>1</v>
      </c>
      <c r="AT34" s="164">
        <v>1</v>
      </c>
      <c r="AU34" s="159">
        <v>0</v>
      </c>
      <c r="AV34" s="160">
        <v>0</v>
      </c>
      <c r="AW34" s="165">
        <v>0</v>
      </c>
      <c r="AX34" s="162">
        <v>0</v>
      </c>
      <c r="AY34" s="160">
        <v>0</v>
      </c>
      <c r="AZ34" s="160">
        <v>3</v>
      </c>
      <c r="BA34" s="160">
        <v>2</v>
      </c>
      <c r="BB34" s="160">
        <v>2</v>
      </c>
      <c r="BC34" s="160">
        <v>1</v>
      </c>
      <c r="BD34" s="163">
        <v>8</v>
      </c>
      <c r="BE34" s="164">
        <v>8</v>
      </c>
      <c r="BF34" s="159">
        <v>0</v>
      </c>
      <c r="BG34" s="160">
        <v>0</v>
      </c>
      <c r="BH34" s="165">
        <v>0</v>
      </c>
      <c r="BI34" s="162">
        <v>0</v>
      </c>
      <c r="BJ34" s="160">
        <v>3</v>
      </c>
      <c r="BK34" s="160">
        <v>4</v>
      </c>
      <c r="BL34" s="160">
        <v>1</v>
      </c>
      <c r="BM34" s="160">
        <v>0</v>
      </c>
      <c r="BN34" s="160">
        <v>0</v>
      </c>
      <c r="BO34" s="165">
        <v>8</v>
      </c>
      <c r="BP34" s="164">
        <v>8</v>
      </c>
      <c r="BQ34" s="159">
        <v>0</v>
      </c>
      <c r="BR34" s="160">
        <v>0</v>
      </c>
      <c r="BS34" s="165">
        <v>0</v>
      </c>
      <c r="BT34" s="162">
        <v>0</v>
      </c>
      <c r="BU34" s="160">
        <v>0</v>
      </c>
      <c r="BV34" s="160">
        <v>1</v>
      </c>
      <c r="BW34" s="160">
        <v>0</v>
      </c>
      <c r="BX34" s="160">
        <v>0</v>
      </c>
      <c r="BY34" s="160">
        <v>0</v>
      </c>
      <c r="BZ34" s="165">
        <v>1</v>
      </c>
      <c r="CA34" s="164">
        <v>1</v>
      </c>
      <c r="CB34" s="159">
        <v>0</v>
      </c>
      <c r="CC34" s="160">
        <v>0</v>
      </c>
      <c r="CD34" s="165">
        <v>0</v>
      </c>
      <c r="CE34" s="162">
        <v>0</v>
      </c>
      <c r="CF34" s="160">
        <v>0</v>
      </c>
      <c r="CG34" s="160">
        <v>1</v>
      </c>
      <c r="CH34" s="160">
        <v>0</v>
      </c>
      <c r="CI34" s="160">
        <v>0</v>
      </c>
      <c r="CJ34" s="160">
        <v>0</v>
      </c>
      <c r="CK34" s="165">
        <v>1</v>
      </c>
      <c r="CL34" s="164">
        <v>1</v>
      </c>
      <c r="CM34" s="159">
        <v>0</v>
      </c>
      <c r="CN34" s="160">
        <v>0</v>
      </c>
      <c r="CO34" s="165">
        <v>0</v>
      </c>
      <c r="CP34" s="162">
        <v>0</v>
      </c>
      <c r="CQ34" s="160">
        <v>0</v>
      </c>
      <c r="CR34" s="160">
        <v>0</v>
      </c>
      <c r="CS34" s="160">
        <v>0</v>
      </c>
      <c r="CT34" s="160">
        <v>0</v>
      </c>
      <c r="CU34" s="160">
        <v>0</v>
      </c>
      <c r="CV34" s="165">
        <v>0</v>
      </c>
      <c r="CW34" s="164">
        <v>0</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1</v>
      </c>
      <c r="DU34" s="160">
        <v>4</v>
      </c>
      <c r="DV34" s="165">
        <v>5</v>
      </c>
      <c r="DW34" s="162">
        <v>0</v>
      </c>
      <c r="DX34" s="160">
        <v>5</v>
      </c>
      <c r="DY34" s="160">
        <v>9</v>
      </c>
      <c r="DZ34" s="160">
        <v>1</v>
      </c>
      <c r="EA34" s="160">
        <v>1</v>
      </c>
      <c r="EB34" s="160">
        <v>1</v>
      </c>
      <c r="EC34" s="165">
        <v>17</v>
      </c>
      <c r="ED34" s="164">
        <v>22</v>
      </c>
      <c r="EE34" s="159">
        <v>0</v>
      </c>
      <c r="EF34" s="160">
        <v>0</v>
      </c>
      <c r="EG34" s="165">
        <v>0</v>
      </c>
      <c r="EH34" s="162">
        <v>0</v>
      </c>
      <c r="EI34" s="160">
        <v>1</v>
      </c>
      <c r="EJ34" s="160">
        <v>1</v>
      </c>
      <c r="EK34" s="160">
        <v>0</v>
      </c>
      <c r="EL34" s="160">
        <v>1</v>
      </c>
      <c r="EM34" s="160">
        <v>1</v>
      </c>
      <c r="EN34" s="165">
        <v>4</v>
      </c>
      <c r="EO34" s="164">
        <v>4</v>
      </c>
      <c r="EP34" s="159">
        <v>1</v>
      </c>
      <c r="EQ34" s="160">
        <v>4</v>
      </c>
      <c r="ER34" s="165">
        <v>5</v>
      </c>
      <c r="ES34" s="162">
        <v>0</v>
      </c>
      <c r="ET34" s="160">
        <v>9</v>
      </c>
      <c r="EU34" s="160">
        <v>13</v>
      </c>
      <c r="EV34" s="160">
        <v>2</v>
      </c>
      <c r="EW34" s="160">
        <v>1</v>
      </c>
      <c r="EX34" s="160">
        <v>1</v>
      </c>
      <c r="EY34" s="165">
        <v>26</v>
      </c>
      <c r="EZ34" s="164">
        <v>31</v>
      </c>
    </row>
    <row r="35" spans="2:156" ht="21" customHeight="1" x14ac:dyDescent="0.2">
      <c r="B35" s="166" t="s">
        <v>33</v>
      </c>
      <c r="C35" s="159">
        <v>0</v>
      </c>
      <c r="D35" s="160">
        <v>0</v>
      </c>
      <c r="E35" s="161">
        <v>0</v>
      </c>
      <c r="F35" s="162">
        <v>0</v>
      </c>
      <c r="G35" s="160">
        <v>2</v>
      </c>
      <c r="H35" s="160">
        <v>0</v>
      </c>
      <c r="I35" s="160">
        <v>1</v>
      </c>
      <c r="J35" s="160">
        <v>0</v>
      </c>
      <c r="K35" s="160">
        <v>1</v>
      </c>
      <c r="L35" s="163">
        <v>4</v>
      </c>
      <c r="M35" s="164">
        <v>4</v>
      </c>
      <c r="N35" s="159">
        <v>0</v>
      </c>
      <c r="O35" s="160">
        <v>0</v>
      </c>
      <c r="P35" s="165">
        <v>0</v>
      </c>
      <c r="Q35" s="162">
        <v>0</v>
      </c>
      <c r="R35" s="160">
        <v>0</v>
      </c>
      <c r="S35" s="160">
        <v>0</v>
      </c>
      <c r="T35" s="160">
        <v>0</v>
      </c>
      <c r="U35" s="160">
        <v>0</v>
      </c>
      <c r="V35" s="160">
        <v>0</v>
      </c>
      <c r="W35" s="165">
        <v>0</v>
      </c>
      <c r="X35" s="164">
        <v>0</v>
      </c>
      <c r="Y35" s="159">
        <v>0</v>
      </c>
      <c r="Z35" s="160">
        <v>0</v>
      </c>
      <c r="AA35" s="165">
        <v>0</v>
      </c>
      <c r="AB35" s="162">
        <v>0</v>
      </c>
      <c r="AC35" s="160">
        <v>2</v>
      </c>
      <c r="AD35" s="160">
        <v>1</v>
      </c>
      <c r="AE35" s="160">
        <v>1</v>
      </c>
      <c r="AF35" s="160">
        <v>0</v>
      </c>
      <c r="AG35" s="160">
        <v>0</v>
      </c>
      <c r="AH35" s="165">
        <v>4</v>
      </c>
      <c r="AI35" s="164">
        <v>4</v>
      </c>
      <c r="AJ35" s="159">
        <v>2</v>
      </c>
      <c r="AK35" s="160">
        <v>1</v>
      </c>
      <c r="AL35" s="165">
        <v>3</v>
      </c>
      <c r="AM35" s="162">
        <v>0</v>
      </c>
      <c r="AN35" s="160">
        <v>1</v>
      </c>
      <c r="AO35" s="160">
        <v>0</v>
      </c>
      <c r="AP35" s="160">
        <v>2</v>
      </c>
      <c r="AQ35" s="160">
        <v>0</v>
      </c>
      <c r="AR35" s="160">
        <v>0</v>
      </c>
      <c r="AS35" s="165">
        <v>3</v>
      </c>
      <c r="AT35" s="164">
        <v>6</v>
      </c>
      <c r="AU35" s="159">
        <v>0</v>
      </c>
      <c r="AV35" s="160">
        <v>0</v>
      </c>
      <c r="AW35" s="165">
        <v>0</v>
      </c>
      <c r="AX35" s="162">
        <v>0</v>
      </c>
      <c r="AY35" s="160">
        <v>1</v>
      </c>
      <c r="AZ35" s="160">
        <v>1</v>
      </c>
      <c r="BA35" s="160">
        <v>1</v>
      </c>
      <c r="BB35" s="160">
        <v>0</v>
      </c>
      <c r="BC35" s="160">
        <v>0</v>
      </c>
      <c r="BD35" s="163">
        <v>3</v>
      </c>
      <c r="BE35" s="164">
        <v>3</v>
      </c>
      <c r="BF35" s="159">
        <v>0</v>
      </c>
      <c r="BG35" s="160">
        <v>0</v>
      </c>
      <c r="BH35" s="165">
        <v>0</v>
      </c>
      <c r="BI35" s="162">
        <v>0</v>
      </c>
      <c r="BJ35" s="160">
        <v>1</v>
      </c>
      <c r="BK35" s="160">
        <v>0</v>
      </c>
      <c r="BL35" s="160">
        <v>0</v>
      </c>
      <c r="BM35" s="160">
        <v>0</v>
      </c>
      <c r="BN35" s="160">
        <v>0</v>
      </c>
      <c r="BO35" s="165">
        <v>1</v>
      </c>
      <c r="BP35" s="164">
        <v>1</v>
      </c>
      <c r="BQ35" s="159">
        <v>0</v>
      </c>
      <c r="BR35" s="160">
        <v>1</v>
      </c>
      <c r="BS35" s="165">
        <v>1</v>
      </c>
      <c r="BT35" s="162">
        <v>0</v>
      </c>
      <c r="BU35" s="160">
        <v>0</v>
      </c>
      <c r="BV35" s="160">
        <v>0</v>
      </c>
      <c r="BW35" s="160">
        <v>0</v>
      </c>
      <c r="BX35" s="160">
        <v>0</v>
      </c>
      <c r="BY35" s="160">
        <v>0</v>
      </c>
      <c r="BZ35" s="165">
        <v>0</v>
      </c>
      <c r="CA35" s="164">
        <v>1</v>
      </c>
      <c r="CB35" s="159">
        <v>0</v>
      </c>
      <c r="CC35" s="160">
        <v>0</v>
      </c>
      <c r="CD35" s="165">
        <v>0</v>
      </c>
      <c r="CE35" s="162">
        <v>0</v>
      </c>
      <c r="CF35" s="160">
        <v>0</v>
      </c>
      <c r="CG35" s="160">
        <v>0</v>
      </c>
      <c r="CH35" s="160">
        <v>0</v>
      </c>
      <c r="CI35" s="160">
        <v>0</v>
      </c>
      <c r="CJ35" s="160">
        <v>1</v>
      </c>
      <c r="CK35" s="165">
        <v>1</v>
      </c>
      <c r="CL35" s="164">
        <v>1</v>
      </c>
      <c r="CM35" s="159">
        <v>0</v>
      </c>
      <c r="CN35" s="160">
        <v>0</v>
      </c>
      <c r="CO35" s="165">
        <v>0</v>
      </c>
      <c r="CP35" s="162">
        <v>0</v>
      </c>
      <c r="CQ35" s="160">
        <v>0</v>
      </c>
      <c r="CR35" s="160">
        <v>0</v>
      </c>
      <c r="CS35" s="160">
        <v>0</v>
      </c>
      <c r="CT35" s="160">
        <v>0</v>
      </c>
      <c r="CU35" s="160">
        <v>0</v>
      </c>
      <c r="CV35" s="165">
        <v>0</v>
      </c>
      <c r="CW35" s="164">
        <v>0</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2</v>
      </c>
      <c r="DU35" s="160">
        <v>0</v>
      </c>
      <c r="DV35" s="165">
        <v>2</v>
      </c>
      <c r="DW35" s="162">
        <v>0</v>
      </c>
      <c r="DX35" s="160">
        <v>3</v>
      </c>
      <c r="DY35" s="160">
        <v>1</v>
      </c>
      <c r="DZ35" s="160">
        <v>0</v>
      </c>
      <c r="EA35" s="160">
        <v>0</v>
      </c>
      <c r="EB35" s="160">
        <v>1</v>
      </c>
      <c r="EC35" s="165">
        <v>5</v>
      </c>
      <c r="ED35" s="164">
        <v>7</v>
      </c>
      <c r="EE35" s="159">
        <v>0</v>
      </c>
      <c r="EF35" s="160">
        <v>0</v>
      </c>
      <c r="EG35" s="165">
        <v>0</v>
      </c>
      <c r="EH35" s="162">
        <v>0</v>
      </c>
      <c r="EI35" s="160">
        <v>1</v>
      </c>
      <c r="EJ35" s="160">
        <v>1</v>
      </c>
      <c r="EK35" s="160">
        <v>0</v>
      </c>
      <c r="EL35" s="160">
        <v>0</v>
      </c>
      <c r="EM35" s="160">
        <v>0</v>
      </c>
      <c r="EN35" s="165">
        <v>2</v>
      </c>
      <c r="EO35" s="164">
        <v>2</v>
      </c>
      <c r="EP35" s="159">
        <v>2</v>
      </c>
      <c r="EQ35" s="160">
        <v>2</v>
      </c>
      <c r="ER35" s="165">
        <v>4</v>
      </c>
      <c r="ES35" s="162">
        <v>0</v>
      </c>
      <c r="ET35" s="160">
        <v>3</v>
      </c>
      <c r="EU35" s="160">
        <v>1</v>
      </c>
      <c r="EV35" s="160">
        <v>2</v>
      </c>
      <c r="EW35" s="160">
        <v>0</v>
      </c>
      <c r="EX35" s="160">
        <v>1</v>
      </c>
      <c r="EY35" s="165">
        <v>7</v>
      </c>
      <c r="EZ35" s="164">
        <v>11</v>
      </c>
    </row>
    <row r="36" spans="2:156" ht="21" customHeight="1" x14ac:dyDescent="0.2">
      <c r="B36" s="166" t="s">
        <v>34</v>
      </c>
      <c r="C36" s="159">
        <v>0</v>
      </c>
      <c r="D36" s="160">
        <v>0</v>
      </c>
      <c r="E36" s="161">
        <v>0</v>
      </c>
      <c r="F36" s="162">
        <v>0</v>
      </c>
      <c r="G36" s="160">
        <v>0</v>
      </c>
      <c r="H36" s="160">
        <v>0</v>
      </c>
      <c r="I36" s="160">
        <v>0</v>
      </c>
      <c r="J36" s="160">
        <v>0</v>
      </c>
      <c r="K36" s="160">
        <v>0</v>
      </c>
      <c r="L36" s="163">
        <v>0</v>
      </c>
      <c r="M36" s="164">
        <v>0</v>
      </c>
      <c r="N36" s="159">
        <v>0</v>
      </c>
      <c r="O36" s="160">
        <v>0</v>
      </c>
      <c r="P36" s="165">
        <v>0</v>
      </c>
      <c r="Q36" s="162">
        <v>0</v>
      </c>
      <c r="R36" s="160">
        <v>0</v>
      </c>
      <c r="S36" s="160">
        <v>0</v>
      </c>
      <c r="T36" s="160">
        <v>0</v>
      </c>
      <c r="U36" s="160">
        <v>0</v>
      </c>
      <c r="V36" s="160">
        <v>1</v>
      </c>
      <c r="W36" s="165">
        <v>1</v>
      </c>
      <c r="X36" s="164">
        <v>1</v>
      </c>
      <c r="Y36" s="159">
        <v>0</v>
      </c>
      <c r="Z36" s="160">
        <v>0</v>
      </c>
      <c r="AA36" s="165">
        <v>0</v>
      </c>
      <c r="AB36" s="162">
        <v>0</v>
      </c>
      <c r="AC36" s="160">
        <v>1</v>
      </c>
      <c r="AD36" s="160">
        <v>1</v>
      </c>
      <c r="AE36" s="160">
        <v>0</v>
      </c>
      <c r="AF36" s="160">
        <v>1</v>
      </c>
      <c r="AG36" s="160">
        <v>1</v>
      </c>
      <c r="AH36" s="165">
        <v>4</v>
      </c>
      <c r="AI36" s="164">
        <v>4</v>
      </c>
      <c r="AJ36" s="159">
        <v>0</v>
      </c>
      <c r="AK36" s="160">
        <v>0</v>
      </c>
      <c r="AL36" s="165">
        <v>0</v>
      </c>
      <c r="AM36" s="162">
        <v>0</v>
      </c>
      <c r="AN36" s="160">
        <v>0</v>
      </c>
      <c r="AO36" s="160">
        <v>0</v>
      </c>
      <c r="AP36" s="160">
        <v>0</v>
      </c>
      <c r="AQ36" s="160">
        <v>0</v>
      </c>
      <c r="AR36" s="160">
        <v>1</v>
      </c>
      <c r="AS36" s="165">
        <v>1</v>
      </c>
      <c r="AT36" s="164">
        <v>1</v>
      </c>
      <c r="AU36" s="159">
        <v>0</v>
      </c>
      <c r="AV36" s="160">
        <v>0</v>
      </c>
      <c r="AW36" s="165">
        <v>0</v>
      </c>
      <c r="AX36" s="162">
        <v>0</v>
      </c>
      <c r="AY36" s="160">
        <v>0</v>
      </c>
      <c r="AZ36" s="160">
        <v>3</v>
      </c>
      <c r="BA36" s="160">
        <v>0</v>
      </c>
      <c r="BB36" s="160">
        <v>0</v>
      </c>
      <c r="BC36" s="160">
        <v>2</v>
      </c>
      <c r="BD36" s="163">
        <v>5</v>
      </c>
      <c r="BE36" s="164">
        <v>5</v>
      </c>
      <c r="BF36" s="159">
        <v>0</v>
      </c>
      <c r="BG36" s="160">
        <v>0</v>
      </c>
      <c r="BH36" s="165">
        <v>0</v>
      </c>
      <c r="BI36" s="162">
        <v>0</v>
      </c>
      <c r="BJ36" s="160">
        <v>1</v>
      </c>
      <c r="BK36" s="160">
        <v>1</v>
      </c>
      <c r="BL36" s="160">
        <v>1</v>
      </c>
      <c r="BM36" s="160">
        <v>0</v>
      </c>
      <c r="BN36" s="160">
        <v>0</v>
      </c>
      <c r="BO36" s="165">
        <v>3</v>
      </c>
      <c r="BP36" s="164">
        <v>3</v>
      </c>
      <c r="BQ36" s="159">
        <v>0</v>
      </c>
      <c r="BR36" s="160">
        <v>0</v>
      </c>
      <c r="BS36" s="165">
        <v>0</v>
      </c>
      <c r="BT36" s="162">
        <v>0</v>
      </c>
      <c r="BU36" s="160">
        <v>0</v>
      </c>
      <c r="BV36" s="160">
        <v>0</v>
      </c>
      <c r="BW36" s="160">
        <v>0</v>
      </c>
      <c r="BX36" s="160">
        <v>0</v>
      </c>
      <c r="BY36" s="160">
        <v>0</v>
      </c>
      <c r="BZ36" s="165">
        <v>0</v>
      </c>
      <c r="CA36" s="164">
        <v>0</v>
      </c>
      <c r="CB36" s="159">
        <v>0</v>
      </c>
      <c r="CC36" s="160">
        <v>0</v>
      </c>
      <c r="CD36" s="165">
        <v>0</v>
      </c>
      <c r="CE36" s="162">
        <v>0</v>
      </c>
      <c r="CF36" s="160">
        <v>0</v>
      </c>
      <c r="CG36" s="160">
        <v>0</v>
      </c>
      <c r="CH36" s="160">
        <v>0</v>
      </c>
      <c r="CI36" s="160">
        <v>0</v>
      </c>
      <c r="CJ36" s="160">
        <v>0</v>
      </c>
      <c r="CK36" s="165">
        <v>0</v>
      </c>
      <c r="CL36" s="164">
        <v>0</v>
      </c>
      <c r="CM36" s="159">
        <v>0</v>
      </c>
      <c r="CN36" s="160">
        <v>0</v>
      </c>
      <c r="CO36" s="165">
        <v>0</v>
      </c>
      <c r="CP36" s="162">
        <v>0</v>
      </c>
      <c r="CQ36" s="160">
        <v>0</v>
      </c>
      <c r="CR36" s="160">
        <v>0</v>
      </c>
      <c r="CS36" s="160">
        <v>0</v>
      </c>
      <c r="CT36" s="160">
        <v>0</v>
      </c>
      <c r="CU36" s="160">
        <v>0</v>
      </c>
      <c r="CV36" s="165">
        <v>0</v>
      </c>
      <c r="CW36" s="164">
        <v>0</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0</v>
      </c>
      <c r="DU36" s="160">
        <v>0</v>
      </c>
      <c r="DV36" s="165">
        <v>0</v>
      </c>
      <c r="DW36" s="162">
        <v>0</v>
      </c>
      <c r="DX36" s="160">
        <v>2</v>
      </c>
      <c r="DY36" s="160">
        <v>6</v>
      </c>
      <c r="DZ36" s="160">
        <v>2</v>
      </c>
      <c r="EA36" s="160">
        <v>1</v>
      </c>
      <c r="EB36" s="160">
        <v>1</v>
      </c>
      <c r="EC36" s="165">
        <v>12</v>
      </c>
      <c r="ED36" s="164">
        <v>12</v>
      </c>
      <c r="EE36" s="159">
        <v>0</v>
      </c>
      <c r="EF36" s="160">
        <v>0</v>
      </c>
      <c r="EG36" s="165">
        <v>0</v>
      </c>
      <c r="EH36" s="162">
        <v>0</v>
      </c>
      <c r="EI36" s="160">
        <v>0</v>
      </c>
      <c r="EJ36" s="160">
        <v>1</v>
      </c>
      <c r="EK36" s="160">
        <v>0</v>
      </c>
      <c r="EL36" s="160">
        <v>0</v>
      </c>
      <c r="EM36" s="160">
        <v>1</v>
      </c>
      <c r="EN36" s="165">
        <v>2</v>
      </c>
      <c r="EO36" s="164">
        <v>2</v>
      </c>
      <c r="EP36" s="159">
        <v>0</v>
      </c>
      <c r="EQ36" s="160">
        <v>0</v>
      </c>
      <c r="ER36" s="165">
        <v>0</v>
      </c>
      <c r="ES36" s="162">
        <v>0</v>
      </c>
      <c r="ET36" s="160">
        <v>3</v>
      </c>
      <c r="EU36" s="160">
        <v>6</v>
      </c>
      <c r="EV36" s="160">
        <v>1</v>
      </c>
      <c r="EW36" s="160">
        <v>1</v>
      </c>
      <c r="EX36" s="160">
        <v>1</v>
      </c>
      <c r="EY36" s="165">
        <v>12</v>
      </c>
      <c r="EZ36" s="164">
        <v>12</v>
      </c>
    </row>
    <row r="37" spans="2:156" ht="21" customHeight="1" x14ac:dyDescent="0.2">
      <c r="B37" s="166" t="s">
        <v>35</v>
      </c>
      <c r="C37" s="159">
        <v>0</v>
      </c>
      <c r="D37" s="160">
        <v>0</v>
      </c>
      <c r="E37" s="161">
        <v>0</v>
      </c>
      <c r="F37" s="162">
        <v>0</v>
      </c>
      <c r="G37" s="160">
        <v>1</v>
      </c>
      <c r="H37" s="160">
        <v>1</v>
      </c>
      <c r="I37" s="160">
        <v>2</v>
      </c>
      <c r="J37" s="160">
        <v>2</v>
      </c>
      <c r="K37" s="160">
        <v>0</v>
      </c>
      <c r="L37" s="163">
        <v>6</v>
      </c>
      <c r="M37" s="164">
        <v>6</v>
      </c>
      <c r="N37" s="159">
        <v>0</v>
      </c>
      <c r="O37" s="160">
        <v>0</v>
      </c>
      <c r="P37" s="165">
        <v>0</v>
      </c>
      <c r="Q37" s="162">
        <v>0</v>
      </c>
      <c r="R37" s="160">
        <v>0</v>
      </c>
      <c r="S37" s="160">
        <v>0</v>
      </c>
      <c r="T37" s="160">
        <v>0</v>
      </c>
      <c r="U37" s="160">
        <v>1</v>
      </c>
      <c r="V37" s="160">
        <v>0</v>
      </c>
      <c r="W37" s="165">
        <v>1</v>
      </c>
      <c r="X37" s="164">
        <v>1</v>
      </c>
      <c r="Y37" s="159">
        <v>0</v>
      </c>
      <c r="Z37" s="160">
        <v>0</v>
      </c>
      <c r="AA37" s="165">
        <v>0</v>
      </c>
      <c r="AB37" s="162">
        <v>0</v>
      </c>
      <c r="AC37" s="160">
        <v>1</v>
      </c>
      <c r="AD37" s="160">
        <v>0</v>
      </c>
      <c r="AE37" s="160">
        <v>3</v>
      </c>
      <c r="AF37" s="160">
        <v>1</v>
      </c>
      <c r="AG37" s="160">
        <v>0</v>
      </c>
      <c r="AH37" s="165">
        <v>5</v>
      </c>
      <c r="AI37" s="164">
        <v>5</v>
      </c>
      <c r="AJ37" s="159">
        <v>1</v>
      </c>
      <c r="AK37" s="160">
        <v>1</v>
      </c>
      <c r="AL37" s="165">
        <v>2</v>
      </c>
      <c r="AM37" s="162">
        <v>0</v>
      </c>
      <c r="AN37" s="160">
        <v>1</v>
      </c>
      <c r="AO37" s="160">
        <v>0</v>
      </c>
      <c r="AP37" s="160">
        <v>1</v>
      </c>
      <c r="AQ37" s="160">
        <v>0</v>
      </c>
      <c r="AR37" s="160">
        <v>0</v>
      </c>
      <c r="AS37" s="165">
        <v>2</v>
      </c>
      <c r="AT37" s="164">
        <v>4</v>
      </c>
      <c r="AU37" s="159">
        <v>1</v>
      </c>
      <c r="AV37" s="160">
        <v>0</v>
      </c>
      <c r="AW37" s="165">
        <v>1</v>
      </c>
      <c r="AX37" s="162">
        <v>0</v>
      </c>
      <c r="AY37" s="160">
        <v>9</v>
      </c>
      <c r="AZ37" s="160">
        <v>4</v>
      </c>
      <c r="BA37" s="160">
        <v>4</v>
      </c>
      <c r="BB37" s="160">
        <v>5</v>
      </c>
      <c r="BC37" s="160">
        <v>1</v>
      </c>
      <c r="BD37" s="163">
        <v>23</v>
      </c>
      <c r="BE37" s="164">
        <v>24</v>
      </c>
      <c r="BF37" s="159">
        <v>0</v>
      </c>
      <c r="BG37" s="160">
        <v>0</v>
      </c>
      <c r="BH37" s="165">
        <v>0</v>
      </c>
      <c r="BI37" s="162">
        <v>0</v>
      </c>
      <c r="BJ37" s="160">
        <v>1</v>
      </c>
      <c r="BK37" s="160">
        <v>2</v>
      </c>
      <c r="BL37" s="160">
        <v>3</v>
      </c>
      <c r="BM37" s="160">
        <v>1</v>
      </c>
      <c r="BN37" s="160">
        <v>0</v>
      </c>
      <c r="BO37" s="165">
        <v>7</v>
      </c>
      <c r="BP37" s="164">
        <v>7</v>
      </c>
      <c r="BQ37" s="159">
        <v>1</v>
      </c>
      <c r="BR37" s="160">
        <v>0</v>
      </c>
      <c r="BS37" s="165">
        <v>1</v>
      </c>
      <c r="BT37" s="162">
        <v>0</v>
      </c>
      <c r="BU37" s="160">
        <v>3</v>
      </c>
      <c r="BV37" s="160">
        <v>0</v>
      </c>
      <c r="BW37" s="160">
        <v>2</v>
      </c>
      <c r="BX37" s="160">
        <v>1</v>
      </c>
      <c r="BY37" s="160">
        <v>0</v>
      </c>
      <c r="BZ37" s="165">
        <v>6</v>
      </c>
      <c r="CA37" s="164">
        <v>7</v>
      </c>
      <c r="CB37" s="159">
        <v>0</v>
      </c>
      <c r="CC37" s="160">
        <v>0</v>
      </c>
      <c r="CD37" s="165">
        <v>0</v>
      </c>
      <c r="CE37" s="162">
        <v>0</v>
      </c>
      <c r="CF37" s="160">
        <v>0</v>
      </c>
      <c r="CG37" s="160">
        <v>0</v>
      </c>
      <c r="CH37" s="160">
        <v>1</v>
      </c>
      <c r="CI37" s="160">
        <v>0</v>
      </c>
      <c r="CJ37" s="160">
        <v>0</v>
      </c>
      <c r="CK37" s="165">
        <v>1</v>
      </c>
      <c r="CL37" s="164">
        <v>1</v>
      </c>
      <c r="CM37" s="159">
        <v>0</v>
      </c>
      <c r="CN37" s="160">
        <v>0</v>
      </c>
      <c r="CO37" s="165">
        <v>0</v>
      </c>
      <c r="CP37" s="162">
        <v>0</v>
      </c>
      <c r="CQ37" s="160">
        <v>0</v>
      </c>
      <c r="CR37" s="160">
        <v>0</v>
      </c>
      <c r="CS37" s="160">
        <v>0</v>
      </c>
      <c r="CT37" s="160">
        <v>0</v>
      </c>
      <c r="CU37" s="160">
        <v>0</v>
      </c>
      <c r="CV37" s="165">
        <v>0</v>
      </c>
      <c r="CW37" s="164">
        <v>0</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1</v>
      </c>
      <c r="DU37" s="160">
        <v>1</v>
      </c>
      <c r="DV37" s="165">
        <v>2</v>
      </c>
      <c r="DW37" s="162">
        <v>0</v>
      </c>
      <c r="DX37" s="160">
        <v>4</v>
      </c>
      <c r="DY37" s="160">
        <v>3</v>
      </c>
      <c r="DZ37" s="160">
        <v>7</v>
      </c>
      <c r="EA37" s="160">
        <v>3</v>
      </c>
      <c r="EB37" s="160">
        <v>0</v>
      </c>
      <c r="EC37" s="165">
        <v>17</v>
      </c>
      <c r="ED37" s="164">
        <v>19</v>
      </c>
      <c r="EE37" s="159">
        <v>1</v>
      </c>
      <c r="EF37" s="160">
        <v>0</v>
      </c>
      <c r="EG37" s="165">
        <v>1</v>
      </c>
      <c r="EH37" s="162">
        <v>0</v>
      </c>
      <c r="EI37" s="160">
        <v>6</v>
      </c>
      <c r="EJ37" s="160">
        <v>2</v>
      </c>
      <c r="EK37" s="160">
        <v>0</v>
      </c>
      <c r="EL37" s="160">
        <v>5</v>
      </c>
      <c r="EM37" s="160">
        <v>2</v>
      </c>
      <c r="EN37" s="165">
        <v>15</v>
      </c>
      <c r="EO37" s="164">
        <v>16</v>
      </c>
      <c r="EP37" s="159">
        <v>3</v>
      </c>
      <c r="EQ37" s="160">
        <v>2</v>
      </c>
      <c r="ER37" s="165">
        <v>5</v>
      </c>
      <c r="ES37" s="162">
        <v>0</v>
      </c>
      <c r="ET37" s="160">
        <v>8</v>
      </c>
      <c r="EU37" s="160">
        <v>4</v>
      </c>
      <c r="EV37" s="160">
        <v>6</v>
      </c>
      <c r="EW37" s="160">
        <v>3</v>
      </c>
      <c r="EX37" s="160">
        <v>0</v>
      </c>
      <c r="EY37" s="165">
        <v>21</v>
      </c>
      <c r="EZ37" s="164">
        <v>26</v>
      </c>
    </row>
    <row r="38" spans="2:156" ht="21" customHeight="1" x14ac:dyDescent="0.2">
      <c r="B38" s="166" t="s">
        <v>36</v>
      </c>
      <c r="C38" s="159">
        <v>0</v>
      </c>
      <c r="D38" s="160">
        <v>0</v>
      </c>
      <c r="E38" s="161">
        <v>0</v>
      </c>
      <c r="F38" s="162">
        <v>0</v>
      </c>
      <c r="G38" s="160">
        <v>1</v>
      </c>
      <c r="H38" s="160">
        <v>0</v>
      </c>
      <c r="I38" s="160">
        <v>1</v>
      </c>
      <c r="J38" s="160">
        <v>0</v>
      </c>
      <c r="K38" s="160">
        <v>1</v>
      </c>
      <c r="L38" s="163">
        <v>3</v>
      </c>
      <c r="M38" s="164">
        <v>3</v>
      </c>
      <c r="N38" s="159">
        <v>0</v>
      </c>
      <c r="O38" s="160">
        <v>0</v>
      </c>
      <c r="P38" s="165">
        <v>0</v>
      </c>
      <c r="Q38" s="162">
        <v>0</v>
      </c>
      <c r="R38" s="160">
        <v>0</v>
      </c>
      <c r="S38" s="160">
        <v>0</v>
      </c>
      <c r="T38" s="160">
        <v>0</v>
      </c>
      <c r="U38" s="160">
        <v>1</v>
      </c>
      <c r="V38" s="160">
        <v>1</v>
      </c>
      <c r="W38" s="165">
        <v>2</v>
      </c>
      <c r="X38" s="164">
        <v>2</v>
      </c>
      <c r="Y38" s="159">
        <v>0</v>
      </c>
      <c r="Z38" s="160">
        <v>0</v>
      </c>
      <c r="AA38" s="165">
        <v>0</v>
      </c>
      <c r="AB38" s="162">
        <v>0</v>
      </c>
      <c r="AC38" s="160">
        <v>0</v>
      </c>
      <c r="AD38" s="160">
        <v>0</v>
      </c>
      <c r="AE38" s="160">
        <v>2</v>
      </c>
      <c r="AF38" s="160">
        <v>2</v>
      </c>
      <c r="AG38" s="160">
        <v>0</v>
      </c>
      <c r="AH38" s="165">
        <v>4</v>
      </c>
      <c r="AI38" s="164">
        <v>4</v>
      </c>
      <c r="AJ38" s="159">
        <v>0</v>
      </c>
      <c r="AK38" s="160">
        <v>1</v>
      </c>
      <c r="AL38" s="165">
        <v>1</v>
      </c>
      <c r="AM38" s="162">
        <v>0</v>
      </c>
      <c r="AN38" s="160">
        <v>0</v>
      </c>
      <c r="AO38" s="160">
        <v>1</v>
      </c>
      <c r="AP38" s="160">
        <v>1</v>
      </c>
      <c r="AQ38" s="160">
        <v>1</v>
      </c>
      <c r="AR38" s="160">
        <v>0</v>
      </c>
      <c r="AS38" s="165">
        <v>3</v>
      </c>
      <c r="AT38" s="164">
        <v>4</v>
      </c>
      <c r="AU38" s="159">
        <v>0</v>
      </c>
      <c r="AV38" s="160">
        <v>0</v>
      </c>
      <c r="AW38" s="165">
        <v>0</v>
      </c>
      <c r="AX38" s="162">
        <v>0</v>
      </c>
      <c r="AY38" s="160">
        <v>3</v>
      </c>
      <c r="AZ38" s="160">
        <v>1</v>
      </c>
      <c r="BA38" s="160">
        <v>2</v>
      </c>
      <c r="BB38" s="160">
        <v>2</v>
      </c>
      <c r="BC38" s="160">
        <v>1</v>
      </c>
      <c r="BD38" s="163">
        <v>9</v>
      </c>
      <c r="BE38" s="164">
        <v>9</v>
      </c>
      <c r="BF38" s="159">
        <v>0</v>
      </c>
      <c r="BG38" s="160">
        <v>0</v>
      </c>
      <c r="BH38" s="165">
        <v>0</v>
      </c>
      <c r="BI38" s="162">
        <v>0</v>
      </c>
      <c r="BJ38" s="160">
        <v>1</v>
      </c>
      <c r="BK38" s="160">
        <v>2</v>
      </c>
      <c r="BL38" s="160">
        <v>0</v>
      </c>
      <c r="BM38" s="160">
        <v>0</v>
      </c>
      <c r="BN38" s="160">
        <v>0</v>
      </c>
      <c r="BO38" s="165">
        <v>3</v>
      </c>
      <c r="BP38" s="164">
        <v>3</v>
      </c>
      <c r="BQ38" s="159">
        <v>0</v>
      </c>
      <c r="BR38" s="160">
        <v>1</v>
      </c>
      <c r="BS38" s="165">
        <v>1</v>
      </c>
      <c r="BT38" s="162">
        <v>0</v>
      </c>
      <c r="BU38" s="160">
        <v>1</v>
      </c>
      <c r="BV38" s="160">
        <v>0</v>
      </c>
      <c r="BW38" s="160">
        <v>0</v>
      </c>
      <c r="BX38" s="160">
        <v>1</v>
      </c>
      <c r="BY38" s="160">
        <v>0</v>
      </c>
      <c r="BZ38" s="165">
        <v>2</v>
      </c>
      <c r="CA38" s="164">
        <v>3</v>
      </c>
      <c r="CB38" s="159">
        <v>0</v>
      </c>
      <c r="CC38" s="160">
        <v>0</v>
      </c>
      <c r="CD38" s="165">
        <v>0</v>
      </c>
      <c r="CE38" s="162">
        <v>0</v>
      </c>
      <c r="CF38" s="160">
        <v>0</v>
      </c>
      <c r="CG38" s="160">
        <v>0</v>
      </c>
      <c r="CH38" s="160">
        <v>0</v>
      </c>
      <c r="CI38" s="160">
        <v>1</v>
      </c>
      <c r="CJ38" s="160">
        <v>0</v>
      </c>
      <c r="CK38" s="165">
        <v>1</v>
      </c>
      <c r="CL38" s="164">
        <v>1</v>
      </c>
      <c r="CM38" s="159">
        <v>0</v>
      </c>
      <c r="CN38" s="160">
        <v>0</v>
      </c>
      <c r="CO38" s="165">
        <v>0</v>
      </c>
      <c r="CP38" s="162">
        <v>0</v>
      </c>
      <c r="CQ38" s="160">
        <v>0</v>
      </c>
      <c r="CR38" s="160">
        <v>0</v>
      </c>
      <c r="CS38" s="160">
        <v>0</v>
      </c>
      <c r="CT38" s="160">
        <v>0</v>
      </c>
      <c r="CU38" s="160">
        <v>0</v>
      </c>
      <c r="CV38" s="165">
        <v>0</v>
      </c>
      <c r="CW38" s="164">
        <v>0</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2</v>
      </c>
      <c r="DU38" s="160">
        <v>1</v>
      </c>
      <c r="DV38" s="165">
        <v>3</v>
      </c>
      <c r="DW38" s="162">
        <v>0</v>
      </c>
      <c r="DX38" s="160">
        <v>3</v>
      </c>
      <c r="DY38" s="160">
        <v>5</v>
      </c>
      <c r="DZ38" s="160">
        <v>2</v>
      </c>
      <c r="EA38" s="160">
        <v>5</v>
      </c>
      <c r="EB38" s="160">
        <v>1</v>
      </c>
      <c r="EC38" s="165">
        <v>16</v>
      </c>
      <c r="ED38" s="164">
        <v>19</v>
      </c>
      <c r="EE38" s="159">
        <v>0</v>
      </c>
      <c r="EF38" s="160">
        <v>0</v>
      </c>
      <c r="EG38" s="165">
        <v>0</v>
      </c>
      <c r="EH38" s="162">
        <v>0</v>
      </c>
      <c r="EI38" s="160">
        <v>3</v>
      </c>
      <c r="EJ38" s="160">
        <v>1</v>
      </c>
      <c r="EK38" s="160">
        <v>0</v>
      </c>
      <c r="EL38" s="160">
        <v>0</v>
      </c>
      <c r="EM38" s="160">
        <v>0</v>
      </c>
      <c r="EN38" s="165">
        <v>4</v>
      </c>
      <c r="EO38" s="164">
        <v>4</v>
      </c>
      <c r="EP38" s="159">
        <v>2</v>
      </c>
      <c r="EQ38" s="160">
        <v>2</v>
      </c>
      <c r="ER38" s="165">
        <v>4</v>
      </c>
      <c r="ES38" s="162">
        <v>0</v>
      </c>
      <c r="ET38" s="160">
        <v>6</v>
      </c>
      <c r="EU38" s="160">
        <v>6</v>
      </c>
      <c r="EV38" s="160">
        <v>2</v>
      </c>
      <c r="EW38" s="160">
        <v>5</v>
      </c>
      <c r="EX38" s="160">
        <v>2</v>
      </c>
      <c r="EY38" s="165">
        <v>21</v>
      </c>
      <c r="EZ38" s="164">
        <v>25</v>
      </c>
    </row>
    <row r="39" spans="2:156" ht="21" customHeight="1" thickBot="1" x14ac:dyDescent="0.25">
      <c r="B39" s="167" t="s">
        <v>37</v>
      </c>
      <c r="C39" s="168">
        <v>0</v>
      </c>
      <c r="D39" s="169">
        <v>0</v>
      </c>
      <c r="E39" s="170">
        <v>0</v>
      </c>
      <c r="F39" s="171">
        <v>0</v>
      </c>
      <c r="G39" s="169">
        <v>0</v>
      </c>
      <c r="H39" s="169">
        <v>0</v>
      </c>
      <c r="I39" s="169">
        <v>0</v>
      </c>
      <c r="J39" s="169">
        <v>0</v>
      </c>
      <c r="K39" s="169">
        <v>0</v>
      </c>
      <c r="L39" s="172">
        <v>0</v>
      </c>
      <c r="M39" s="173">
        <v>0</v>
      </c>
      <c r="N39" s="168">
        <v>0</v>
      </c>
      <c r="O39" s="169">
        <v>0</v>
      </c>
      <c r="P39" s="174">
        <v>0</v>
      </c>
      <c r="Q39" s="171">
        <v>0</v>
      </c>
      <c r="R39" s="169">
        <v>0</v>
      </c>
      <c r="S39" s="169">
        <v>0</v>
      </c>
      <c r="T39" s="169">
        <v>0</v>
      </c>
      <c r="U39" s="169">
        <v>0</v>
      </c>
      <c r="V39" s="169">
        <v>0</v>
      </c>
      <c r="W39" s="174">
        <v>0</v>
      </c>
      <c r="X39" s="173">
        <v>0</v>
      </c>
      <c r="Y39" s="168">
        <v>0</v>
      </c>
      <c r="Z39" s="169">
        <v>0</v>
      </c>
      <c r="AA39" s="174">
        <v>0</v>
      </c>
      <c r="AB39" s="171">
        <v>0</v>
      </c>
      <c r="AC39" s="169">
        <v>0</v>
      </c>
      <c r="AD39" s="169">
        <v>0</v>
      </c>
      <c r="AE39" s="169">
        <v>0</v>
      </c>
      <c r="AF39" s="169">
        <v>0</v>
      </c>
      <c r="AG39" s="169">
        <v>0</v>
      </c>
      <c r="AH39" s="174">
        <v>0</v>
      </c>
      <c r="AI39" s="173">
        <v>0</v>
      </c>
      <c r="AJ39" s="168">
        <v>0</v>
      </c>
      <c r="AK39" s="169">
        <v>0</v>
      </c>
      <c r="AL39" s="174">
        <v>0</v>
      </c>
      <c r="AM39" s="171">
        <v>0</v>
      </c>
      <c r="AN39" s="169">
        <v>0</v>
      </c>
      <c r="AO39" s="169">
        <v>0</v>
      </c>
      <c r="AP39" s="169">
        <v>0</v>
      </c>
      <c r="AQ39" s="169">
        <v>0</v>
      </c>
      <c r="AR39" s="169">
        <v>0</v>
      </c>
      <c r="AS39" s="174">
        <v>0</v>
      </c>
      <c r="AT39" s="173">
        <v>0</v>
      </c>
      <c r="AU39" s="168">
        <v>0</v>
      </c>
      <c r="AV39" s="169">
        <v>0</v>
      </c>
      <c r="AW39" s="174">
        <v>0</v>
      </c>
      <c r="AX39" s="171">
        <v>0</v>
      </c>
      <c r="AY39" s="169">
        <v>0</v>
      </c>
      <c r="AZ39" s="169">
        <v>0</v>
      </c>
      <c r="BA39" s="169">
        <v>0</v>
      </c>
      <c r="BB39" s="169">
        <v>0</v>
      </c>
      <c r="BC39" s="169">
        <v>0</v>
      </c>
      <c r="BD39" s="172">
        <v>0</v>
      </c>
      <c r="BE39" s="173">
        <v>0</v>
      </c>
      <c r="BF39" s="168">
        <v>0</v>
      </c>
      <c r="BG39" s="169">
        <v>0</v>
      </c>
      <c r="BH39" s="174">
        <v>0</v>
      </c>
      <c r="BI39" s="171">
        <v>0</v>
      </c>
      <c r="BJ39" s="169">
        <v>0</v>
      </c>
      <c r="BK39" s="169">
        <v>1</v>
      </c>
      <c r="BL39" s="169">
        <v>0</v>
      </c>
      <c r="BM39" s="169">
        <v>0</v>
      </c>
      <c r="BN39" s="169">
        <v>0</v>
      </c>
      <c r="BO39" s="174">
        <v>1</v>
      </c>
      <c r="BP39" s="173">
        <v>1</v>
      </c>
      <c r="BQ39" s="168">
        <v>0</v>
      </c>
      <c r="BR39" s="169">
        <v>0</v>
      </c>
      <c r="BS39" s="174">
        <v>0</v>
      </c>
      <c r="BT39" s="171">
        <v>0</v>
      </c>
      <c r="BU39" s="169">
        <v>1</v>
      </c>
      <c r="BV39" s="169">
        <v>0</v>
      </c>
      <c r="BW39" s="169">
        <v>1</v>
      </c>
      <c r="BX39" s="169">
        <v>0</v>
      </c>
      <c r="BY39" s="169">
        <v>0</v>
      </c>
      <c r="BZ39" s="174">
        <v>2</v>
      </c>
      <c r="CA39" s="173">
        <v>2</v>
      </c>
      <c r="CB39" s="168">
        <v>0</v>
      </c>
      <c r="CC39" s="169">
        <v>0</v>
      </c>
      <c r="CD39" s="174">
        <v>0</v>
      </c>
      <c r="CE39" s="171">
        <v>0</v>
      </c>
      <c r="CF39" s="169">
        <v>0</v>
      </c>
      <c r="CG39" s="169">
        <v>0</v>
      </c>
      <c r="CH39" s="169">
        <v>0</v>
      </c>
      <c r="CI39" s="169">
        <v>0</v>
      </c>
      <c r="CJ39" s="169">
        <v>0</v>
      </c>
      <c r="CK39" s="174">
        <v>0</v>
      </c>
      <c r="CL39" s="173">
        <v>0</v>
      </c>
      <c r="CM39" s="168">
        <v>0</v>
      </c>
      <c r="CN39" s="169">
        <v>0</v>
      </c>
      <c r="CO39" s="174">
        <v>0</v>
      </c>
      <c r="CP39" s="171">
        <v>0</v>
      </c>
      <c r="CQ39" s="169">
        <v>0</v>
      </c>
      <c r="CR39" s="169">
        <v>0</v>
      </c>
      <c r="CS39" s="169">
        <v>0</v>
      </c>
      <c r="CT39" s="169">
        <v>0</v>
      </c>
      <c r="CU39" s="169">
        <v>0</v>
      </c>
      <c r="CV39" s="174">
        <v>0</v>
      </c>
      <c r="CW39" s="173">
        <v>0</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0</v>
      </c>
      <c r="DU39" s="169">
        <v>0</v>
      </c>
      <c r="DV39" s="174">
        <v>0</v>
      </c>
      <c r="DW39" s="171">
        <v>0</v>
      </c>
      <c r="DX39" s="169">
        <v>1</v>
      </c>
      <c r="DY39" s="169">
        <v>1</v>
      </c>
      <c r="DZ39" s="169">
        <v>1</v>
      </c>
      <c r="EA39" s="169">
        <v>0</v>
      </c>
      <c r="EB39" s="169">
        <v>0</v>
      </c>
      <c r="EC39" s="174">
        <v>3</v>
      </c>
      <c r="ED39" s="173">
        <v>3</v>
      </c>
      <c r="EE39" s="168">
        <v>0</v>
      </c>
      <c r="EF39" s="169">
        <v>0</v>
      </c>
      <c r="EG39" s="174">
        <v>0</v>
      </c>
      <c r="EH39" s="171">
        <v>0</v>
      </c>
      <c r="EI39" s="169">
        <v>0</v>
      </c>
      <c r="EJ39" s="169">
        <v>0</v>
      </c>
      <c r="EK39" s="169">
        <v>0</v>
      </c>
      <c r="EL39" s="169">
        <v>0</v>
      </c>
      <c r="EM39" s="169">
        <v>0</v>
      </c>
      <c r="EN39" s="174">
        <v>0</v>
      </c>
      <c r="EO39" s="173">
        <v>0</v>
      </c>
      <c r="EP39" s="168">
        <v>0</v>
      </c>
      <c r="EQ39" s="169">
        <v>0</v>
      </c>
      <c r="ER39" s="174">
        <v>0</v>
      </c>
      <c r="ES39" s="171">
        <v>0</v>
      </c>
      <c r="ET39" s="169">
        <v>1</v>
      </c>
      <c r="EU39" s="169">
        <v>1</v>
      </c>
      <c r="EV39" s="169">
        <v>1</v>
      </c>
      <c r="EW39" s="169">
        <v>0</v>
      </c>
      <c r="EX39" s="169">
        <v>0</v>
      </c>
      <c r="EY39" s="174">
        <v>3</v>
      </c>
      <c r="EZ39" s="173">
        <v>3</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10.21875" style="175" customWidth="1"/>
    <col min="8" max="8" width="10.4414062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21875" style="175" customWidth="1"/>
    <col min="51" max="60" width="9" style="175"/>
    <col min="61" max="61" width="7.2187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04" width="9" style="175"/>
    <col min="105" max="105" width="7.44140625" style="175" customWidth="1"/>
    <col min="106" max="115" width="9" style="175"/>
    <col min="116" max="116" width="7.44140625" style="175" customWidth="1"/>
    <col min="117" max="126" width="9" style="175"/>
    <col min="127" max="127" width="7.44140625" style="175" customWidth="1"/>
    <col min="128" max="137" width="9" style="175"/>
    <col min="138" max="138" width="7.33203125" style="175" customWidth="1"/>
    <col min="139" max="148" width="9" style="175"/>
    <col min="149" max="149" width="7.77734375" style="175" customWidth="1"/>
    <col min="150" max="16384" width="9" style="175"/>
  </cols>
  <sheetData>
    <row r="1" spans="2:156" ht="24" customHeight="1" x14ac:dyDescent="0.2">
      <c r="B1" s="142" t="s">
        <v>120</v>
      </c>
      <c r="I1" s="441">
        <f>第１表!F2</f>
        <v>6</v>
      </c>
      <c r="J1" s="441"/>
      <c r="K1" s="18">
        <f>第１表!G2</f>
        <v>6</v>
      </c>
      <c r="L1" s="445">
        <f>IF(K1&lt;3,K1+12-2,K1-2)</f>
        <v>4</v>
      </c>
      <c r="M1" s="445"/>
    </row>
    <row r="2" spans="2:156" ht="24" customHeight="1" thickBot="1" x14ac:dyDescent="0.25">
      <c r="B2" s="142" t="s">
        <v>151</v>
      </c>
      <c r="G2" s="17"/>
      <c r="H2" s="18"/>
      <c r="J2" s="176"/>
      <c r="K2" s="176"/>
    </row>
    <row r="3" spans="2:156" ht="21" customHeight="1" thickBot="1" x14ac:dyDescent="0.25">
      <c r="B3" s="466"/>
      <c r="C3" s="463" t="s">
        <v>70</v>
      </c>
      <c r="D3" s="464"/>
      <c r="E3" s="464"/>
      <c r="F3" s="464"/>
      <c r="G3" s="464"/>
      <c r="H3" s="464"/>
      <c r="I3" s="464"/>
      <c r="J3" s="464"/>
      <c r="K3" s="464"/>
      <c r="L3" s="464"/>
      <c r="M3" s="465"/>
      <c r="N3" s="463" t="s">
        <v>71</v>
      </c>
      <c r="O3" s="464"/>
      <c r="P3" s="464"/>
      <c r="Q3" s="464"/>
      <c r="R3" s="464"/>
      <c r="S3" s="464"/>
      <c r="T3" s="464"/>
      <c r="U3" s="464"/>
      <c r="V3" s="464"/>
      <c r="W3" s="464"/>
      <c r="X3" s="465"/>
      <c r="Y3" s="463" t="s">
        <v>72</v>
      </c>
      <c r="Z3" s="464"/>
      <c r="AA3" s="464"/>
      <c r="AB3" s="464"/>
      <c r="AC3" s="464"/>
      <c r="AD3" s="464"/>
      <c r="AE3" s="464"/>
      <c r="AF3" s="464"/>
      <c r="AG3" s="464"/>
      <c r="AH3" s="464"/>
      <c r="AI3" s="465"/>
      <c r="AJ3" s="463" t="s">
        <v>73</v>
      </c>
      <c r="AK3" s="464"/>
      <c r="AL3" s="464"/>
      <c r="AM3" s="464"/>
      <c r="AN3" s="464"/>
      <c r="AO3" s="464"/>
      <c r="AP3" s="464"/>
      <c r="AQ3" s="464"/>
      <c r="AR3" s="464"/>
      <c r="AS3" s="464"/>
      <c r="AT3" s="465"/>
      <c r="AU3" s="463" t="s">
        <v>74</v>
      </c>
      <c r="AV3" s="464"/>
      <c r="AW3" s="464"/>
      <c r="AX3" s="464"/>
      <c r="AY3" s="464"/>
      <c r="AZ3" s="464"/>
      <c r="BA3" s="464"/>
      <c r="BB3" s="464"/>
      <c r="BC3" s="464"/>
      <c r="BD3" s="464"/>
      <c r="BE3" s="465"/>
      <c r="BF3" s="463" t="s">
        <v>75</v>
      </c>
      <c r="BG3" s="464"/>
      <c r="BH3" s="464"/>
      <c r="BI3" s="464"/>
      <c r="BJ3" s="464"/>
      <c r="BK3" s="464"/>
      <c r="BL3" s="464"/>
      <c r="BM3" s="464"/>
      <c r="BN3" s="464"/>
      <c r="BO3" s="464"/>
      <c r="BP3" s="465"/>
      <c r="BQ3" s="463" t="s">
        <v>76</v>
      </c>
      <c r="BR3" s="464"/>
      <c r="BS3" s="464"/>
      <c r="BT3" s="464"/>
      <c r="BU3" s="464"/>
      <c r="BV3" s="464"/>
      <c r="BW3" s="464"/>
      <c r="BX3" s="464"/>
      <c r="BY3" s="464"/>
      <c r="BZ3" s="464"/>
      <c r="CA3" s="465"/>
      <c r="CB3" s="463" t="s">
        <v>77</v>
      </c>
      <c r="CC3" s="464"/>
      <c r="CD3" s="464"/>
      <c r="CE3" s="464"/>
      <c r="CF3" s="464"/>
      <c r="CG3" s="464"/>
      <c r="CH3" s="464"/>
      <c r="CI3" s="464"/>
      <c r="CJ3" s="464"/>
      <c r="CK3" s="464"/>
      <c r="CL3" s="465"/>
      <c r="CM3" s="463" t="s">
        <v>78</v>
      </c>
      <c r="CN3" s="464"/>
      <c r="CO3" s="464"/>
      <c r="CP3" s="464"/>
      <c r="CQ3" s="464"/>
      <c r="CR3" s="464"/>
      <c r="CS3" s="464"/>
      <c r="CT3" s="464"/>
      <c r="CU3" s="464"/>
      <c r="CV3" s="464"/>
      <c r="CW3" s="465"/>
      <c r="CX3" s="463" t="s">
        <v>79</v>
      </c>
      <c r="CY3" s="464"/>
      <c r="CZ3" s="464"/>
      <c r="DA3" s="464"/>
      <c r="DB3" s="464"/>
      <c r="DC3" s="464"/>
      <c r="DD3" s="464"/>
      <c r="DE3" s="464"/>
      <c r="DF3" s="464"/>
      <c r="DG3" s="464"/>
      <c r="DH3" s="465"/>
      <c r="DI3" s="463" t="s">
        <v>149</v>
      </c>
      <c r="DJ3" s="464"/>
      <c r="DK3" s="464"/>
      <c r="DL3" s="464"/>
      <c r="DM3" s="464"/>
      <c r="DN3" s="464"/>
      <c r="DO3" s="464"/>
      <c r="DP3" s="464"/>
      <c r="DQ3" s="464"/>
      <c r="DR3" s="464"/>
      <c r="DS3" s="465"/>
      <c r="DT3" s="463" t="s">
        <v>80</v>
      </c>
      <c r="DU3" s="464"/>
      <c r="DV3" s="464"/>
      <c r="DW3" s="464"/>
      <c r="DX3" s="464"/>
      <c r="DY3" s="464"/>
      <c r="DZ3" s="464"/>
      <c r="EA3" s="464"/>
      <c r="EB3" s="464"/>
      <c r="EC3" s="464"/>
      <c r="ED3" s="465"/>
      <c r="EE3" s="463" t="s">
        <v>68</v>
      </c>
      <c r="EF3" s="464"/>
      <c r="EG3" s="464"/>
      <c r="EH3" s="464"/>
      <c r="EI3" s="464"/>
      <c r="EJ3" s="464"/>
      <c r="EK3" s="464"/>
      <c r="EL3" s="464"/>
      <c r="EM3" s="464"/>
      <c r="EN3" s="464"/>
      <c r="EO3" s="465"/>
      <c r="EP3" s="476" t="s">
        <v>69</v>
      </c>
      <c r="EQ3" s="477"/>
      <c r="ER3" s="477"/>
      <c r="ES3" s="477"/>
      <c r="ET3" s="477"/>
      <c r="EU3" s="477"/>
      <c r="EV3" s="477"/>
      <c r="EW3" s="477"/>
      <c r="EX3" s="477"/>
      <c r="EY3" s="477"/>
      <c r="EZ3" s="478"/>
    </row>
    <row r="4" spans="2:156"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3"/>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c r="DI4" s="471" t="s">
        <v>61</v>
      </c>
      <c r="DJ4" s="472"/>
      <c r="DK4" s="473"/>
      <c r="DL4" s="474" t="s">
        <v>62</v>
      </c>
      <c r="DM4" s="472"/>
      <c r="DN4" s="472"/>
      <c r="DO4" s="472"/>
      <c r="DP4" s="472"/>
      <c r="DQ4" s="472"/>
      <c r="DR4" s="473"/>
      <c r="DS4" s="469" t="s">
        <v>52</v>
      </c>
      <c r="DT4" s="471" t="s">
        <v>61</v>
      </c>
      <c r="DU4" s="472"/>
      <c r="DV4" s="473"/>
      <c r="DW4" s="474" t="s">
        <v>62</v>
      </c>
      <c r="DX4" s="472"/>
      <c r="DY4" s="472"/>
      <c r="DZ4" s="472"/>
      <c r="EA4" s="472"/>
      <c r="EB4" s="472"/>
      <c r="EC4" s="473"/>
      <c r="ED4" s="469" t="s">
        <v>52</v>
      </c>
      <c r="EE4" s="471" t="s">
        <v>61</v>
      </c>
      <c r="EF4" s="472"/>
      <c r="EG4" s="473"/>
      <c r="EH4" s="474" t="s">
        <v>62</v>
      </c>
      <c r="EI4" s="472"/>
      <c r="EJ4" s="472"/>
      <c r="EK4" s="472"/>
      <c r="EL4" s="472"/>
      <c r="EM4" s="472"/>
      <c r="EN4" s="473"/>
      <c r="EO4" s="469" t="s">
        <v>52</v>
      </c>
      <c r="EP4" s="471" t="s">
        <v>61</v>
      </c>
      <c r="EQ4" s="472"/>
      <c r="ER4" s="473"/>
      <c r="ES4" s="474" t="s">
        <v>62</v>
      </c>
      <c r="ET4" s="472"/>
      <c r="EU4" s="472"/>
      <c r="EV4" s="472"/>
      <c r="EW4" s="472"/>
      <c r="EX4" s="472"/>
      <c r="EY4" s="473"/>
      <c r="EZ4" s="469" t="s">
        <v>52</v>
      </c>
    </row>
    <row r="5" spans="2:156" ht="30" customHeight="1" thickBot="1" x14ac:dyDescent="0.25">
      <c r="B5" s="468"/>
      <c r="C5" s="177" t="s">
        <v>43</v>
      </c>
      <c r="D5" s="178" t="s">
        <v>159</v>
      </c>
      <c r="E5" s="179"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c r="DI5" s="177" t="s">
        <v>43</v>
      </c>
      <c r="DJ5" s="178" t="s">
        <v>44</v>
      </c>
      <c r="DK5" s="182" t="s">
        <v>45</v>
      </c>
      <c r="DL5" s="180" t="s">
        <v>83</v>
      </c>
      <c r="DM5" s="178" t="s">
        <v>47</v>
      </c>
      <c r="DN5" s="178" t="s">
        <v>48</v>
      </c>
      <c r="DO5" s="178" t="s">
        <v>49</v>
      </c>
      <c r="DP5" s="178" t="s">
        <v>50</v>
      </c>
      <c r="DQ5" s="178" t="s">
        <v>51</v>
      </c>
      <c r="DR5" s="182" t="s">
        <v>45</v>
      </c>
      <c r="DS5" s="470"/>
      <c r="DT5" s="177" t="s">
        <v>43</v>
      </c>
      <c r="DU5" s="178" t="s">
        <v>44</v>
      </c>
      <c r="DV5" s="182" t="s">
        <v>45</v>
      </c>
      <c r="DW5" s="180" t="s">
        <v>83</v>
      </c>
      <c r="DX5" s="178" t="s">
        <v>47</v>
      </c>
      <c r="DY5" s="178" t="s">
        <v>48</v>
      </c>
      <c r="DZ5" s="178" t="s">
        <v>49</v>
      </c>
      <c r="EA5" s="178" t="s">
        <v>50</v>
      </c>
      <c r="EB5" s="178" t="s">
        <v>51</v>
      </c>
      <c r="EC5" s="182" t="s">
        <v>45</v>
      </c>
      <c r="ED5" s="470"/>
      <c r="EE5" s="177" t="s">
        <v>43</v>
      </c>
      <c r="EF5" s="178" t="s">
        <v>44</v>
      </c>
      <c r="EG5" s="182" t="s">
        <v>45</v>
      </c>
      <c r="EH5" s="180" t="s">
        <v>83</v>
      </c>
      <c r="EI5" s="178" t="s">
        <v>47</v>
      </c>
      <c r="EJ5" s="178" t="s">
        <v>48</v>
      </c>
      <c r="EK5" s="178" t="s">
        <v>49</v>
      </c>
      <c r="EL5" s="178" t="s">
        <v>50</v>
      </c>
      <c r="EM5" s="178" t="s">
        <v>51</v>
      </c>
      <c r="EN5" s="182" t="s">
        <v>45</v>
      </c>
      <c r="EO5" s="470"/>
      <c r="EP5" s="177" t="s">
        <v>43</v>
      </c>
      <c r="EQ5" s="178" t="s">
        <v>44</v>
      </c>
      <c r="ER5" s="182" t="s">
        <v>45</v>
      </c>
      <c r="ES5" s="180" t="s">
        <v>83</v>
      </c>
      <c r="ET5" s="178" t="s">
        <v>47</v>
      </c>
      <c r="EU5" s="178" t="s">
        <v>48</v>
      </c>
      <c r="EV5" s="178" t="s">
        <v>49</v>
      </c>
      <c r="EW5" s="178" t="s">
        <v>50</v>
      </c>
      <c r="EX5" s="178" t="s">
        <v>51</v>
      </c>
      <c r="EY5" s="182" t="s">
        <v>45</v>
      </c>
      <c r="EZ5" s="470"/>
    </row>
    <row r="6" spans="2:156" ht="21" customHeight="1" x14ac:dyDescent="0.2">
      <c r="B6" s="84" t="s">
        <v>4</v>
      </c>
      <c r="C6" s="183">
        <v>0</v>
      </c>
      <c r="D6" s="184">
        <v>0</v>
      </c>
      <c r="E6" s="185">
        <v>0</v>
      </c>
      <c r="F6" s="186">
        <v>0</v>
      </c>
      <c r="G6" s="184">
        <v>1151</v>
      </c>
      <c r="H6" s="184">
        <v>1323</v>
      </c>
      <c r="I6" s="184">
        <v>688</v>
      </c>
      <c r="J6" s="184">
        <v>559</v>
      </c>
      <c r="K6" s="184">
        <v>421</v>
      </c>
      <c r="L6" s="187">
        <v>4142</v>
      </c>
      <c r="M6" s="188">
        <v>4142</v>
      </c>
      <c r="N6" s="183">
        <v>0</v>
      </c>
      <c r="O6" s="184">
        <v>3</v>
      </c>
      <c r="P6" s="189">
        <v>3</v>
      </c>
      <c r="Q6" s="186">
        <v>0</v>
      </c>
      <c r="R6" s="184">
        <v>12</v>
      </c>
      <c r="S6" s="184">
        <v>22</v>
      </c>
      <c r="T6" s="184">
        <v>54</v>
      </c>
      <c r="U6" s="184">
        <v>139</v>
      </c>
      <c r="V6" s="184">
        <v>212</v>
      </c>
      <c r="W6" s="189">
        <v>439</v>
      </c>
      <c r="X6" s="188">
        <v>442</v>
      </c>
      <c r="Y6" s="183">
        <v>214</v>
      </c>
      <c r="Z6" s="184">
        <v>510</v>
      </c>
      <c r="AA6" s="189">
        <v>724</v>
      </c>
      <c r="AB6" s="186">
        <v>0</v>
      </c>
      <c r="AC6" s="184">
        <v>958</v>
      </c>
      <c r="AD6" s="184">
        <v>1321</v>
      </c>
      <c r="AE6" s="184">
        <v>764</v>
      </c>
      <c r="AF6" s="184">
        <v>606</v>
      </c>
      <c r="AG6" s="184">
        <v>393</v>
      </c>
      <c r="AH6" s="189">
        <v>4042</v>
      </c>
      <c r="AI6" s="188">
        <v>4766</v>
      </c>
      <c r="AJ6" s="183">
        <v>19</v>
      </c>
      <c r="AK6" s="184">
        <v>58</v>
      </c>
      <c r="AL6" s="189">
        <v>77</v>
      </c>
      <c r="AM6" s="186">
        <v>0</v>
      </c>
      <c r="AN6" s="184">
        <v>90</v>
      </c>
      <c r="AO6" s="184">
        <v>155</v>
      </c>
      <c r="AP6" s="184">
        <v>76</v>
      </c>
      <c r="AQ6" s="184">
        <v>76</v>
      </c>
      <c r="AR6" s="184">
        <v>52</v>
      </c>
      <c r="AS6" s="189">
        <v>449</v>
      </c>
      <c r="AT6" s="188">
        <v>526</v>
      </c>
      <c r="AU6" s="183">
        <v>311</v>
      </c>
      <c r="AV6" s="184">
        <v>372</v>
      </c>
      <c r="AW6" s="189">
        <v>683</v>
      </c>
      <c r="AX6" s="186">
        <v>0</v>
      </c>
      <c r="AY6" s="184">
        <v>1409</v>
      </c>
      <c r="AZ6" s="184">
        <v>1722</v>
      </c>
      <c r="BA6" s="184">
        <v>1440</v>
      </c>
      <c r="BB6" s="184">
        <v>1424</v>
      </c>
      <c r="BC6" s="184">
        <v>1061</v>
      </c>
      <c r="BD6" s="187">
        <v>7056</v>
      </c>
      <c r="BE6" s="188">
        <v>7739</v>
      </c>
      <c r="BF6" s="183">
        <v>0</v>
      </c>
      <c r="BG6" s="184">
        <v>0</v>
      </c>
      <c r="BH6" s="189">
        <v>0</v>
      </c>
      <c r="BI6" s="186">
        <v>0</v>
      </c>
      <c r="BJ6" s="184">
        <v>1413</v>
      </c>
      <c r="BK6" s="184">
        <v>1226</v>
      </c>
      <c r="BL6" s="184">
        <v>600</v>
      </c>
      <c r="BM6" s="184">
        <v>305</v>
      </c>
      <c r="BN6" s="184">
        <v>156</v>
      </c>
      <c r="BO6" s="189">
        <v>3700</v>
      </c>
      <c r="BP6" s="188">
        <v>3700</v>
      </c>
      <c r="BQ6" s="183">
        <v>134</v>
      </c>
      <c r="BR6" s="184">
        <v>175</v>
      </c>
      <c r="BS6" s="189">
        <v>309</v>
      </c>
      <c r="BT6" s="186">
        <v>0</v>
      </c>
      <c r="BU6" s="184">
        <v>361</v>
      </c>
      <c r="BV6" s="184">
        <v>495</v>
      </c>
      <c r="BW6" s="184">
        <v>276</v>
      </c>
      <c r="BX6" s="184">
        <v>164</v>
      </c>
      <c r="BY6" s="184">
        <v>67</v>
      </c>
      <c r="BZ6" s="189">
        <v>1363</v>
      </c>
      <c r="CA6" s="188">
        <v>1672</v>
      </c>
      <c r="CB6" s="183">
        <v>4</v>
      </c>
      <c r="CC6" s="184">
        <v>18</v>
      </c>
      <c r="CD6" s="189">
        <v>22</v>
      </c>
      <c r="CE6" s="186">
        <v>0</v>
      </c>
      <c r="CF6" s="184">
        <v>136</v>
      </c>
      <c r="CG6" s="184">
        <v>243</v>
      </c>
      <c r="CH6" s="184">
        <v>244</v>
      </c>
      <c r="CI6" s="184">
        <v>172</v>
      </c>
      <c r="CJ6" s="184">
        <v>96</v>
      </c>
      <c r="CK6" s="189">
        <v>891</v>
      </c>
      <c r="CL6" s="188">
        <v>913</v>
      </c>
      <c r="CM6" s="183">
        <v>1</v>
      </c>
      <c r="CN6" s="184">
        <v>3</v>
      </c>
      <c r="CO6" s="189">
        <v>4</v>
      </c>
      <c r="CP6" s="186">
        <v>0</v>
      </c>
      <c r="CQ6" s="184">
        <v>22</v>
      </c>
      <c r="CR6" s="184">
        <v>46</v>
      </c>
      <c r="CS6" s="184">
        <v>44</v>
      </c>
      <c r="CT6" s="184">
        <v>31</v>
      </c>
      <c r="CU6" s="184">
        <v>25</v>
      </c>
      <c r="CV6" s="189">
        <v>168</v>
      </c>
      <c r="CW6" s="188">
        <v>172</v>
      </c>
      <c r="CX6" s="183">
        <v>0</v>
      </c>
      <c r="CY6" s="184">
        <v>0</v>
      </c>
      <c r="CZ6" s="189">
        <v>0</v>
      </c>
      <c r="DA6" s="186">
        <v>0</v>
      </c>
      <c r="DB6" s="184">
        <v>0</v>
      </c>
      <c r="DC6" s="184">
        <v>0</v>
      </c>
      <c r="DD6" s="184">
        <v>0</v>
      </c>
      <c r="DE6" s="184">
        <v>0</v>
      </c>
      <c r="DF6" s="184">
        <v>0</v>
      </c>
      <c r="DG6" s="189">
        <v>0</v>
      </c>
      <c r="DH6" s="188">
        <v>0</v>
      </c>
      <c r="DI6" s="183">
        <v>0</v>
      </c>
      <c r="DJ6" s="184">
        <v>0</v>
      </c>
      <c r="DK6" s="189">
        <v>0</v>
      </c>
      <c r="DL6" s="186">
        <v>0</v>
      </c>
      <c r="DM6" s="184">
        <v>0</v>
      </c>
      <c r="DN6" s="184">
        <v>0</v>
      </c>
      <c r="DO6" s="184">
        <v>0</v>
      </c>
      <c r="DP6" s="184">
        <v>0</v>
      </c>
      <c r="DQ6" s="184">
        <v>0</v>
      </c>
      <c r="DR6" s="189">
        <v>0</v>
      </c>
      <c r="DS6" s="188">
        <v>0</v>
      </c>
      <c r="DT6" s="183">
        <v>634</v>
      </c>
      <c r="DU6" s="184">
        <v>1356</v>
      </c>
      <c r="DV6" s="189">
        <v>1990</v>
      </c>
      <c r="DW6" s="186">
        <v>0</v>
      </c>
      <c r="DX6" s="184">
        <v>1672</v>
      </c>
      <c r="DY6" s="184">
        <v>2869</v>
      </c>
      <c r="DZ6" s="184">
        <v>1588</v>
      </c>
      <c r="EA6" s="184">
        <v>1203</v>
      </c>
      <c r="EB6" s="184">
        <v>744</v>
      </c>
      <c r="EC6" s="189">
        <v>8076</v>
      </c>
      <c r="ED6" s="188">
        <v>10066</v>
      </c>
      <c r="EE6" s="183">
        <v>227</v>
      </c>
      <c r="EF6" s="184">
        <v>175</v>
      </c>
      <c r="EG6" s="189">
        <v>402</v>
      </c>
      <c r="EH6" s="186">
        <v>0</v>
      </c>
      <c r="EI6" s="184">
        <v>678</v>
      </c>
      <c r="EJ6" s="184">
        <v>663</v>
      </c>
      <c r="EK6" s="184">
        <v>591</v>
      </c>
      <c r="EL6" s="184">
        <v>618</v>
      </c>
      <c r="EM6" s="184">
        <v>399</v>
      </c>
      <c r="EN6" s="189">
        <v>2949</v>
      </c>
      <c r="EO6" s="188">
        <v>3351</v>
      </c>
      <c r="EP6" s="183">
        <v>914</v>
      </c>
      <c r="EQ6" s="184">
        <v>1759</v>
      </c>
      <c r="ER6" s="189">
        <v>2673</v>
      </c>
      <c r="ES6" s="186">
        <v>0</v>
      </c>
      <c r="ET6" s="184">
        <v>3744</v>
      </c>
      <c r="EU6" s="184">
        <v>3930</v>
      </c>
      <c r="EV6" s="184">
        <v>1899</v>
      </c>
      <c r="EW6" s="184">
        <v>1278</v>
      </c>
      <c r="EX6" s="184">
        <v>743</v>
      </c>
      <c r="EY6" s="189">
        <v>11594</v>
      </c>
      <c r="EZ6" s="188">
        <v>14267</v>
      </c>
    </row>
    <row r="7" spans="2:156" ht="21" customHeight="1" x14ac:dyDescent="0.2">
      <c r="B7" s="95" t="s">
        <v>5</v>
      </c>
      <c r="C7" s="190">
        <v>0</v>
      </c>
      <c r="D7" s="191">
        <v>0</v>
      </c>
      <c r="E7" s="192">
        <v>0</v>
      </c>
      <c r="F7" s="193">
        <v>0</v>
      </c>
      <c r="G7" s="191">
        <v>468</v>
      </c>
      <c r="H7" s="191">
        <v>665</v>
      </c>
      <c r="I7" s="191">
        <v>321</v>
      </c>
      <c r="J7" s="191">
        <v>243</v>
      </c>
      <c r="K7" s="191">
        <v>199</v>
      </c>
      <c r="L7" s="194">
        <v>1896</v>
      </c>
      <c r="M7" s="195">
        <v>1896</v>
      </c>
      <c r="N7" s="190">
        <v>0</v>
      </c>
      <c r="O7" s="191">
        <v>2</v>
      </c>
      <c r="P7" s="196">
        <v>2</v>
      </c>
      <c r="Q7" s="193">
        <v>0</v>
      </c>
      <c r="R7" s="191">
        <v>3</v>
      </c>
      <c r="S7" s="191">
        <v>8</v>
      </c>
      <c r="T7" s="191">
        <v>26</v>
      </c>
      <c r="U7" s="191">
        <v>51</v>
      </c>
      <c r="V7" s="191">
        <v>116</v>
      </c>
      <c r="W7" s="196">
        <v>204</v>
      </c>
      <c r="X7" s="195">
        <v>206</v>
      </c>
      <c r="Y7" s="190">
        <v>88</v>
      </c>
      <c r="Z7" s="191">
        <v>266</v>
      </c>
      <c r="AA7" s="196">
        <v>354</v>
      </c>
      <c r="AB7" s="193">
        <v>0</v>
      </c>
      <c r="AC7" s="191">
        <v>341</v>
      </c>
      <c r="AD7" s="191">
        <v>702</v>
      </c>
      <c r="AE7" s="191">
        <v>363</v>
      </c>
      <c r="AF7" s="191">
        <v>288</v>
      </c>
      <c r="AG7" s="191">
        <v>185</v>
      </c>
      <c r="AH7" s="196">
        <v>1879</v>
      </c>
      <c r="AI7" s="195">
        <v>2233</v>
      </c>
      <c r="AJ7" s="190">
        <v>8</v>
      </c>
      <c r="AK7" s="191">
        <v>34</v>
      </c>
      <c r="AL7" s="196">
        <v>42</v>
      </c>
      <c r="AM7" s="193">
        <v>0</v>
      </c>
      <c r="AN7" s="191">
        <v>31</v>
      </c>
      <c r="AO7" s="191">
        <v>77</v>
      </c>
      <c r="AP7" s="191">
        <v>33</v>
      </c>
      <c r="AQ7" s="191">
        <v>33</v>
      </c>
      <c r="AR7" s="191">
        <v>21</v>
      </c>
      <c r="AS7" s="196">
        <v>195</v>
      </c>
      <c r="AT7" s="195">
        <v>237</v>
      </c>
      <c r="AU7" s="190">
        <v>146</v>
      </c>
      <c r="AV7" s="191">
        <v>188</v>
      </c>
      <c r="AW7" s="196">
        <v>334</v>
      </c>
      <c r="AX7" s="193">
        <v>0</v>
      </c>
      <c r="AY7" s="191">
        <v>540</v>
      </c>
      <c r="AZ7" s="191">
        <v>807</v>
      </c>
      <c r="BA7" s="191">
        <v>626</v>
      </c>
      <c r="BB7" s="191">
        <v>648</v>
      </c>
      <c r="BC7" s="191">
        <v>461</v>
      </c>
      <c r="BD7" s="194">
        <v>3082</v>
      </c>
      <c r="BE7" s="195">
        <v>3416</v>
      </c>
      <c r="BF7" s="190">
        <v>0</v>
      </c>
      <c r="BG7" s="191">
        <v>0</v>
      </c>
      <c r="BH7" s="196">
        <v>0</v>
      </c>
      <c r="BI7" s="193">
        <v>0</v>
      </c>
      <c r="BJ7" s="191">
        <v>466</v>
      </c>
      <c r="BK7" s="191">
        <v>522</v>
      </c>
      <c r="BL7" s="191">
        <v>228</v>
      </c>
      <c r="BM7" s="191">
        <v>120</v>
      </c>
      <c r="BN7" s="191">
        <v>63</v>
      </c>
      <c r="BO7" s="196">
        <v>1399</v>
      </c>
      <c r="BP7" s="195">
        <v>1399</v>
      </c>
      <c r="BQ7" s="190">
        <v>67</v>
      </c>
      <c r="BR7" s="191">
        <v>87</v>
      </c>
      <c r="BS7" s="196">
        <v>154</v>
      </c>
      <c r="BT7" s="193">
        <v>0</v>
      </c>
      <c r="BU7" s="191">
        <v>118</v>
      </c>
      <c r="BV7" s="191">
        <v>249</v>
      </c>
      <c r="BW7" s="191">
        <v>126</v>
      </c>
      <c r="BX7" s="191">
        <v>72</v>
      </c>
      <c r="BY7" s="191">
        <v>34</v>
      </c>
      <c r="BZ7" s="196">
        <v>599</v>
      </c>
      <c r="CA7" s="195">
        <v>753</v>
      </c>
      <c r="CB7" s="190">
        <v>2</v>
      </c>
      <c r="CC7" s="191">
        <v>7</v>
      </c>
      <c r="CD7" s="196">
        <v>9</v>
      </c>
      <c r="CE7" s="193">
        <v>0</v>
      </c>
      <c r="CF7" s="191">
        <v>47</v>
      </c>
      <c r="CG7" s="191">
        <v>91</v>
      </c>
      <c r="CH7" s="191">
        <v>95</v>
      </c>
      <c r="CI7" s="191">
        <v>68</v>
      </c>
      <c r="CJ7" s="191">
        <v>39</v>
      </c>
      <c r="CK7" s="196">
        <v>340</v>
      </c>
      <c r="CL7" s="195">
        <v>349</v>
      </c>
      <c r="CM7" s="190">
        <v>1</v>
      </c>
      <c r="CN7" s="191">
        <v>3</v>
      </c>
      <c r="CO7" s="196">
        <v>4</v>
      </c>
      <c r="CP7" s="193">
        <v>0</v>
      </c>
      <c r="CQ7" s="191">
        <v>7</v>
      </c>
      <c r="CR7" s="191">
        <v>30</v>
      </c>
      <c r="CS7" s="191">
        <v>23</v>
      </c>
      <c r="CT7" s="191">
        <v>22</v>
      </c>
      <c r="CU7" s="191">
        <v>16</v>
      </c>
      <c r="CV7" s="196">
        <v>98</v>
      </c>
      <c r="CW7" s="195">
        <v>102</v>
      </c>
      <c r="CX7" s="190">
        <v>0</v>
      </c>
      <c r="CY7" s="191">
        <v>0</v>
      </c>
      <c r="CZ7" s="196">
        <v>0</v>
      </c>
      <c r="DA7" s="193">
        <v>0</v>
      </c>
      <c r="DB7" s="191">
        <v>0</v>
      </c>
      <c r="DC7" s="191">
        <v>0</v>
      </c>
      <c r="DD7" s="191">
        <v>0</v>
      </c>
      <c r="DE7" s="191">
        <v>0</v>
      </c>
      <c r="DF7" s="191">
        <v>0</v>
      </c>
      <c r="DG7" s="196">
        <v>0</v>
      </c>
      <c r="DH7" s="195">
        <v>0</v>
      </c>
      <c r="DI7" s="190">
        <v>0</v>
      </c>
      <c r="DJ7" s="191">
        <v>0</v>
      </c>
      <c r="DK7" s="196">
        <v>0</v>
      </c>
      <c r="DL7" s="193">
        <v>0</v>
      </c>
      <c r="DM7" s="191">
        <v>0</v>
      </c>
      <c r="DN7" s="191">
        <v>0</v>
      </c>
      <c r="DO7" s="191">
        <v>0</v>
      </c>
      <c r="DP7" s="191">
        <v>0</v>
      </c>
      <c r="DQ7" s="191">
        <v>0</v>
      </c>
      <c r="DR7" s="196">
        <v>0</v>
      </c>
      <c r="DS7" s="195">
        <v>0</v>
      </c>
      <c r="DT7" s="190">
        <v>231</v>
      </c>
      <c r="DU7" s="191">
        <v>607</v>
      </c>
      <c r="DV7" s="196">
        <v>838</v>
      </c>
      <c r="DW7" s="193">
        <v>0</v>
      </c>
      <c r="DX7" s="191">
        <v>530</v>
      </c>
      <c r="DY7" s="191">
        <v>1350</v>
      </c>
      <c r="DZ7" s="191">
        <v>674</v>
      </c>
      <c r="EA7" s="191">
        <v>533</v>
      </c>
      <c r="EB7" s="191">
        <v>324</v>
      </c>
      <c r="EC7" s="196">
        <v>3411</v>
      </c>
      <c r="ED7" s="195">
        <v>4249</v>
      </c>
      <c r="EE7" s="190">
        <v>97</v>
      </c>
      <c r="EF7" s="191">
        <v>86</v>
      </c>
      <c r="EG7" s="196">
        <v>183</v>
      </c>
      <c r="EH7" s="193">
        <v>0</v>
      </c>
      <c r="EI7" s="191">
        <v>284</v>
      </c>
      <c r="EJ7" s="191">
        <v>331</v>
      </c>
      <c r="EK7" s="191">
        <v>279</v>
      </c>
      <c r="EL7" s="191">
        <v>278</v>
      </c>
      <c r="EM7" s="191">
        <v>165</v>
      </c>
      <c r="EN7" s="196">
        <v>1337</v>
      </c>
      <c r="EO7" s="195">
        <v>1520</v>
      </c>
      <c r="EP7" s="190">
        <v>360</v>
      </c>
      <c r="EQ7" s="191">
        <v>840</v>
      </c>
      <c r="ER7" s="196">
        <v>1200</v>
      </c>
      <c r="ES7" s="193">
        <v>0</v>
      </c>
      <c r="ET7" s="191">
        <v>1337</v>
      </c>
      <c r="EU7" s="191">
        <v>1911</v>
      </c>
      <c r="EV7" s="191">
        <v>839</v>
      </c>
      <c r="EW7" s="191">
        <v>580</v>
      </c>
      <c r="EX7" s="191">
        <v>343</v>
      </c>
      <c r="EY7" s="196">
        <v>5010</v>
      </c>
      <c r="EZ7" s="195">
        <v>6210</v>
      </c>
    </row>
    <row r="8" spans="2:156" ht="21" customHeight="1" x14ac:dyDescent="0.2">
      <c r="B8" s="106" t="s">
        <v>6</v>
      </c>
      <c r="C8" s="190">
        <v>0</v>
      </c>
      <c r="D8" s="191">
        <v>0</v>
      </c>
      <c r="E8" s="192">
        <v>0</v>
      </c>
      <c r="F8" s="193">
        <v>0</v>
      </c>
      <c r="G8" s="191">
        <v>219</v>
      </c>
      <c r="H8" s="191">
        <v>188</v>
      </c>
      <c r="I8" s="191">
        <v>84</v>
      </c>
      <c r="J8" s="191">
        <v>99</v>
      </c>
      <c r="K8" s="191">
        <v>79</v>
      </c>
      <c r="L8" s="194">
        <v>669</v>
      </c>
      <c r="M8" s="195">
        <v>669</v>
      </c>
      <c r="N8" s="190">
        <v>0</v>
      </c>
      <c r="O8" s="191">
        <v>0</v>
      </c>
      <c r="P8" s="196">
        <v>0</v>
      </c>
      <c r="Q8" s="193">
        <v>0</v>
      </c>
      <c r="R8" s="191">
        <v>3</v>
      </c>
      <c r="S8" s="191">
        <v>5</v>
      </c>
      <c r="T8" s="191">
        <v>7</v>
      </c>
      <c r="U8" s="191">
        <v>25</v>
      </c>
      <c r="V8" s="191">
        <v>26</v>
      </c>
      <c r="W8" s="196">
        <v>66</v>
      </c>
      <c r="X8" s="195">
        <v>66</v>
      </c>
      <c r="Y8" s="190">
        <v>40</v>
      </c>
      <c r="Z8" s="191">
        <v>83</v>
      </c>
      <c r="AA8" s="196">
        <v>123</v>
      </c>
      <c r="AB8" s="193">
        <v>0</v>
      </c>
      <c r="AC8" s="191">
        <v>226</v>
      </c>
      <c r="AD8" s="191">
        <v>201</v>
      </c>
      <c r="AE8" s="191">
        <v>137</v>
      </c>
      <c r="AF8" s="191">
        <v>97</v>
      </c>
      <c r="AG8" s="191">
        <v>62</v>
      </c>
      <c r="AH8" s="196">
        <v>723</v>
      </c>
      <c r="AI8" s="195">
        <v>846</v>
      </c>
      <c r="AJ8" s="190">
        <v>4</v>
      </c>
      <c r="AK8" s="191">
        <v>4</v>
      </c>
      <c r="AL8" s="196">
        <v>8</v>
      </c>
      <c r="AM8" s="193">
        <v>0</v>
      </c>
      <c r="AN8" s="191">
        <v>17</v>
      </c>
      <c r="AO8" s="191">
        <v>14</v>
      </c>
      <c r="AP8" s="191">
        <v>9</v>
      </c>
      <c r="AQ8" s="191">
        <v>14</v>
      </c>
      <c r="AR8" s="191">
        <v>8</v>
      </c>
      <c r="AS8" s="196">
        <v>62</v>
      </c>
      <c r="AT8" s="195">
        <v>70</v>
      </c>
      <c r="AU8" s="190">
        <v>48</v>
      </c>
      <c r="AV8" s="191">
        <v>59</v>
      </c>
      <c r="AW8" s="196">
        <v>107</v>
      </c>
      <c r="AX8" s="193">
        <v>0</v>
      </c>
      <c r="AY8" s="191">
        <v>298</v>
      </c>
      <c r="AZ8" s="191">
        <v>291</v>
      </c>
      <c r="BA8" s="191">
        <v>248</v>
      </c>
      <c r="BB8" s="191">
        <v>240</v>
      </c>
      <c r="BC8" s="191">
        <v>215</v>
      </c>
      <c r="BD8" s="194">
        <v>1292</v>
      </c>
      <c r="BE8" s="195">
        <v>1399</v>
      </c>
      <c r="BF8" s="190">
        <v>0</v>
      </c>
      <c r="BG8" s="191">
        <v>0</v>
      </c>
      <c r="BH8" s="196">
        <v>0</v>
      </c>
      <c r="BI8" s="193">
        <v>0</v>
      </c>
      <c r="BJ8" s="191">
        <v>288</v>
      </c>
      <c r="BK8" s="191">
        <v>187</v>
      </c>
      <c r="BL8" s="191">
        <v>93</v>
      </c>
      <c r="BM8" s="191">
        <v>47</v>
      </c>
      <c r="BN8" s="191">
        <v>24</v>
      </c>
      <c r="BO8" s="196">
        <v>639</v>
      </c>
      <c r="BP8" s="195">
        <v>639</v>
      </c>
      <c r="BQ8" s="190">
        <v>9</v>
      </c>
      <c r="BR8" s="191">
        <v>15</v>
      </c>
      <c r="BS8" s="196">
        <v>24</v>
      </c>
      <c r="BT8" s="193">
        <v>0</v>
      </c>
      <c r="BU8" s="191">
        <v>65</v>
      </c>
      <c r="BV8" s="191">
        <v>68</v>
      </c>
      <c r="BW8" s="191">
        <v>35</v>
      </c>
      <c r="BX8" s="191">
        <v>25</v>
      </c>
      <c r="BY8" s="191">
        <v>6</v>
      </c>
      <c r="BZ8" s="196">
        <v>199</v>
      </c>
      <c r="CA8" s="195">
        <v>223</v>
      </c>
      <c r="CB8" s="190">
        <v>1</v>
      </c>
      <c r="CC8" s="191">
        <v>2</v>
      </c>
      <c r="CD8" s="196">
        <v>3</v>
      </c>
      <c r="CE8" s="193">
        <v>0</v>
      </c>
      <c r="CF8" s="191">
        <v>15</v>
      </c>
      <c r="CG8" s="191">
        <v>34</v>
      </c>
      <c r="CH8" s="191">
        <v>38</v>
      </c>
      <c r="CI8" s="191">
        <v>24</v>
      </c>
      <c r="CJ8" s="191">
        <v>14</v>
      </c>
      <c r="CK8" s="196">
        <v>125</v>
      </c>
      <c r="CL8" s="195">
        <v>128</v>
      </c>
      <c r="CM8" s="190">
        <v>0</v>
      </c>
      <c r="CN8" s="191">
        <v>0</v>
      </c>
      <c r="CO8" s="196">
        <v>0</v>
      </c>
      <c r="CP8" s="193">
        <v>0</v>
      </c>
      <c r="CQ8" s="191">
        <v>8</v>
      </c>
      <c r="CR8" s="191">
        <v>4</v>
      </c>
      <c r="CS8" s="191">
        <v>10</v>
      </c>
      <c r="CT8" s="191">
        <v>4</v>
      </c>
      <c r="CU8" s="191">
        <v>4</v>
      </c>
      <c r="CV8" s="196">
        <v>30</v>
      </c>
      <c r="CW8" s="195">
        <v>30</v>
      </c>
      <c r="CX8" s="190">
        <v>0</v>
      </c>
      <c r="CY8" s="191">
        <v>0</v>
      </c>
      <c r="CZ8" s="196">
        <v>0</v>
      </c>
      <c r="DA8" s="193">
        <v>0</v>
      </c>
      <c r="DB8" s="191">
        <v>0</v>
      </c>
      <c r="DC8" s="191">
        <v>0</v>
      </c>
      <c r="DD8" s="191">
        <v>0</v>
      </c>
      <c r="DE8" s="191">
        <v>0</v>
      </c>
      <c r="DF8" s="191">
        <v>0</v>
      </c>
      <c r="DG8" s="196">
        <v>0</v>
      </c>
      <c r="DH8" s="195">
        <v>0</v>
      </c>
      <c r="DI8" s="190">
        <v>0</v>
      </c>
      <c r="DJ8" s="191">
        <v>0</v>
      </c>
      <c r="DK8" s="196">
        <v>0</v>
      </c>
      <c r="DL8" s="193">
        <v>0</v>
      </c>
      <c r="DM8" s="191">
        <v>0</v>
      </c>
      <c r="DN8" s="191">
        <v>0</v>
      </c>
      <c r="DO8" s="191">
        <v>0</v>
      </c>
      <c r="DP8" s="191">
        <v>0</v>
      </c>
      <c r="DQ8" s="191">
        <v>0</v>
      </c>
      <c r="DR8" s="196">
        <v>0</v>
      </c>
      <c r="DS8" s="195">
        <v>0</v>
      </c>
      <c r="DT8" s="190">
        <v>111</v>
      </c>
      <c r="DU8" s="191">
        <v>195</v>
      </c>
      <c r="DV8" s="196">
        <v>306</v>
      </c>
      <c r="DW8" s="193">
        <v>0</v>
      </c>
      <c r="DX8" s="191">
        <v>349</v>
      </c>
      <c r="DY8" s="191">
        <v>431</v>
      </c>
      <c r="DZ8" s="191">
        <v>241</v>
      </c>
      <c r="EA8" s="191">
        <v>195</v>
      </c>
      <c r="EB8" s="191">
        <v>137</v>
      </c>
      <c r="EC8" s="196">
        <v>1353</v>
      </c>
      <c r="ED8" s="195">
        <v>1659</v>
      </c>
      <c r="EE8" s="190">
        <v>35</v>
      </c>
      <c r="EF8" s="191">
        <v>22</v>
      </c>
      <c r="EG8" s="196">
        <v>57</v>
      </c>
      <c r="EH8" s="193">
        <v>0</v>
      </c>
      <c r="EI8" s="191">
        <v>130</v>
      </c>
      <c r="EJ8" s="191">
        <v>114</v>
      </c>
      <c r="EK8" s="191">
        <v>94</v>
      </c>
      <c r="EL8" s="191">
        <v>101</v>
      </c>
      <c r="EM8" s="191">
        <v>81</v>
      </c>
      <c r="EN8" s="196">
        <v>520</v>
      </c>
      <c r="EO8" s="195">
        <v>577</v>
      </c>
      <c r="EP8" s="190">
        <v>141</v>
      </c>
      <c r="EQ8" s="191">
        <v>240</v>
      </c>
      <c r="ER8" s="196">
        <v>381</v>
      </c>
      <c r="ES8" s="193">
        <v>0</v>
      </c>
      <c r="ET8" s="191">
        <v>744</v>
      </c>
      <c r="EU8" s="191">
        <v>567</v>
      </c>
      <c r="EV8" s="191">
        <v>289</v>
      </c>
      <c r="EW8" s="191">
        <v>204</v>
      </c>
      <c r="EX8" s="191">
        <v>129</v>
      </c>
      <c r="EY8" s="196">
        <v>1933</v>
      </c>
      <c r="EZ8" s="195">
        <v>2314</v>
      </c>
    </row>
    <row r="9" spans="2:156" ht="21" customHeight="1" x14ac:dyDescent="0.2">
      <c r="B9" s="106" t="s">
        <v>14</v>
      </c>
      <c r="C9" s="190">
        <v>0</v>
      </c>
      <c r="D9" s="191">
        <v>0</v>
      </c>
      <c r="E9" s="192">
        <v>0</v>
      </c>
      <c r="F9" s="193">
        <v>0</v>
      </c>
      <c r="G9" s="191">
        <v>52</v>
      </c>
      <c r="H9" s="191">
        <v>91</v>
      </c>
      <c r="I9" s="191">
        <v>41</v>
      </c>
      <c r="J9" s="191">
        <v>30</v>
      </c>
      <c r="K9" s="191">
        <v>19</v>
      </c>
      <c r="L9" s="194">
        <v>233</v>
      </c>
      <c r="M9" s="195">
        <v>233</v>
      </c>
      <c r="N9" s="190">
        <v>0</v>
      </c>
      <c r="O9" s="191">
        <v>0</v>
      </c>
      <c r="P9" s="196">
        <v>0</v>
      </c>
      <c r="Q9" s="193">
        <v>0</v>
      </c>
      <c r="R9" s="191">
        <v>1</v>
      </c>
      <c r="S9" s="191">
        <v>2</v>
      </c>
      <c r="T9" s="191">
        <v>3</v>
      </c>
      <c r="U9" s="191">
        <v>12</v>
      </c>
      <c r="V9" s="191">
        <v>7</v>
      </c>
      <c r="W9" s="196">
        <v>25</v>
      </c>
      <c r="X9" s="195">
        <v>25</v>
      </c>
      <c r="Y9" s="190">
        <v>6</v>
      </c>
      <c r="Z9" s="191">
        <v>17</v>
      </c>
      <c r="AA9" s="196">
        <v>23</v>
      </c>
      <c r="AB9" s="193">
        <v>0</v>
      </c>
      <c r="AC9" s="191">
        <v>37</v>
      </c>
      <c r="AD9" s="191">
        <v>70</v>
      </c>
      <c r="AE9" s="191">
        <v>36</v>
      </c>
      <c r="AF9" s="191">
        <v>29</v>
      </c>
      <c r="AG9" s="191">
        <v>23</v>
      </c>
      <c r="AH9" s="196">
        <v>195</v>
      </c>
      <c r="AI9" s="195">
        <v>218</v>
      </c>
      <c r="AJ9" s="190">
        <v>0</v>
      </c>
      <c r="AK9" s="191">
        <v>3</v>
      </c>
      <c r="AL9" s="196">
        <v>3</v>
      </c>
      <c r="AM9" s="193">
        <v>0</v>
      </c>
      <c r="AN9" s="191">
        <v>2</v>
      </c>
      <c r="AO9" s="191">
        <v>6</v>
      </c>
      <c r="AP9" s="191">
        <v>2</v>
      </c>
      <c r="AQ9" s="191">
        <v>0</v>
      </c>
      <c r="AR9" s="191">
        <v>1</v>
      </c>
      <c r="AS9" s="196">
        <v>11</v>
      </c>
      <c r="AT9" s="195">
        <v>14</v>
      </c>
      <c r="AU9" s="190">
        <v>9</v>
      </c>
      <c r="AV9" s="191">
        <v>25</v>
      </c>
      <c r="AW9" s="196">
        <v>34</v>
      </c>
      <c r="AX9" s="193">
        <v>0</v>
      </c>
      <c r="AY9" s="191">
        <v>75</v>
      </c>
      <c r="AZ9" s="191">
        <v>104</v>
      </c>
      <c r="BA9" s="191">
        <v>101</v>
      </c>
      <c r="BB9" s="191">
        <v>81</v>
      </c>
      <c r="BC9" s="191">
        <v>52</v>
      </c>
      <c r="BD9" s="194">
        <v>413</v>
      </c>
      <c r="BE9" s="195">
        <v>447</v>
      </c>
      <c r="BF9" s="190">
        <v>0</v>
      </c>
      <c r="BG9" s="191">
        <v>0</v>
      </c>
      <c r="BH9" s="196">
        <v>0</v>
      </c>
      <c r="BI9" s="193">
        <v>0</v>
      </c>
      <c r="BJ9" s="191">
        <v>98</v>
      </c>
      <c r="BK9" s="191">
        <v>104</v>
      </c>
      <c r="BL9" s="191">
        <v>60</v>
      </c>
      <c r="BM9" s="191">
        <v>23</v>
      </c>
      <c r="BN9" s="191">
        <v>14</v>
      </c>
      <c r="BO9" s="196">
        <v>299</v>
      </c>
      <c r="BP9" s="195">
        <v>299</v>
      </c>
      <c r="BQ9" s="190">
        <v>6</v>
      </c>
      <c r="BR9" s="191">
        <v>10</v>
      </c>
      <c r="BS9" s="196">
        <v>16</v>
      </c>
      <c r="BT9" s="193">
        <v>0</v>
      </c>
      <c r="BU9" s="191">
        <v>11</v>
      </c>
      <c r="BV9" s="191">
        <v>20</v>
      </c>
      <c r="BW9" s="191">
        <v>9</v>
      </c>
      <c r="BX9" s="191">
        <v>7</v>
      </c>
      <c r="BY9" s="191">
        <v>4</v>
      </c>
      <c r="BZ9" s="196">
        <v>51</v>
      </c>
      <c r="CA9" s="195">
        <v>67</v>
      </c>
      <c r="CB9" s="190">
        <v>0</v>
      </c>
      <c r="CC9" s="191">
        <v>0</v>
      </c>
      <c r="CD9" s="196">
        <v>0</v>
      </c>
      <c r="CE9" s="193">
        <v>0</v>
      </c>
      <c r="CF9" s="191">
        <v>4</v>
      </c>
      <c r="CG9" s="191">
        <v>17</v>
      </c>
      <c r="CH9" s="191">
        <v>17</v>
      </c>
      <c r="CI9" s="191">
        <v>23</v>
      </c>
      <c r="CJ9" s="191">
        <v>9</v>
      </c>
      <c r="CK9" s="196">
        <v>70</v>
      </c>
      <c r="CL9" s="195">
        <v>70</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c r="DI9" s="190">
        <v>0</v>
      </c>
      <c r="DJ9" s="191">
        <v>0</v>
      </c>
      <c r="DK9" s="196">
        <v>0</v>
      </c>
      <c r="DL9" s="193">
        <v>0</v>
      </c>
      <c r="DM9" s="191">
        <v>0</v>
      </c>
      <c r="DN9" s="191">
        <v>0</v>
      </c>
      <c r="DO9" s="191">
        <v>0</v>
      </c>
      <c r="DP9" s="191">
        <v>0</v>
      </c>
      <c r="DQ9" s="191">
        <v>0</v>
      </c>
      <c r="DR9" s="196">
        <v>0</v>
      </c>
      <c r="DS9" s="195">
        <v>0</v>
      </c>
      <c r="DT9" s="190">
        <v>34</v>
      </c>
      <c r="DU9" s="191">
        <v>90</v>
      </c>
      <c r="DV9" s="196">
        <v>124</v>
      </c>
      <c r="DW9" s="193">
        <v>0</v>
      </c>
      <c r="DX9" s="191">
        <v>88</v>
      </c>
      <c r="DY9" s="191">
        <v>199</v>
      </c>
      <c r="DZ9" s="191">
        <v>106</v>
      </c>
      <c r="EA9" s="191">
        <v>65</v>
      </c>
      <c r="EB9" s="191">
        <v>43</v>
      </c>
      <c r="EC9" s="196">
        <v>501</v>
      </c>
      <c r="ED9" s="195">
        <v>625</v>
      </c>
      <c r="EE9" s="190">
        <v>7</v>
      </c>
      <c r="EF9" s="191">
        <v>8</v>
      </c>
      <c r="EG9" s="196">
        <v>15</v>
      </c>
      <c r="EH9" s="193">
        <v>0</v>
      </c>
      <c r="EI9" s="191">
        <v>33</v>
      </c>
      <c r="EJ9" s="191">
        <v>32</v>
      </c>
      <c r="EK9" s="191">
        <v>33</v>
      </c>
      <c r="EL9" s="191">
        <v>32</v>
      </c>
      <c r="EM9" s="191">
        <v>17</v>
      </c>
      <c r="EN9" s="196">
        <v>147</v>
      </c>
      <c r="EO9" s="195">
        <v>162</v>
      </c>
      <c r="EP9" s="190">
        <v>42</v>
      </c>
      <c r="EQ9" s="191">
        <v>100</v>
      </c>
      <c r="ER9" s="196">
        <v>142</v>
      </c>
      <c r="ES9" s="193">
        <v>0</v>
      </c>
      <c r="ET9" s="191">
        <v>205</v>
      </c>
      <c r="EU9" s="191">
        <v>280</v>
      </c>
      <c r="EV9" s="191">
        <v>130</v>
      </c>
      <c r="EW9" s="191">
        <v>76</v>
      </c>
      <c r="EX9" s="191">
        <v>43</v>
      </c>
      <c r="EY9" s="196">
        <v>734</v>
      </c>
      <c r="EZ9" s="195">
        <v>876</v>
      </c>
    </row>
    <row r="10" spans="2:156" ht="21" customHeight="1" x14ac:dyDescent="0.2">
      <c r="B10" s="106" t="s">
        <v>7</v>
      </c>
      <c r="C10" s="190">
        <v>0</v>
      </c>
      <c r="D10" s="191">
        <v>0</v>
      </c>
      <c r="E10" s="192">
        <v>0</v>
      </c>
      <c r="F10" s="193">
        <v>0</v>
      </c>
      <c r="G10" s="191">
        <v>45</v>
      </c>
      <c r="H10" s="191">
        <v>32</v>
      </c>
      <c r="I10" s="191">
        <v>21</v>
      </c>
      <c r="J10" s="191">
        <v>23</v>
      </c>
      <c r="K10" s="191">
        <v>9</v>
      </c>
      <c r="L10" s="194">
        <v>130</v>
      </c>
      <c r="M10" s="195">
        <v>130</v>
      </c>
      <c r="N10" s="190">
        <v>0</v>
      </c>
      <c r="O10" s="191">
        <v>0</v>
      </c>
      <c r="P10" s="196">
        <v>0</v>
      </c>
      <c r="Q10" s="193">
        <v>0</v>
      </c>
      <c r="R10" s="191">
        <v>1</v>
      </c>
      <c r="S10" s="191">
        <v>0</v>
      </c>
      <c r="T10" s="191">
        <v>0</v>
      </c>
      <c r="U10" s="191">
        <v>10</v>
      </c>
      <c r="V10" s="191">
        <v>9</v>
      </c>
      <c r="W10" s="196">
        <v>20</v>
      </c>
      <c r="X10" s="195">
        <v>20</v>
      </c>
      <c r="Y10" s="190">
        <v>0</v>
      </c>
      <c r="Z10" s="191">
        <v>5</v>
      </c>
      <c r="AA10" s="196">
        <v>5</v>
      </c>
      <c r="AB10" s="193">
        <v>0</v>
      </c>
      <c r="AC10" s="191">
        <v>32</v>
      </c>
      <c r="AD10" s="191">
        <v>23</v>
      </c>
      <c r="AE10" s="191">
        <v>17</v>
      </c>
      <c r="AF10" s="191">
        <v>21</v>
      </c>
      <c r="AG10" s="191">
        <v>11</v>
      </c>
      <c r="AH10" s="196">
        <v>104</v>
      </c>
      <c r="AI10" s="195">
        <v>109</v>
      </c>
      <c r="AJ10" s="190">
        <v>1</v>
      </c>
      <c r="AK10" s="191">
        <v>0</v>
      </c>
      <c r="AL10" s="196">
        <v>1</v>
      </c>
      <c r="AM10" s="193">
        <v>0</v>
      </c>
      <c r="AN10" s="191">
        <v>3</v>
      </c>
      <c r="AO10" s="191">
        <v>5</v>
      </c>
      <c r="AP10" s="191">
        <v>3</v>
      </c>
      <c r="AQ10" s="191">
        <v>6</v>
      </c>
      <c r="AR10" s="191">
        <v>1</v>
      </c>
      <c r="AS10" s="196">
        <v>18</v>
      </c>
      <c r="AT10" s="195">
        <v>19</v>
      </c>
      <c r="AU10" s="190">
        <v>15</v>
      </c>
      <c r="AV10" s="191">
        <v>8</v>
      </c>
      <c r="AW10" s="196">
        <v>23</v>
      </c>
      <c r="AX10" s="193">
        <v>0</v>
      </c>
      <c r="AY10" s="191">
        <v>74</v>
      </c>
      <c r="AZ10" s="191">
        <v>49</v>
      </c>
      <c r="BA10" s="191">
        <v>36</v>
      </c>
      <c r="BB10" s="191">
        <v>52</v>
      </c>
      <c r="BC10" s="191">
        <v>35</v>
      </c>
      <c r="BD10" s="194">
        <v>246</v>
      </c>
      <c r="BE10" s="195">
        <v>269</v>
      </c>
      <c r="BF10" s="190">
        <v>0</v>
      </c>
      <c r="BG10" s="191">
        <v>0</v>
      </c>
      <c r="BH10" s="196">
        <v>0</v>
      </c>
      <c r="BI10" s="193">
        <v>0</v>
      </c>
      <c r="BJ10" s="191">
        <v>81</v>
      </c>
      <c r="BK10" s="191">
        <v>39</v>
      </c>
      <c r="BL10" s="191">
        <v>20</v>
      </c>
      <c r="BM10" s="191">
        <v>11</v>
      </c>
      <c r="BN10" s="191">
        <v>4</v>
      </c>
      <c r="BO10" s="196">
        <v>155</v>
      </c>
      <c r="BP10" s="195">
        <v>155</v>
      </c>
      <c r="BQ10" s="190">
        <v>2</v>
      </c>
      <c r="BR10" s="191">
        <v>3</v>
      </c>
      <c r="BS10" s="196">
        <v>5</v>
      </c>
      <c r="BT10" s="193">
        <v>0</v>
      </c>
      <c r="BU10" s="191">
        <v>20</v>
      </c>
      <c r="BV10" s="191">
        <v>12</v>
      </c>
      <c r="BW10" s="191">
        <v>7</v>
      </c>
      <c r="BX10" s="191">
        <v>5</v>
      </c>
      <c r="BY10" s="191">
        <v>0</v>
      </c>
      <c r="BZ10" s="196">
        <v>44</v>
      </c>
      <c r="CA10" s="195">
        <v>49</v>
      </c>
      <c r="CB10" s="190">
        <v>0</v>
      </c>
      <c r="CC10" s="191">
        <v>0</v>
      </c>
      <c r="CD10" s="196">
        <v>0</v>
      </c>
      <c r="CE10" s="193">
        <v>0</v>
      </c>
      <c r="CF10" s="191">
        <v>12</v>
      </c>
      <c r="CG10" s="191">
        <v>14</v>
      </c>
      <c r="CH10" s="191">
        <v>6</v>
      </c>
      <c r="CI10" s="191">
        <v>9</v>
      </c>
      <c r="CJ10" s="191">
        <v>2</v>
      </c>
      <c r="CK10" s="196">
        <v>43</v>
      </c>
      <c r="CL10" s="195">
        <v>43</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c r="DI10" s="190">
        <v>0</v>
      </c>
      <c r="DJ10" s="191">
        <v>0</v>
      </c>
      <c r="DK10" s="196">
        <v>0</v>
      </c>
      <c r="DL10" s="193">
        <v>0</v>
      </c>
      <c r="DM10" s="191">
        <v>0</v>
      </c>
      <c r="DN10" s="191">
        <v>0</v>
      </c>
      <c r="DO10" s="191">
        <v>0</v>
      </c>
      <c r="DP10" s="191">
        <v>0</v>
      </c>
      <c r="DQ10" s="191">
        <v>0</v>
      </c>
      <c r="DR10" s="196">
        <v>0</v>
      </c>
      <c r="DS10" s="195">
        <v>0</v>
      </c>
      <c r="DT10" s="190">
        <v>19</v>
      </c>
      <c r="DU10" s="191">
        <v>27</v>
      </c>
      <c r="DV10" s="196">
        <v>46</v>
      </c>
      <c r="DW10" s="193">
        <v>0</v>
      </c>
      <c r="DX10" s="191">
        <v>88</v>
      </c>
      <c r="DY10" s="191">
        <v>82</v>
      </c>
      <c r="DZ10" s="191">
        <v>45</v>
      </c>
      <c r="EA10" s="191">
        <v>46</v>
      </c>
      <c r="EB10" s="191">
        <v>21</v>
      </c>
      <c r="EC10" s="196">
        <v>282</v>
      </c>
      <c r="ED10" s="195">
        <v>328</v>
      </c>
      <c r="EE10" s="190">
        <v>13</v>
      </c>
      <c r="EF10" s="191">
        <v>5</v>
      </c>
      <c r="EG10" s="196">
        <v>18</v>
      </c>
      <c r="EH10" s="193">
        <v>0</v>
      </c>
      <c r="EI10" s="191">
        <v>33</v>
      </c>
      <c r="EJ10" s="191">
        <v>23</v>
      </c>
      <c r="EK10" s="191">
        <v>15</v>
      </c>
      <c r="EL10" s="191">
        <v>18</v>
      </c>
      <c r="EM10" s="191">
        <v>16</v>
      </c>
      <c r="EN10" s="196">
        <v>105</v>
      </c>
      <c r="EO10" s="195">
        <v>123</v>
      </c>
      <c r="EP10" s="190">
        <v>21</v>
      </c>
      <c r="EQ10" s="191">
        <v>32</v>
      </c>
      <c r="ER10" s="196">
        <v>53</v>
      </c>
      <c r="ES10" s="193">
        <v>0</v>
      </c>
      <c r="ET10" s="191">
        <v>175</v>
      </c>
      <c r="EU10" s="191">
        <v>111</v>
      </c>
      <c r="EV10" s="191">
        <v>50</v>
      </c>
      <c r="EW10" s="191">
        <v>49</v>
      </c>
      <c r="EX10" s="191">
        <v>18</v>
      </c>
      <c r="EY10" s="196">
        <v>403</v>
      </c>
      <c r="EZ10" s="195">
        <v>456</v>
      </c>
    </row>
    <row r="11" spans="2:156" ht="21" customHeight="1" x14ac:dyDescent="0.2">
      <c r="B11" s="106" t="s">
        <v>8</v>
      </c>
      <c r="C11" s="190">
        <v>0</v>
      </c>
      <c r="D11" s="191">
        <v>0</v>
      </c>
      <c r="E11" s="192">
        <v>0</v>
      </c>
      <c r="F11" s="193">
        <v>0</v>
      </c>
      <c r="G11" s="191">
        <v>17</v>
      </c>
      <c r="H11" s="191">
        <v>23</v>
      </c>
      <c r="I11" s="191">
        <v>15</v>
      </c>
      <c r="J11" s="191">
        <v>15</v>
      </c>
      <c r="K11" s="191">
        <v>9</v>
      </c>
      <c r="L11" s="194">
        <v>79</v>
      </c>
      <c r="M11" s="195">
        <v>79</v>
      </c>
      <c r="N11" s="190">
        <v>0</v>
      </c>
      <c r="O11" s="191">
        <v>0</v>
      </c>
      <c r="P11" s="196">
        <v>0</v>
      </c>
      <c r="Q11" s="193">
        <v>0</v>
      </c>
      <c r="R11" s="191">
        <v>1</v>
      </c>
      <c r="S11" s="191">
        <v>0</v>
      </c>
      <c r="T11" s="191">
        <v>0</v>
      </c>
      <c r="U11" s="191">
        <v>2</v>
      </c>
      <c r="V11" s="191">
        <v>5</v>
      </c>
      <c r="W11" s="196">
        <v>8</v>
      </c>
      <c r="X11" s="195">
        <v>8</v>
      </c>
      <c r="Y11" s="190">
        <v>5</v>
      </c>
      <c r="Z11" s="191">
        <v>5</v>
      </c>
      <c r="AA11" s="196">
        <v>10</v>
      </c>
      <c r="AB11" s="193">
        <v>0</v>
      </c>
      <c r="AC11" s="191">
        <v>18</v>
      </c>
      <c r="AD11" s="191">
        <v>18</v>
      </c>
      <c r="AE11" s="191">
        <v>12</v>
      </c>
      <c r="AF11" s="191">
        <v>18</v>
      </c>
      <c r="AG11" s="191">
        <v>11</v>
      </c>
      <c r="AH11" s="196">
        <v>77</v>
      </c>
      <c r="AI11" s="195">
        <v>87</v>
      </c>
      <c r="AJ11" s="190">
        <v>0</v>
      </c>
      <c r="AK11" s="191">
        <v>2</v>
      </c>
      <c r="AL11" s="196">
        <v>2</v>
      </c>
      <c r="AM11" s="193">
        <v>0</v>
      </c>
      <c r="AN11" s="191">
        <v>4</v>
      </c>
      <c r="AO11" s="191">
        <v>5</v>
      </c>
      <c r="AP11" s="191">
        <v>1</v>
      </c>
      <c r="AQ11" s="191">
        <v>3</v>
      </c>
      <c r="AR11" s="191">
        <v>3</v>
      </c>
      <c r="AS11" s="196">
        <v>16</v>
      </c>
      <c r="AT11" s="195">
        <v>18</v>
      </c>
      <c r="AU11" s="190">
        <v>5</v>
      </c>
      <c r="AV11" s="191">
        <v>2</v>
      </c>
      <c r="AW11" s="196">
        <v>7</v>
      </c>
      <c r="AX11" s="193">
        <v>0</v>
      </c>
      <c r="AY11" s="191">
        <v>34</v>
      </c>
      <c r="AZ11" s="191">
        <v>24</v>
      </c>
      <c r="BA11" s="191">
        <v>23</v>
      </c>
      <c r="BB11" s="191">
        <v>30</v>
      </c>
      <c r="BC11" s="191">
        <v>19</v>
      </c>
      <c r="BD11" s="194">
        <v>130</v>
      </c>
      <c r="BE11" s="195">
        <v>137</v>
      </c>
      <c r="BF11" s="190">
        <v>0</v>
      </c>
      <c r="BG11" s="191">
        <v>0</v>
      </c>
      <c r="BH11" s="196">
        <v>0</v>
      </c>
      <c r="BI11" s="193">
        <v>0</v>
      </c>
      <c r="BJ11" s="191">
        <v>28</v>
      </c>
      <c r="BK11" s="191">
        <v>26</v>
      </c>
      <c r="BL11" s="191">
        <v>16</v>
      </c>
      <c r="BM11" s="191">
        <v>9</v>
      </c>
      <c r="BN11" s="191">
        <v>4</v>
      </c>
      <c r="BO11" s="196">
        <v>83</v>
      </c>
      <c r="BP11" s="195">
        <v>83</v>
      </c>
      <c r="BQ11" s="190">
        <v>4</v>
      </c>
      <c r="BR11" s="191">
        <v>4</v>
      </c>
      <c r="BS11" s="196">
        <v>8</v>
      </c>
      <c r="BT11" s="193">
        <v>0</v>
      </c>
      <c r="BU11" s="191">
        <v>15</v>
      </c>
      <c r="BV11" s="191">
        <v>8</v>
      </c>
      <c r="BW11" s="191">
        <v>10</v>
      </c>
      <c r="BX11" s="191">
        <v>5</v>
      </c>
      <c r="BY11" s="191">
        <v>3</v>
      </c>
      <c r="BZ11" s="196">
        <v>41</v>
      </c>
      <c r="CA11" s="195">
        <v>49</v>
      </c>
      <c r="CB11" s="190">
        <v>0</v>
      </c>
      <c r="CC11" s="191">
        <v>0</v>
      </c>
      <c r="CD11" s="196">
        <v>0</v>
      </c>
      <c r="CE11" s="193">
        <v>0</v>
      </c>
      <c r="CF11" s="191">
        <v>5</v>
      </c>
      <c r="CG11" s="191">
        <v>8</v>
      </c>
      <c r="CH11" s="191">
        <v>12</v>
      </c>
      <c r="CI11" s="191">
        <v>4</v>
      </c>
      <c r="CJ11" s="191">
        <v>4</v>
      </c>
      <c r="CK11" s="196">
        <v>33</v>
      </c>
      <c r="CL11" s="195">
        <v>33</v>
      </c>
      <c r="CM11" s="190">
        <v>0</v>
      </c>
      <c r="CN11" s="191">
        <v>0</v>
      </c>
      <c r="CO11" s="196">
        <v>0</v>
      </c>
      <c r="CP11" s="193">
        <v>0</v>
      </c>
      <c r="CQ11" s="191">
        <v>1</v>
      </c>
      <c r="CR11" s="191">
        <v>1</v>
      </c>
      <c r="CS11" s="191">
        <v>0</v>
      </c>
      <c r="CT11" s="191">
        <v>2</v>
      </c>
      <c r="CU11" s="191">
        <v>0</v>
      </c>
      <c r="CV11" s="196">
        <v>4</v>
      </c>
      <c r="CW11" s="195">
        <v>4</v>
      </c>
      <c r="CX11" s="190">
        <v>0</v>
      </c>
      <c r="CY11" s="191">
        <v>0</v>
      </c>
      <c r="CZ11" s="196">
        <v>0</v>
      </c>
      <c r="DA11" s="193">
        <v>0</v>
      </c>
      <c r="DB11" s="191">
        <v>0</v>
      </c>
      <c r="DC11" s="191">
        <v>0</v>
      </c>
      <c r="DD11" s="191">
        <v>0</v>
      </c>
      <c r="DE11" s="191">
        <v>0</v>
      </c>
      <c r="DF11" s="191">
        <v>0</v>
      </c>
      <c r="DG11" s="196">
        <v>0</v>
      </c>
      <c r="DH11" s="195">
        <v>0</v>
      </c>
      <c r="DI11" s="190">
        <v>0</v>
      </c>
      <c r="DJ11" s="191">
        <v>0</v>
      </c>
      <c r="DK11" s="196">
        <v>0</v>
      </c>
      <c r="DL11" s="193">
        <v>0</v>
      </c>
      <c r="DM11" s="191">
        <v>0</v>
      </c>
      <c r="DN11" s="191">
        <v>0</v>
      </c>
      <c r="DO11" s="191">
        <v>0</v>
      </c>
      <c r="DP11" s="191">
        <v>0</v>
      </c>
      <c r="DQ11" s="191">
        <v>0</v>
      </c>
      <c r="DR11" s="196">
        <v>0</v>
      </c>
      <c r="DS11" s="195">
        <v>0</v>
      </c>
      <c r="DT11" s="190">
        <v>20</v>
      </c>
      <c r="DU11" s="191">
        <v>20</v>
      </c>
      <c r="DV11" s="196">
        <v>40</v>
      </c>
      <c r="DW11" s="193">
        <v>0</v>
      </c>
      <c r="DX11" s="191">
        <v>56</v>
      </c>
      <c r="DY11" s="191">
        <v>69</v>
      </c>
      <c r="DZ11" s="191">
        <v>42</v>
      </c>
      <c r="EA11" s="191">
        <v>31</v>
      </c>
      <c r="EB11" s="191">
        <v>20</v>
      </c>
      <c r="EC11" s="196">
        <v>218</v>
      </c>
      <c r="ED11" s="195">
        <v>258</v>
      </c>
      <c r="EE11" s="190">
        <v>6</v>
      </c>
      <c r="EF11" s="191">
        <v>2</v>
      </c>
      <c r="EG11" s="196">
        <v>8</v>
      </c>
      <c r="EH11" s="193">
        <v>0</v>
      </c>
      <c r="EI11" s="191">
        <v>15</v>
      </c>
      <c r="EJ11" s="191">
        <v>11</v>
      </c>
      <c r="EK11" s="191">
        <v>5</v>
      </c>
      <c r="EL11" s="191">
        <v>13</v>
      </c>
      <c r="EM11" s="191">
        <v>5</v>
      </c>
      <c r="EN11" s="196">
        <v>49</v>
      </c>
      <c r="EO11" s="195">
        <v>57</v>
      </c>
      <c r="EP11" s="190">
        <v>28</v>
      </c>
      <c r="EQ11" s="191">
        <v>24</v>
      </c>
      <c r="ER11" s="196">
        <v>52</v>
      </c>
      <c r="ES11" s="193">
        <v>0</v>
      </c>
      <c r="ET11" s="191">
        <v>103</v>
      </c>
      <c r="EU11" s="191">
        <v>84</v>
      </c>
      <c r="EV11" s="191">
        <v>42</v>
      </c>
      <c r="EW11" s="191">
        <v>26</v>
      </c>
      <c r="EX11" s="191">
        <v>18</v>
      </c>
      <c r="EY11" s="196">
        <v>273</v>
      </c>
      <c r="EZ11" s="195">
        <v>325</v>
      </c>
    </row>
    <row r="12" spans="2:156" ht="21" customHeight="1" x14ac:dyDescent="0.2">
      <c r="B12" s="106" t="s">
        <v>9</v>
      </c>
      <c r="C12" s="190">
        <v>0</v>
      </c>
      <c r="D12" s="191">
        <v>0</v>
      </c>
      <c r="E12" s="192">
        <v>0</v>
      </c>
      <c r="F12" s="193">
        <v>0</v>
      </c>
      <c r="G12" s="191">
        <v>66</v>
      </c>
      <c r="H12" s="191">
        <v>52</v>
      </c>
      <c r="I12" s="191">
        <v>38</v>
      </c>
      <c r="J12" s="191">
        <v>37</v>
      </c>
      <c r="K12" s="191">
        <v>19</v>
      </c>
      <c r="L12" s="194">
        <v>212</v>
      </c>
      <c r="M12" s="195">
        <v>212</v>
      </c>
      <c r="N12" s="190">
        <v>0</v>
      </c>
      <c r="O12" s="191">
        <v>0</v>
      </c>
      <c r="P12" s="196">
        <v>0</v>
      </c>
      <c r="Q12" s="193">
        <v>0</v>
      </c>
      <c r="R12" s="191">
        <v>1</v>
      </c>
      <c r="S12" s="191">
        <v>0</v>
      </c>
      <c r="T12" s="191">
        <v>3</v>
      </c>
      <c r="U12" s="191">
        <v>7</v>
      </c>
      <c r="V12" s="191">
        <v>11</v>
      </c>
      <c r="W12" s="196">
        <v>22</v>
      </c>
      <c r="X12" s="195">
        <v>22</v>
      </c>
      <c r="Y12" s="190">
        <v>14</v>
      </c>
      <c r="Z12" s="191">
        <v>17</v>
      </c>
      <c r="AA12" s="196">
        <v>31</v>
      </c>
      <c r="AB12" s="193">
        <v>0</v>
      </c>
      <c r="AC12" s="191">
        <v>55</v>
      </c>
      <c r="AD12" s="191">
        <v>49</v>
      </c>
      <c r="AE12" s="191">
        <v>35</v>
      </c>
      <c r="AF12" s="191">
        <v>24</v>
      </c>
      <c r="AG12" s="191">
        <v>20</v>
      </c>
      <c r="AH12" s="196">
        <v>183</v>
      </c>
      <c r="AI12" s="195">
        <v>214</v>
      </c>
      <c r="AJ12" s="190">
        <v>0</v>
      </c>
      <c r="AK12" s="191">
        <v>1</v>
      </c>
      <c r="AL12" s="196">
        <v>1</v>
      </c>
      <c r="AM12" s="193">
        <v>0</v>
      </c>
      <c r="AN12" s="191">
        <v>4</v>
      </c>
      <c r="AO12" s="191">
        <v>8</v>
      </c>
      <c r="AP12" s="191">
        <v>8</v>
      </c>
      <c r="AQ12" s="191">
        <v>6</v>
      </c>
      <c r="AR12" s="191">
        <v>5</v>
      </c>
      <c r="AS12" s="196">
        <v>31</v>
      </c>
      <c r="AT12" s="195">
        <v>32</v>
      </c>
      <c r="AU12" s="190">
        <v>20</v>
      </c>
      <c r="AV12" s="191">
        <v>10</v>
      </c>
      <c r="AW12" s="196">
        <v>30</v>
      </c>
      <c r="AX12" s="193">
        <v>0</v>
      </c>
      <c r="AY12" s="191">
        <v>58</v>
      </c>
      <c r="AZ12" s="191">
        <v>77</v>
      </c>
      <c r="BA12" s="191">
        <v>69</v>
      </c>
      <c r="BB12" s="191">
        <v>65</v>
      </c>
      <c r="BC12" s="191">
        <v>36</v>
      </c>
      <c r="BD12" s="194">
        <v>305</v>
      </c>
      <c r="BE12" s="195">
        <v>335</v>
      </c>
      <c r="BF12" s="190">
        <v>0</v>
      </c>
      <c r="BG12" s="191">
        <v>0</v>
      </c>
      <c r="BH12" s="196">
        <v>0</v>
      </c>
      <c r="BI12" s="193">
        <v>0</v>
      </c>
      <c r="BJ12" s="191">
        <v>65</v>
      </c>
      <c r="BK12" s="191">
        <v>43</v>
      </c>
      <c r="BL12" s="191">
        <v>23</v>
      </c>
      <c r="BM12" s="191">
        <v>11</v>
      </c>
      <c r="BN12" s="191">
        <v>4</v>
      </c>
      <c r="BO12" s="196">
        <v>146</v>
      </c>
      <c r="BP12" s="195">
        <v>146</v>
      </c>
      <c r="BQ12" s="190">
        <v>7</v>
      </c>
      <c r="BR12" s="191">
        <v>9</v>
      </c>
      <c r="BS12" s="196">
        <v>16</v>
      </c>
      <c r="BT12" s="193">
        <v>0</v>
      </c>
      <c r="BU12" s="191">
        <v>21</v>
      </c>
      <c r="BV12" s="191">
        <v>15</v>
      </c>
      <c r="BW12" s="191">
        <v>9</v>
      </c>
      <c r="BX12" s="191">
        <v>7</v>
      </c>
      <c r="BY12" s="191">
        <v>3</v>
      </c>
      <c r="BZ12" s="196">
        <v>55</v>
      </c>
      <c r="CA12" s="195">
        <v>71</v>
      </c>
      <c r="CB12" s="190">
        <v>0</v>
      </c>
      <c r="CC12" s="191">
        <v>0</v>
      </c>
      <c r="CD12" s="196">
        <v>0</v>
      </c>
      <c r="CE12" s="193">
        <v>0</v>
      </c>
      <c r="CF12" s="191">
        <v>6</v>
      </c>
      <c r="CG12" s="191">
        <v>7</v>
      </c>
      <c r="CH12" s="191">
        <v>14</v>
      </c>
      <c r="CI12" s="191">
        <v>5</v>
      </c>
      <c r="CJ12" s="191">
        <v>3</v>
      </c>
      <c r="CK12" s="196">
        <v>35</v>
      </c>
      <c r="CL12" s="195">
        <v>35</v>
      </c>
      <c r="CM12" s="190">
        <v>0</v>
      </c>
      <c r="CN12" s="191">
        <v>0</v>
      </c>
      <c r="CO12" s="196">
        <v>0</v>
      </c>
      <c r="CP12" s="193">
        <v>0</v>
      </c>
      <c r="CQ12" s="191">
        <v>1</v>
      </c>
      <c r="CR12" s="191">
        <v>1</v>
      </c>
      <c r="CS12" s="191">
        <v>6</v>
      </c>
      <c r="CT12" s="191">
        <v>1</v>
      </c>
      <c r="CU12" s="191">
        <v>0</v>
      </c>
      <c r="CV12" s="196">
        <v>9</v>
      </c>
      <c r="CW12" s="195">
        <v>9</v>
      </c>
      <c r="CX12" s="190">
        <v>0</v>
      </c>
      <c r="CY12" s="191">
        <v>0</v>
      </c>
      <c r="CZ12" s="196">
        <v>0</v>
      </c>
      <c r="DA12" s="193">
        <v>0</v>
      </c>
      <c r="DB12" s="191">
        <v>0</v>
      </c>
      <c r="DC12" s="191">
        <v>0</v>
      </c>
      <c r="DD12" s="191">
        <v>0</v>
      </c>
      <c r="DE12" s="191">
        <v>0</v>
      </c>
      <c r="DF12" s="191">
        <v>0</v>
      </c>
      <c r="DG12" s="196">
        <v>0</v>
      </c>
      <c r="DH12" s="195">
        <v>0</v>
      </c>
      <c r="DI12" s="190">
        <v>0</v>
      </c>
      <c r="DJ12" s="191">
        <v>0</v>
      </c>
      <c r="DK12" s="196">
        <v>0</v>
      </c>
      <c r="DL12" s="193">
        <v>0</v>
      </c>
      <c r="DM12" s="191">
        <v>0</v>
      </c>
      <c r="DN12" s="191">
        <v>0</v>
      </c>
      <c r="DO12" s="191">
        <v>0</v>
      </c>
      <c r="DP12" s="191">
        <v>0</v>
      </c>
      <c r="DQ12" s="191">
        <v>0</v>
      </c>
      <c r="DR12" s="196">
        <v>0</v>
      </c>
      <c r="DS12" s="195">
        <v>0</v>
      </c>
      <c r="DT12" s="190">
        <v>31</v>
      </c>
      <c r="DU12" s="191">
        <v>38</v>
      </c>
      <c r="DV12" s="196">
        <v>69</v>
      </c>
      <c r="DW12" s="193">
        <v>0</v>
      </c>
      <c r="DX12" s="191">
        <v>98</v>
      </c>
      <c r="DY12" s="191">
        <v>111</v>
      </c>
      <c r="DZ12" s="191">
        <v>77</v>
      </c>
      <c r="EA12" s="191">
        <v>50</v>
      </c>
      <c r="EB12" s="191">
        <v>34</v>
      </c>
      <c r="EC12" s="196">
        <v>370</v>
      </c>
      <c r="ED12" s="195">
        <v>439</v>
      </c>
      <c r="EE12" s="190">
        <v>16</v>
      </c>
      <c r="EF12" s="191">
        <v>7</v>
      </c>
      <c r="EG12" s="196">
        <v>23</v>
      </c>
      <c r="EH12" s="193">
        <v>0</v>
      </c>
      <c r="EI12" s="191">
        <v>29</v>
      </c>
      <c r="EJ12" s="191">
        <v>32</v>
      </c>
      <c r="EK12" s="191">
        <v>28</v>
      </c>
      <c r="EL12" s="191">
        <v>23</v>
      </c>
      <c r="EM12" s="191">
        <v>9</v>
      </c>
      <c r="EN12" s="196">
        <v>121</v>
      </c>
      <c r="EO12" s="195">
        <v>144</v>
      </c>
      <c r="EP12" s="190">
        <v>47</v>
      </c>
      <c r="EQ12" s="191">
        <v>50</v>
      </c>
      <c r="ER12" s="196">
        <v>97</v>
      </c>
      <c r="ES12" s="193">
        <v>0</v>
      </c>
      <c r="ET12" s="191">
        <v>187</v>
      </c>
      <c r="EU12" s="191">
        <v>142</v>
      </c>
      <c r="EV12" s="191">
        <v>89</v>
      </c>
      <c r="EW12" s="191">
        <v>52</v>
      </c>
      <c r="EX12" s="191">
        <v>29</v>
      </c>
      <c r="EY12" s="196">
        <v>499</v>
      </c>
      <c r="EZ12" s="195">
        <v>596</v>
      </c>
    </row>
    <row r="13" spans="2:156" ht="21" customHeight="1" x14ac:dyDescent="0.2">
      <c r="B13" s="106" t="s">
        <v>10</v>
      </c>
      <c r="C13" s="190">
        <v>0</v>
      </c>
      <c r="D13" s="191">
        <v>0</v>
      </c>
      <c r="E13" s="192">
        <v>0</v>
      </c>
      <c r="F13" s="193">
        <v>0</v>
      </c>
      <c r="G13" s="191">
        <v>89</v>
      </c>
      <c r="H13" s="191">
        <v>55</v>
      </c>
      <c r="I13" s="191">
        <v>45</v>
      </c>
      <c r="J13" s="191">
        <v>29</v>
      </c>
      <c r="K13" s="191">
        <v>16</v>
      </c>
      <c r="L13" s="194">
        <v>234</v>
      </c>
      <c r="M13" s="195">
        <v>234</v>
      </c>
      <c r="N13" s="190">
        <v>0</v>
      </c>
      <c r="O13" s="191">
        <v>0</v>
      </c>
      <c r="P13" s="196">
        <v>0</v>
      </c>
      <c r="Q13" s="193">
        <v>0</v>
      </c>
      <c r="R13" s="191">
        <v>0</v>
      </c>
      <c r="S13" s="191">
        <v>2</v>
      </c>
      <c r="T13" s="191">
        <v>4</v>
      </c>
      <c r="U13" s="191">
        <v>7</v>
      </c>
      <c r="V13" s="191">
        <v>5</v>
      </c>
      <c r="W13" s="196">
        <v>18</v>
      </c>
      <c r="X13" s="195">
        <v>18</v>
      </c>
      <c r="Y13" s="190">
        <v>17</v>
      </c>
      <c r="Z13" s="191">
        <v>25</v>
      </c>
      <c r="AA13" s="196">
        <v>42</v>
      </c>
      <c r="AB13" s="193">
        <v>0</v>
      </c>
      <c r="AC13" s="191">
        <v>69</v>
      </c>
      <c r="AD13" s="191">
        <v>54</v>
      </c>
      <c r="AE13" s="191">
        <v>31</v>
      </c>
      <c r="AF13" s="191">
        <v>21</v>
      </c>
      <c r="AG13" s="191">
        <v>9</v>
      </c>
      <c r="AH13" s="196">
        <v>184</v>
      </c>
      <c r="AI13" s="195">
        <v>226</v>
      </c>
      <c r="AJ13" s="190">
        <v>1</v>
      </c>
      <c r="AK13" s="191">
        <v>2</v>
      </c>
      <c r="AL13" s="196">
        <v>3</v>
      </c>
      <c r="AM13" s="193">
        <v>0</v>
      </c>
      <c r="AN13" s="191">
        <v>8</v>
      </c>
      <c r="AO13" s="191">
        <v>8</v>
      </c>
      <c r="AP13" s="191">
        <v>6</v>
      </c>
      <c r="AQ13" s="191">
        <v>1</v>
      </c>
      <c r="AR13" s="191">
        <v>2</v>
      </c>
      <c r="AS13" s="196">
        <v>25</v>
      </c>
      <c r="AT13" s="195">
        <v>28</v>
      </c>
      <c r="AU13" s="190">
        <v>23</v>
      </c>
      <c r="AV13" s="191">
        <v>21</v>
      </c>
      <c r="AW13" s="196">
        <v>44</v>
      </c>
      <c r="AX13" s="193">
        <v>0</v>
      </c>
      <c r="AY13" s="191">
        <v>100</v>
      </c>
      <c r="AZ13" s="191">
        <v>92</v>
      </c>
      <c r="BA13" s="191">
        <v>91</v>
      </c>
      <c r="BB13" s="191">
        <v>75</v>
      </c>
      <c r="BC13" s="191">
        <v>70</v>
      </c>
      <c r="BD13" s="194">
        <v>428</v>
      </c>
      <c r="BE13" s="195">
        <v>472</v>
      </c>
      <c r="BF13" s="190">
        <v>0</v>
      </c>
      <c r="BG13" s="191">
        <v>0</v>
      </c>
      <c r="BH13" s="196">
        <v>0</v>
      </c>
      <c r="BI13" s="193">
        <v>0</v>
      </c>
      <c r="BJ13" s="191">
        <v>130</v>
      </c>
      <c r="BK13" s="191">
        <v>62</v>
      </c>
      <c r="BL13" s="191">
        <v>44</v>
      </c>
      <c r="BM13" s="191">
        <v>13</v>
      </c>
      <c r="BN13" s="191">
        <v>6</v>
      </c>
      <c r="BO13" s="196">
        <v>255</v>
      </c>
      <c r="BP13" s="195">
        <v>255</v>
      </c>
      <c r="BQ13" s="190">
        <v>4</v>
      </c>
      <c r="BR13" s="191">
        <v>6</v>
      </c>
      <c r="BS13" s="196">
        <v>10</v>
      </c>
      <c r="BT13" s="193">
        <v>0</v>
      </c>
      <c r="BU13" s="191">
        <v>19</v>
      </c>
      <c r="BV13" s="191">
        <v>22</v>
      </c>
      <c r="BW13" s="191">
        <v>9</v>
      </c>
      <c r="BX13" s="191">
        <v>2</v>
      </c>
      <c r="BY13" s="191">
        <v>2</v>
      </c>
      <c r="BZ13" s="196">
        <v>54</v>
      </c>
      <c r="CA13" s="195">
        <v>64</v>
      </c>
      <c r="CB13" s="190">
        <v>0</v>
      </c>
      <c r="CC13" s="191">
        <v>4</v>
      </c>
      <c r="CD13" s="196">
        <v>4</v>
      </c>
      <c r="CE13" s="193">
        <v>0</v>
      </c>
      <c r="CF13" s="191">
        <v>13</v>
      </c>
      <c r="CG13" s="191">
        <v>15</v>
      </c>
      <c r="CH13" s="191">
        <v>12</v>
      </c>
      <c r="CI13" s="191">
        <v>8</v>
      </c>
      <c r="CJ13" s="191">
        <v>1</v>
      </c>
      <c r="CK13" s="196">
        <v>49</v>
      </c>
      <c r="CL13" s="195">
        <v>53</v>
      </c>
      <c r="CM13" s="190">
        <v>0</v>
      </c>
      <c r="CN13" s="191">
        <v>0</v>
      </c>
      <c r="CO13" s="196">
        <v>0</v>
      </c>
      <c r="CP13" s="193">
        <v>0</v>
      </c>
      <c r="CQ13" s="191">
        <v>0</v>
      </c>
      <c r="CR13" s="191">
        <v>3</v>
      </c>
      <c r="CS13" s="191">
        <v>0</v>
      </c>
      <c r="CT13" s="191">
        <v>0</v>
      </c>
      <c r="CU13" s="191">
        <v>1</v>
      </c>
      <c r="CV13" s="196">
        <v>4</v>
      </c>
      <c r="CW13" s="195">
        <v>4</v>
      </c>
      <c r="CX13" s="190">
        <v>0</v>
      </c>
      <c r="CY13" s="191">
        <v>0</v>
      </c>
      <c r="CZ13" s="196">
        <v>0</v>
      </c>
      <c r="DA13" s="193">
        <v>0</v>
      </c>
      <c r="DB13" s="191">
        <v>0</v>
      </c>
      <c r="DC13" s="191">
        <v>0</v>
      </c>
      <c r="DD13" s="191">
        <v>0</v>
      </c>
      <c r="DE13" s="191">
        <v>0</v>
      </c>
      <c r="DF13" s="191">
        <v>0</v>
      </c>
      <c r="DG13" s="196">
        <v>0</v>
      </c>
      <c r="DH13" s="195">
        <v>0</v>
      </c>
      <c r="DI13" s="190">
        <v>0</v>
      </c>
      <c r="DJ13" s="191">
        <v>0</v>
      </c>
      <c r="DK13" s="196">
        <v>0</v>
      </c>
      <c r="DL13" s="193">
        <v>0</v>
      </c>
      <c r="DM13" s="191">
        <v>0</v>
      </c>
      <c r="DN13" s="191">
        <v>0</v>
      </c>
      <c r="DO13" s="191">
        <v>0</v>
      </c>
      <c r="DP13" s="191">
        <v>0</v>
      </c>
      <c r="DQ13" s="191">
        <v>0</v>
      </c>
      <c r="DR13" s="196">
        <v>0</v>
      </c>
      <c r="DS13" s="195">
        <v>0</v>
      </c>
      <c r="DT13" s="190">
        <v>52</v>
      </c>
      <c r="DU13" s="191">
        <v>98</v>
      </c>
      <c r="DV13" s="196">
        <v>150</v>
      </c>
      <c r="DW13" s="193">
        <v>0</v>
      </c>
      <c r="DX13" s="191">
        <v>130</v>
      </c>
      <c r="DY13" s="191">
        <v>126</v>
      </c>
      <c r="DZ13" s="191">
        <v>78</v>
      </c>
      <c r="EA13" s="191">
        <v>45</v>
      </c>
      <c r="EB13" s="191">
        <v>29</v>
      </c>
      <c r="EC13" s="196">
        <v>408</v>
      </c>
      <c r="ED13" s="195">
        <v>558</v>
      </c>
      <c r="EE13" s="190">
        <v>12</v>
      </c>
      <c r="EF13" s="191">
        <v>9</v>
      </c>
      <c r="EG13" s="196">
        <v>21</v>
      </c>
      <c r="EH13" s="193">
        <v>0</v>
      </c>
      <c r="EI13" s="191">
        <v>33</v>
      </c>
      <c r="EJ13" s="191">
        <v>25</v>
      </c>
      <c r="EK13" s="191">
        <v>28</v>
      </c>
      <c r="EL13" s="191">
        <v>34</v>
      </c>
      <c r="EM13" s="191">
        <v>29</v>
      </c>
      <c r="EN13" s="196">
        <v>149</v>
      </c>
      <c r="EO13" s="195">
        <v>170</v>
      </c>
      <c r="EP13" s="190">
        <v>69</v>
      </c>
      <c r="EQ13" s="191">
        <v>114</v>
      </c>
      <c r="ER13" s="196">
        <v>183</v>
      </c>
      <c r="ES13" s="193">
        <v>0</v>
      </c>
      <c r="ET13" s="191">
        <v>245</v>
      </c>
      <c r="EU13" s="191">
        <v>155</v>
      </c>
      <c r="EV13" s="191">
        <v>88</v>
      </c>
      <c r="EW13" s="191">
        <v>50</v>
      </c>
      <c r="EX13" s="191">
        <v>25</v>
      </c>
      <c r="EY13" s="196">
        <v>563</v>
      </c>
      <c r="EZ13" s="195">
        <v>746</v>
      </c>
    </row>
    <row r="14" spans="2:156" ht="21" customHeight="1" x14ac:dyDescent="0.2">
      <c r="B14" s="106" t="s">
        <v>11</v>
      </c>
      <c r="C14" s="190">
        <v>0</v>
      </c>
      <c r="D14" s="191">
        <v>0</v>
      </c>
      <c r="E14" s="192">
        <v>0</v>
      </c>
      <c r="F14" s="193">
        <v>0</v>
      </c>
      <c r="G14" s="191">
        <v>12</v>
      </c>
      <c r="H14" s="191">
        <v>10</v>
      </c>
      <c r="I14" s="191">
        <v>6</v>
      </c>
      <c r="J14" s="191">
        <v>12</v>
      </c>
      <c r="K14" s="191">
        <v>3</v>
      </c>
      <c r="L14" s="194">
        <v>43</v>
      </c>
      <c r="M14" s="195">
        <v>43</v>
      </c>
      <c r="N14" s="190">
        <v>0</v>
      </c>
      <c r="O14" s="191">
        <v>0</v>
      </c>
      <c r="P14" s="196">
        <v>0</v>
      </c>
      <c r="Q14" s="193">
        <v>0</v>
      </c>
      <c r="R14" s="191">
        <v>0</v>
      </c>
      <c r="S14" s="191">
        <v>0</v>
      </c>
      <c r="T14" s="191">
        <v>0</v>
      </c>
      <c r="U14" s="191">
        <v>3</v>
      </c>
      <c r="V14" s="191">
        <v>1</v>
      </c>
      <c r="W14" s="196">
        <v>4</v>
      </c>
      <c r="X14" s="195">
        <v>4</v>
      </c>
      <c r="Y14" s="190">
        <v>3</v>
      </c>
      <c r="Z14" s="191">
        <v>3</v>
      </c>
      <c r="AA14" s="196">
        <v>6</v>
      </c>
      <c r="AB14" s="193">
        <v>0</v>
      </c>
      <c r="AC14" s="191">
        <v>24</v>
      </c>
      <c r="AD14" s="191">
        <v>13</v>
      </c>
      <c r="AE14" s="191">
        <v>5</v>
      </c>
      <c r="AF14" s="191">
        <v>14</v>
      </c>
      <c r="AG14" s="191">
        <v>7</v>
      </c>
      <c r="AH14" s="196">
        <v>63</v>
      </c>
      <c r="AI14" s="195">
        <v>69</v>
      </c>
      <c r="AJ14" s="190">
        <v>0</v>
      </c>
      <c r="AK14" s="191">
        <v>0</v>
      </c>
      <c r="AL14" s="196">
        <v>0</v>
      </c>
      <c r="AM14" s="193">
        <v>0</v>
      </c>
      <c r="AN14" s="191">
        <v>3</v>
      </c>
      <c r="AO14" s="191">
        <v>4</v>
      </c>
      <c r="AP14" s="191">
        <v>0</v>
      </c>
      <c r="AQ14" s="191">
        <v>1</v>
      </c>
      <c r="AR14" s="191">
        <v>1</v>
      </c>
      <c r="AS14" s="196">
        <v>9</v>
      </c>
      <c r="AT14" s="195">
        <v>9</v>
      </c>
      <c r="AU14" s="190">
        <v>4</v>
      </c>
      <c r="AV14" s="191">
        <v>5</v>
      </c>
      <c r="AW14" s="196">
        <v>9</v>
      </c>
      <c r="AX14" s="193">
        <v>0</v>
      </c>
      <c r="AY14" s="191">
        <v>22</v>
      </c>
      <c r="AZ14" s="191">
        <v>27</v>
      </c>
      <c r="BA14" s="191">
        <v>18</v>
      </c>
      <c r="BB14" s="191">
        <v>27</v>
      </c>
      <c r="BC14" s="191">
        <v>14</v>
      </c>
      <c r="BD14" s="194">
        <v>108</v>
      </c>
      <c r="BE14" s="195">
        <v>117</v>
      </c>
      <c r="BF14" s="190">
        <v>0</v>
      </c>
      <c r="BG14" s="191">
        <v>0</v>
      </c>
      <c r="BH14" s="196">
        <v>0</v>
      </c>
      <c r="BI14" s="193">
        <v>0</v>
      </c>
      <c r="BJ14" s="191">
        <v>20</v>
      </c>
      <c r="BK14" s="191">
        <v>14</v>
      </c>
      <c r="BL14" s="191">
        <v>8</v>
      </c>
      <c r="BM14" s="191">
        <v>6</v>
      </c>
      <c r="BN14" s="191">
        <v>3</v>
      </c>
      <c r="BO14" s="196">
        <v>51</v>
      </c>
      <c r="BP14" s="195">
        <v>51</v>
      </c>
      <c r="BQ14" s="190">
        <v>1</v>
      </c>
      <c r="BR14" s="191">
        <v>5</v>
      </c>
      <c r="BS14" s="196">
        <v>6</v>
      </c>
      <c r="BT14" s="193">
        <v>0</v>
      </c>
      <c r="BU14" s="191">
        <v>11</v>
      </c>
      <c r="BV14" s="191">
        <v>6</v>
      </c>
      <c r="BW14" s="191">
        <v>11</v>
      </c>
      <c r="BX14" s="191">
        <v>2</v>
      </c>
      <c r="BY14" s="191">
        <v>0</v>
      </c>
      <c r="BZ14" s="196">
        <v>30</v>
      </c>
      <c r="CA14" s="195">
        <v>36</v>
      </c>
      <c r="CB14" s="190">
        <v>0</v>
      </c>
      <c r="CC14" s="191">
        <v>0</v>
      </c>
      <c r="CD14" s="196">
        <v>0</v>
      </c>
      <c r="CE14" s="193">
        <v>0</v>
      </c>
      <c r="CF14" s="191">
        <v>5</v>
      </c>
      <c r="CG14" s="191">
        <v>1</v>
      </c>
      <c r="CH14" s="191">
        <v>0</v>
      </c>
      <c r="CI14" s="191">
        <v>1</v>
      </c>
      <c r="CJ14" s="191">
        <v>3</v>
      </c>
      <c r="CK14" s="196">
        <v>10</v>
      </c>
      <c r="CL14" s="195">
        <v>10</v>
      </c>
      <c r="CM14" s="190">
        <v>0</v>
      </c>
      <c r="CN14" s="191">
        <v>0</v>
      </c>
      <c r="CO14" s="196">
        <v>0</v>
      </c>
      <c r="CP14" s="193">
        <v>0</v>
      </c>
      <c r="CQ14" s="191">
        <v>0</v>
      </c>
      <c r="CR14" s="191">
        <v>0</v>
      </c>
      <c r="CS14" s="191">
        <v>2</v>
      </c>
      <c r="CT14" s="191">
        <v>0</v>
      </c>
      <c r="CU14" s="191">
        <v>2</v>
      </c>
      <c r="CV14" s="196">
        <v>4</v>
      </c>
      <c r="CW14" s="195">
        <v>4</v>
      </c>
      <c r="CX14" s="190">
        <v>0</v>
      </c>
      <c r="CY14" s="191">
        <v>0</v>
      </c>
      <c r="CZ14" s="196">
        <v>0</v>
      </c>
      <c r="DA14" s="193">
        <v>0</v>
      </c>
      <c r="DB14" s="191">
        <v>0</v>
      </c>
      <c r="DC14" s="191">
        <v>0</v>
      </c>
      <c r="DD14" s="191">
        <v>0</v>
      </c>
      <c r="DE14" s="191">
        <v>0</v>
      </c>
      <c r="DF14" s="191">
        <v>0</v>
      </c>
      <c r="DG14" s="196">
        <v>0</v>
      </c>
      <c r="DH14" s="195">
        <v>0</v>
      </c>
      <c r="DI14" s="190">
        <v>0</v>
      </c>
      <c r="DJ14" s="191">
        <v>0</v>
      </c>
      <c r="DK14" s="196">
        <v>0</v>
      </c>
      <c r="DL14" s="193">
        <v>0</v>
      </c>
      <c r="DM14" s="191">
        <v>0</v>
      </c>
      <c r="DN14" s="191">
        <v>0</v>
      </c>
      <c r="DO14" s="191">
        <v>0</v>
      </c>
      <c r="DP14" s="191">
        <v>0</v>
      </c>
      <c r="DQ14" s="191">
        <v>0</v>
      </c>
      <c r="DR14" s="196">
        <v>0</v>
      </c>
      <c r="DS14" s="195">
        <v>0</v>
      </c>
      <c r="DT14" s="190">
        <v>19</v>
      </c>
      <c r="DU14" s="191">
        <v>18</v>
      </c>
      <c r="DV14" s="196">
        <v>37</v>
      </c>
      <c r="DW14" s="193">
        <v>0</v>
      </c>
      <c r="DX14" s="191">
        <v>45</v>
      </c>
      <c r="DY14" s="191">
        <v>37</v>
      </c>
      <c r="DZ14" s="191">
        <v>30</v>
      </c>
      <c r="EA14" s="191">
        <v>27</v>
      </c>
      <c r="EB14" s="191">
        <v>9</v>
      </c>
      <c r="EC14" s="196">
        <v>148</v>
      </c>
      <c r="ED14" s="195">
        <v>185</v>
      </c>
      <c r="EE14" s="190">
        <v>3</v>
      </c>
      <c r="EF14" s="191">
        <v>3</v>
      </c>
      <c r="EG14" s="196">
        <v>6</v>
      </c>
      <c r="EH14" s="193">
        <v>0</v>
      </c>
      <c r="EI14" s="191">
        <v>20</v>
      </c>
      <c r="EJ14" s="191">
        <v>12</v>
      </c>
      <c r="EK14" s="191">
        <v>11</v>
      </c>
      <c r="EL14" s="191">
        <v>15</v>
      </c>
      <c r="EM14" s="191">
        <v>8</v>
      </c>
      <c r="EN14" s="196">
        <v>66</v>
      </c>
      <c r="EO14" s="195">
        <v>72</v>
      </c>
      <c r="EP14" s="190">
        <v>23</v>
      </c>
      <c r="EQ14" s="191">
        <v>23</v>
      </c>
      <c r="ER14" s="196">
        <v>46</v>
      </c>
      <c r="ES14" s="193">
        <v>0</v>
      </c>
      <c r="ET14" s="191">
        <v>80</v>
      </c>
      <c r="EU14" s="191">
        <v>42</v>
      </c>
      <c r="EV14" s="191">
        <v>29</v>
      </c>
      <c r="EW14" s="191">
        <v>26</v>
      </c>
      <c r="EX14" s="191">
        <v>7</v>
      </c>
      <c r="EY14" s="196">
        <v>184</v>
      </c>
      <c r="EZ14" s="195">
        <v>230</v>
      </c>
    </row>
    <row r="15" spans="2:156" ht="21" customHeight="1" x14ac:dyDescent="0.2">
      <c r="B15" s="106" t="s">
        <v>12</v>
      </c>
      <c r="C15" s="190">
        <v>0</v>
      </c>
      <c r="D15" s="191">
        <v>0</v>
      </c>
      <c r="E15" s="192">
        <v>0</v>
      </c>
      <c r="F15" s="193">
        <v>0</v>
      </c>
      <c r="G15" s="191">
        <v>36</v>
      </c>
      <c r="H15" s="191">
        <v>37</v>
      </c>
      <c r="I15" s="191">
        <v>17</v>
      </c>
      <c r="J15" s="191">
        <v>14</v>
      </c>
      <c r="K15" s="191">
        <v>18</v>
      </c>
      <c r="L15" s="194">
        <v>122</v>
      </c>
      <c r="M15" s="195">
        <v>122</v>
      </c>
      <c r="N15" s="190">
        <v>0</v>
      </c>
      <c r="O15" s="191">
        <v>1</v>
      </c>
      <c r="P15" s="196">
        <v>1</v>
      </c>
      <c r="Q15" s="193">
        <v>0</v>
      </c>
      <c r="R15" s="191">
        <v>0</v>
      </c>
      <c r="S15" s="191">
        <v>1</v>
      </c>
      <c r="T15" s="191">
        <v>1</v>
      </c>
      <c r="U15" s="191">
        <v>5</v>
      </c>
      <c r="V15" s="191">
        <v>4</v>
      </c>
      <c r="W15" s="196">
        <v>11</v>
      </c>
      <c r="X15" s="195">
        <v>12</v>
      </c>
      <c r="Y15" s="190">
        <v>8</v>
      </c>
      <c r="Z15" s="191">
        <v>30</v>
      </c>
      <c r="AA15" s="196">
        <v>38</v>
      </c>
      <c r="AB15" s="193">
        <v>0</v>
      </c>
      <c r="AC15" s="191">
        <v>24</v>
      </c>
      <c r="AD15" s="191">
        <v>25</v>
      </c>
      <c r="AE15" s="191">
        <v>10</v>
      </c>
      <c r="AF15" s="191">
        <v>17</v>
      </c>
      <c r="AG15" s="191">
        <v>12</v>
      </c>
      <c r="AH15" s="196">
        <v>88</v>
      </c>
      <c r="AI15" s="195">
        <v>126</v>
      </c>
      <c r="AJ15" s="190">
        <v>1</v>
      </c>
      <c r="AK15" s="191">
        <v>2</v>
      </c>
      <c r="AL15" s="196">
        <v>3</v>
      </c>
      <c r="AM15" s="193">
        <v>0</v>
      </c>
      <c r="AN15" s="191">
        <v>1</v>
      </c>
      <c r="AO15" s="191">
        <v>3</v>
      </c>
      <c r="AP15" s="191">
        <v>2</v>
      </c>
      <c r="AQ15" s="191">
        <v>1</v>
      </c>
      <c r="AR15" s="191">
        <v>0</v>
      </c>
      <c r="AS15" s="196">
        <v>7</v>
      </c>
      <c r="AT15" s="195">
        <v>10</v>
      </c>
      <c r="AU15" s="190">
        <v>3</v>
      </c>
      <c r="AV15" s="191">
        <v>12</v>
      </c>
      <c r="AW15" s="196">
        <v>15</v>
      </c>
      <c r="AX15" s="193">
        <v>0</v>
      </c>
      <c r="AY15" s="191">
        <v>24</v>
      </c>
      <c r="AZ15" s="191">
        <v>32</v>
      </c>
      <c r="BA15" s="191">
        <v>26</v>
      </c>
      <c r="BB15" s="191">
        <v>30</v>
      </c>
      <c r="BC15" s="191">
        <v>17</v>
      </c>
      <c r="BD15" s="194">
        <v>129</v>
      </c>
      <c r="BE15" s="195">
        <v>144</v>
      </c>
      <c r="BF15" s="190">
        <v>0</v>
      </c>
      <c r="BG15" s="191">
        <v>0</v>
      </c>
      <c r="BH15" s="196">
        <v>0</v>
      </c>
      <c r="BI15" s="193">
        <v>0</v>
      </c>
      <c r="BJ15" s="191">
        <v>38</v>
      </c>
      <c r="BK15" s="191">
        <v>37</v>
      </c>
      <c r="BL15" s="191">
        <v>14</v>
      </c>
      <c r="BM15" s="191">
        <v>11</v>
      </c>
      <c r="BN15" s="191">
        <v>8</v>
      </c>
      <c r="BO15" s="196">
        <v>108</v>
      </c>
      <c r="BP15" s="195">
        <v>108</v>
      </c>
      <c r="BQ15" s="190">
        <v>9</v>
      </c>
      <c r="BR15" s="191">
        <v>9</v>
      </c>
      <c r="BS15" s="196">
        <v>18</v>
      </c>
      <c r="BT15" s="193">
        <v>0</v>
      </c>
      <c r="BU15" s="191">
        <v>11</v>
      </c>
      <c r="BV15" s="191">
        <v>8</v>
      </c>
      <c r="BW15" s="191">
        <v>12</v>
      </c>
      <c r="BX15" s="191">
        <v>7</v>
      </c>
      <c r="BY15" s="191">
        <v>2</v>
      </c>
      <c r="BZ15" s="196">
        <v>40</v>
      </c>
      <c r="CA15" s="195">
        <v>58</v>
      </c>
      <c r="CB15" s="190">
        <v>0</v>
      </c>
      <c r="CC15" s="191">
        <v>1</v>
      </c>
      <c r="CD15" s="196">
        <v>1</v>
      </c>
      <c r="CE15" s="193">
        <v>0</v>
      </c>
      <c r="CF15" s="191">
        <v>5</v>
      </c>
      <c r="CG15" s="191">
        <v>8</v>
      </c>
      <c r="CH15" s="191">
        <v>9</v>
      </c>
      <c r="CI15" s="191">
        <v>4</v>
      </c>
      <c r="CJ15" s="191">
        <v>3</v>
      </c>
      <c r="CK15" s="196">
        <v>29</v>
      </c>
      <c r="CL15" s="195">
        <v>30</v>
      </c>
      <c r="CM15" s="190">
        <v>0</v>
      </c>
      <c r="CN15" s="191">
        <v>0</v>
      </c>
      <c r="CO15" s="196">
        <v>0</v>
      </c>
      <c r="CP15" s="193">
        <v>0</v>
      </c>
      <c r="CQ15" s="191">
        <v>1</v>
      </c>
      <c r="CR15" s="191">
        <v>0</v>
      </c>
      <c r="CS15" s="191">
        <v>0</v>
      </c>
      <c r="CT15" s="191">
        <v>0</v>
      </c>
      <c r="CU15" s="191">
        <v>0</v>
      </c>
      <c r="CV15" s="196">
        <v>1</v>
      </c>
      <c r="CW15" s="195">
        <v>1</v>
      </c>
      <c r="CX15" s="190">
        <v>0</v>
      </c>
      <c r="CY15" s="191">
        <v>0</v>
      </c>
      <c r="CZ15" s="196">
        <v>0</v>
      </c>
      <c r="DA15" s="193">
        <v>0</v>
      </c>
      <c r="DB15" s="191">
        <v>0</v>
      </c>
      <c r="DC15" s="191">
        <v>0</v>
      </c>
      <c r="DD15" s="191">
        <v>0</v>
      </c>
      <c r="DE15" s="191">
        <v>0</v>
      </c>
      <c r="DF15" s="191">
        <v>0</v>
      </c>
      <c r="DG15" s="196">
        <v>0</v>
      </c>
      <c r="DH15" s="195">
        <v>0</v>
      </c>
      <c r="DI15" s="190">
        <v>0</v>
      </c>
      <c r="DJ15" s="191">
        <v>0</v>
      </c>
      <c r="DK15" s="196">
        <v>0</v>
      </c>
      <c r="DL15" s="193">
        <v>0</v>
      </c>
      <c r="DM15" s="191">
        <v>0</v>
      </c>
      <c r="DN15" s="191">
        <v>0</v>
      </c>
      <c r="DO15" s="191">
        <v>0</v>
      </c>
      <c r="DP15" s="191">
        <v>0</v>
      </c>
      <c r="DQ15" s="191">
        <v>0</v>
      </c>
      <c r="DR15" s="196">
        <v>0</v>
      </c>
      <c r="DS15" s="195">
        <v>0</v>
      </c>
      <c r="DT15" s="190">
        <v>26</v>
      </c>
      <c r="DU15" s="191">
        <v>68</v>
      </c>
      <c r="DV15" s="196">
        <v>94</v>
      </c>
      <c r="DW15" s="193">
        <v>0</v>
      </c>
      <c r="DX15" s="191">
        <v>40</v>
      </c>
      <c r="DY15" s="191">
        <v>61</v>
      </c>
      <c r="DZ15" s="191">
        <v>35</v>
      </c>
      <c r="EA15" s="191">
        <v>43</v>
      </c>
      <c r="EB15" s="191">
        <v>23</v>
      </c>
      <c r="EC15" s="196">
        <v>202</v>
      </c>
      <c r="ED15" s="195">
        <v>296</v>
      </c>
      <c r="EE15" s="190">
        <v>4</v>
      </c>
      <c r="EF15" s="191">
        <v>6</v>
      </c>
      <c r="EG15" s="196">
        <v>10</v>
      </c>
      <c r="EH15" s="193">
        <v>0</v>
      </c>
      <c r="EI15" s="191">
        <v>9</v>
      </c>
      <c r="EJ15" s="191">
        <v>15</v>
      </c>
      <c r="EK15" s="191">
        <v>13</v>
      </c>
      <c r="EL15" s="191">
        <v>10</v>
      </c>
      <c r="EM15" s="191">
        <v>7</v>
      </c>
      <c r="EN15" s="196">
        <v>54</v>
      </c>
      <c r="EO15" s="195">
        <v>64</v>
      </c>
      <c r="EP15" s="190">
        <v>40</v>
      </c>
      <c r="EQ15" s="191">
        <v>83</v>
      </c>
      <c r="ER15" s="196">
        <v>123</v>
      </c>
      <c r="ES15" s="193">
        <v>0</v>
      </c>
      <c r="ET15" s="191">
        <v>106</v>
      </c>
      <c r="EU15" s="191">
        <v>85</v>
      </c>
      <c r="EV15" s="191">
        <v>42</v>
      </c>
      <c r="EW15" s="191">
        <v>41</v>
      </c>
      <c r="EX15" s="191">
        <v>26</v>
      </c>
      <c r="EY15" s="196">
        <v>300</v>
      </c>
      <c r="EZ15" s="195">
        <v>423</v>
      </c>
    </row>
    <row r="16" spans="2:156" ht="21" customHeight="1" x14ac:dyDescent="0.2">
      <c r="B16" s="106" t="s">
        <v>13</v>
      </c>
      <c r="C16" s="190">
        <v>0</v>
      </c>
      <c r="D16" s="191">
        <v>0</v>
      </c>
      <c r="E16" s="192">
        <v>0</v>
      </c>
      <c r="F16" s="193">
        <v>0</v>
      </c>
      <c r="G16" s="191">
        <v>26</v>
      </c>
      <c r="H16" s="191">
        <v>22</v>
      </c>
      <c r="I16" s="191">
        <v>18</v>
      </c>
      <c r="J16" s="191">
        <v>5</v>
      </c>
      <c r="K16" s="191">
        <v>9</v>
      </c>
      <c r="L16" s="194">
        <v>80</v>
      </c>
      <c r="M16" s="195">
        <v>80</v>
      </c>
      <c r="N16" s="190">
        <v>0</v>
      </c>
      <c r="O16" s="191">
        <v>0</v>
      </c>
      <c r="P16" s="196">
        <v>0</v>
      </c>
      <c r="Q16" s="193">
        <v>0</v>
      </c>
      <c r="R16" s="191">
        <v>0</v>
      </c>
      <c r="S16" s="191">
        <v>1</v>
      </c>
      <c r="T16" s="191">
        <v>0</v>
      </c>
      <c r="U16" s="191">
        <v>1</v>
      </c>
      <c r="V16" s="191">
        <v>2</v>
      </c>
      <c r="W16" s="196">
        <v>4</v>
      </c>
      <c r="X16" s="195">
        <v>4</v>
      </c>
      <c r="Y16" s="190">
        <v>2</v>
      </c>
      <c r="Z16" s="191">
        <v>5</v>
      </c>
      <c r="AA16" s="196">
        <v>7</v>
      </c>
      <c r="AB16" s="193">
        <v>0</v>
      </c>
      <c r="AC16" s="191">
        <v>21</v>
      </c>
      <c r="AD16" s="191">
        <v>17</v>
      </c>
      <c r="AE16" s="191">
        <v>15</v>
      </c>
      <c r="AF16" s="191">
        <v>5</v>
      </c>
      <c r="AG16" s="191">
        <v>4</v>
      </c>
      <c r="AH16" s="196">
        <v>62</v>
      </c>
      <c r="AI16" s="195">
        <v>69</v>
      </c>
      <c r="AJ16" s="190">
        <v>0</v>
      </c>
      <c r="AK16" s="191">
        <v>0</v>
      </c>
      <c r="AL16" s="196">
        <v>0</v>
      </c>
      <c r="AM16" s="193">
        <v>0</v>
      </c>
      <c r="AN16" s="191">
        <v>1</v>
      </c>
      <c r="AO16" s="191">
        <v>3</v>
      </c>
      <c r="AP16" s="191">
        <v>1</v>
      </c>
      <c r="AQ16" s="191">
        <v>1</v>
      </c>
      <c r="AR16" s="191">
        <v>2</v>
      </c>
      <c r="AS16" s="196">
        <v>8</v>
      </c>
      <c r="AT16" s="195">
        <v>8</v>
      </c>
      <c r="AU16" s="190">
        <v>7</v>
      </c>
      <c r="AV16" s="191">
        <v>7</v>
      </c>
      <c r="AW16" s="196">
        <v>14</v>
      </c>
      <c r="AX16" s="193">
        <v>0</v>
      </c>
      <c r="AY16" s="191">
        <v>22</v>
      </c>
      <c r="AZ16" s="191">
        <v>33</v>
      </c>
      <c r="BA16" s="191">
        <v>18</v>
      </c>
      <c r="BB16" s="191">
        <v>14</v>
      </c>
      <c r="BC16" s="191">
        <v>20</v>
      </c>
      <c r="BD16" s="194">
        <v>107</v>
      </c>
      <c r="BE16" s="195">
        <v>121</v>
      </c>
      <c r="BF16" s="190">
        <v>0</v>
      </c>
      <c r="BG16" s="191">
        <v>0</v>
      </c>
      <c r="BH16" s="196">
        <v>0</v>
      </c>
      <c r="BI16" s="193">
        <v>0</v>
      </c>
      <c r="BJ16" s="191">
        <v>24</v>
      </c>
      <c r="BK16" s="191">
        <v>14</v>
      </c>
      <c r="BL16" s="191">
        <v>10</v>
      </c>
      <c r="BM16" s="191">
        <v>1</v>
      </c>
      <c r="BN16" s="191">
        <v>0</v>
      </c>
      <c r="BO16" s="196">
        <v>49</v>
      </c>
      <c r="BP16" s="195">
        <v>49</v>
      </c>
      <c r="BQ16" s="190">
        <v>1</v>
      </c>
      <c r="BR16" s="191">
        <v>0</v>
      </c>
      <c r="BS16" s="196">
        <v>1</v>
      </c>
      <c r="BT16" s="193">
        <v>0</v>
      </c>
      <c r="BU16" s="191">
        <v>3</v>
      </c>
      <c r="BV16" s="191">
        <v>4</v>
      </c>
      <c r="BW16" s="191">
        <v>2</v>
      </c>
      <c r="BX16" s="191">
        <v>4</v>
      </c>
      <c r="BY16" s="191">
        <v>1</v>
      </c>
      <c r="BZ16" s="196">
        <v>14</v>
      </c>
      <c r="CA16" s="195">
        <v>15</v>
      </c>
      <c r="CB16" s="190">
        <v>0</v>
      </c>
      <c r="CC16" s="191">
        <v>0</v>
      </c>
      <c r="CD16" s="196">
        <v>0</v>
      </c>
      <c r="CE16" s="193">
        <v>0</v>
      </c>
      <c r="CF16" s="191">
        <v>0</v>
      </c>
      <c r="CG16" s="191">
        <v>1</v>
      </c>
      <c r="CH16" s="191">
        <v>1</v>
      </c>
      <c r="CI16" s="191">
        <v>2</v>
      </c>
      <c r="CJ16" s="191">
        <v>1</v>
      </c>
      <c r="CK16" s="196">
        <v>5</v>
      </c>
      <c r="CL16" s="195">
        <v>5</v>
      </c>
      <c r="CM16" s="190">
        <v>0</v>
      </c>
      <c r="CN16" s="191">
        <v>0</v>
      </c>
      <c r="CO16" s="196">
        <v>0</v>
      </c>
      <c r="CP16" s="193">
        <v>0</v>
      </c>
      <c r="CQ16" s="191">
        <v>0</v>
      </c>
      <c r="CR16" s="191">
        <v>0</v>
      </c>
      <c r="CS16" s="191">
        <v>1</v>
      </c>
      <c r="CT16" s="191">
        <v>0</v>
      </c>
      <c r="CU16" s="191">
        <v>0</v>
      </c>
      <c r="CV16" s="196">
        <v>1</v>
      </c>
      <c r="CW16" s="195">
        <v>1</v>
      </c>
      <c r="CX16" s="190">
        <v>0</v>
      </c>
      <c r="CY16" s="191">
        <v>0</v>
      </c>
      <c r="CZ16" s="196">
        <v>0</v>
      </c>
      <c r="DA16" s="193">
        <v>0</v>
      </c>
      <c r="DB16" s="191">
        <v>0</v>
      </c>
      <c r="DC16" s="191">
        <v>0</v>
      </c>
      <c r="DD16" s="191">
        <v>0</v>
      </c>
      <c r="DE16" s="191">
        <v>0</v>
      </c>
      <c r="DF16" s="191">
        <v>0</v>
      </c>
      <c r="DG16" s="196">
        <v>0</v>
      </c>
      <c r="DH16" s="195">
        <v>0</v>
      </c>
      <c r="DI16" s="190">
        <v>0</v>
      </c>
      <c r="DJ16" s="191">
        <v>0</v>
      </c>
      <c r="DK16" s="196">
        <v>0</v>
      </c>
      <c r="DL16" s="193">
        <v>0</v>
      </c>
      <c r="DM16" s="191">
        <v>0</v>
      </c>
      <c r="DN16" s="191">
        <v>0</v>
      </c>
      <c r="DO16" s="191">
        <v>0</v>
      </c>
      <c r="DP16" s="191">
        <v>0</v>
      </c>
      <c r="DQ16" s="191">
        <v>0</v>
      </c>
      <c r="DR16" s="196">
        <v>0</v>
      </c>
      <c r="DS16" s="195">
        <v>0</v>
      </c>
      <c r="DT16" s="190">
        <v>5</v>
      </c>
      <c r="DU16" s="191">
        <v>16</v>
      </c>
      <c r="DV16" s="196">
        <v>21</v>
      </c>
      <c r="DW16" s="193">
        <v>0</v>
      </c>
      <c r="DX16" s="191">
        <v>20</v>
      </c>
      <c r="DY16" s="191">
        <v>37</v>
      </c>
      <c r="DZ16" s="191">
        <v>22</v>
      </c>
      <c r="EA16" s="191">
        <v>10</v>
      </c>
      <c r="EB16" s="191">
        <v>10</v>
      </c>
      <c r="EC16" s="196">
        <v>99</v>
      </c>
      <c r="ED16" s="195">
        <v>120</v>
      </c>
      <c r="EE16" s="190">
        <v>4</v>
      </c>
      <c r="EF16" s="191">
        <v>6</v>
      </c>
      <c r="EG16" s="196">
        <v>10</v>
      </c>
      <c r="EH16" s="193">
        <v>0</v>
      </c>
      <c r="EI16" s="191">
        <v>11</v>
      </c>
      <c r="EJ16" s="191">
        <v>7</v>
      </c>
      <c r="EK16" s="191">
        <v>7</v>
      </c>
      <c r="EL16" s="191">
        <v>9</v>
      </c>
      <c r="EM16" s="191">
        <v>8</v>
      </c>
      <c r="EN16" s="196">
        <v>42</v>
      </c>
      <c r="EO16" s="195">
        <v>52</v>
      </c>
      <c r="EP16" s="190">
        <v>7</v>
      </c>
      <c r="EQ16" s="191">
        <v>18</v>
      </c>
      <c r="ER16" s="196">
        <v>25</v>
      </c>
      <c r="ES16" s="193">
        <v>0</v>
      </c>
      <c r="ET16" s="191">
        <v>60</v>
      </c>
      <c r="EU16" s="191">
        <v>50</v>
      </c>
      <c r="EV16" s="191">
        <v>30</v>
      </c>
      <c r="EW16" s="191">
        <v>11</v>
      </c>
      <c r="EX16" s="191">
        <v>13</v>
      </c>
      <c r="EY16" s="196">
        <v>164</v>
      </c>
      <c r="EZ16" s="195">
        <v>189</v>
      </c>
    </row>
    <row r="17" spans="2:156" ht="21" customHeight="1" x14ac:dyDescent="0.2">
      <c r="B17" s="106" t="s">
        <v>15</v>
      </c>
      <c r="C17" s="190">
        <v>0</v>
      </c>
      <c r="D17" s="191">
        <v>0</v>
      </c>
      <c r="E17" s="192">
        <v>0</v>
      </c>
      <c r="F17" s="193">
        <v>0</v>
      </c>
      <c r="G17" s="191">
        <v>7</v>
      </c>
      <c r="H17" s="191">
        <v>5</v>
      </c>
      <c r="I17" s="191">
        <v>0</v>
      </c>
      <c r="J17" s="191">
        <v>3</v>
      </c>
      <c r="K17" s="191">
        <v>2</v>
      </c>
      <c r="L17" s="194">
        <v>17</v>
      </c>
      <c r="M17" s="195">
        <v>17</v>
      </c>
      <c r="N17" s="190">
        <v>0</v>
      </c>
      <c r="O17" s="191">
        <v>0</v>
      </c>
      <c r="P17" s="196">
        <v>0</v>
      </c>
      <c r="Q17" s="193">
        <v>0</v>
      </c>
      <c r="R17" s="191">
        <v>0</v>
      </c>
      <c r="S17" s="191">
        <v>0</v>
      </c>
      <c r="T17" s="191">
        <v>1</v>
      </c>
      <c r="U17" s="191">
        <v>1</v>
      </c>
      <c r="V17" s="191">
        <v>2</v>
      </c>
      <c r="W17" s="196">
        <v>4</v>
      </c>
      <c r="X17" s="195">
        <v>4</v>
      </c>
      <c r="Y17" s="190">
        <v>0</v>
      </c>
      <c r="Z17" s="191">
        <v>2</v>
      </c>
      <c r="AA17" s="196">
        <v>2</v>
      </c>
      <c r="AB17" s="193">
        <v>0</v>
      </c>
      <c r="AC17" s="191">
        <v>3</v>
      </c>
      <c r="AD17" s="191">
        <v>3</v>
      </c>
      <c r="AE17" s="191">
        <v>1</v>
      </c>
      <c r="AF17" s="191">
        <v>4</v>
      </c>
      <c r="AG17" s="191">
        <v>3</v>
      </c>
      <c r="AH17" s="196">
        <v>14</v>
      </c>
      <c r="AI17" s="195">
        <v>16</v>
      </c>
      <c r="AJ17" s="190">
        <v>0</v>
      </c>
      <c r="AK17" s="191">
        <v>0</v>
      </c>
      <c r="AL17" s="196">
        <v>0</v>
      </c>
      <c r="AM17" s="193">
        <v>0</v>
      </c>
      <c r="AN17" s="191">
        <v>0</v>
      </c>
      <c r="AO17" s="191">
        <v>1</v>
      </c>
      <c r="AP17" s="191">
        <v>0</v>
      </c>
      <c r="AQ17" s="191">
        <v>0</v>
      </c>
      <c r="AR17" s="191">
        <v>1</v>
      </c>
      <c r="AS17" s="196">
        <v>2</v>
      </c>
      <c r="AT17" s="195">
        <v>2</v>
      </c>
      <c r="AU17" s="190">
        <v>0</v>
      </c>
      <c r="AV17" s="191">
        <v>1</v>
      </c>
      <c r="AW17" s="196">
        <v>1</v>
      </c>
      <c r="AX17" s="193">
        <v>0</v>
      </c>
      <c r="AY17" s="191">
        <v>4</v>
      </c>
      <c r="AZ17" s="191">
        <v>8</v>
      </c>
      <c r="BA17" s="191">
        <v>5</v>
      </c>
      <c r="BB17" s="191">
        <v>7</v>
      </c>
      <c r="BC17" s="191">
        <v>3</v>
      </c>
      <c r="BD17" s="194">
        <v>27</v>
      </c>
      <c r="BE17" s="195">
        <v>28</v>
      </c>
      <c r="BF17" s="190">
        <v>0</v>
      </c>
      <c r="BG17" s="191">
        <v>0</v>
      </c>
      <c r="BH17" s="196">
        <v>0</v>
      </c>
      <c r="BI17" s="193">
        <v>0</v>
      </c>
      <c r="BJ17" s="191">
        <v>3</v>
      </c>
      <c r="BK17" s="191">
        <v>3</v>
      </c>
      <c r="BL17" s="191">
        <v>3</v>
      </c>
      <c r="BM17" s="191">
        <v>2</v>
      </c>
      <c r="BN17" s="191">
        <v>0</v>
      </c>
      <c r="BO17" s="196">
        <v>11</v>
      </c>
      <c r="BP17" s="195">
        <v>11</v>
      </c>
      <c r="BQ17" s="190">
        <v>0</v>
      </c>
      <c r="BR17" s="191">
        <v>0</v>
      </c>
      <c r="BS17" s="196">
        <v>0</v>
      </c>
      <c r="BT17" s="193">
        <v>0</v>
      </c>
      <c r="BU17" s="191">
        <v>1</v>
      </c>
      <c r="BV17" s="191">
        <v>3</v>
      </c>
      <c r="BW17" s="191">
        <v>1</v>
      </c>
      <c r="BX17" s="191">
        <v>2</v>
      </c>
      <c r="BY17" s="191">
        <v>1</v>
      </c>
      <c r="BZ17" s="196">
        <v>8</v>
      </c>
      <c r="CA17" s="195">
        <v>8</v>
      </c>
      <c r="CB17" s="190">
        <v>0</v>
      </c>
      <c r="CC17" s="191">
        <v>0</v>
      </c>
      <c r="CD17" s="196">
        <v>0</v>
      </c>
      <c r="CE17" s="193">
        <v>0</v>
      </c>
      <c r="CF17" s="191">
        <v>0</v>
      </c>
      <c r="CG17" s="191">
        <v>4</v>
      </c>
      <c r="CH17" s="191">
        <v>3</v>
      </c>
      <c r="CI17" s="191">
        <v>4</v>
      </c>
      <c r="CJ17" s="191">
        <v>1</v>
      </c>
      <c r="CK17" s="196">
        <v>12</v>
      </c>
      <c r="CL17" s="195">
        <v>12</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c r="DI17" s="190">
        <v>0</v>
      </c>
      <c r="DJ17" s="191">
        <v>0</v>
      </c>
      <c r="DK17" s="196">
        <v>0</v>
      </c>
      <c r="DL17" s="193">
        <v>0</v>
      </c>
      <c r="DM17" s="191">
        <v>0</v>
      </c>
      <c r="DN17" s="191">
        <v>0</v>
      </c>
      <c r="DO17" s="191">
        <v>0</v>
      </c>
      <c r="DP17" s="191">
        <v>0</v>
      </c>
      <c r="DQ17" s="191">
        <v>0</v>
      </c>
      <c r="DR17" s="196">
        <v>0</v>
      </c>
      <c r="DS17" s="195">
        <v>0</v>
      </c>
      <c r="DT17" s="190">
        <v>1</v>
      </c>
      <c r="DU17" s="191">
        <v>4</v>
      </c>
      <c r="DV17" s="196">
        <v>5</v>
      </c>
      <c r="DW17" s="193">
        <v>0</v>
      </c>
      <c r="DX17" s="191">
        <v>5</v>
      </c>
      <c r="DY17" s="191">
        <v>13</v>
      </c>
      <c r="DZ17" s="191">
        <v>5</v>
      </c>
      <c r="EA17" s="191">
        <v>9</v>
      </c>
      <c r="EB17" s="191">
        <v>4</v>
      </c>
      <c r="EC17" s="196">
        <v>36</v>
      </c>
      <c r="ED17" s="195">
        <v>41</v>
      </c>
      <c r="EE17" s="190">
        <v>1</v>
      </c>
      <c r="EF17" s="191">
        <v>1</v>
      </c>
      <c r="EG17" s="196">
        <v>2</v>
      </c>
      <c r="EH17" s="193">
        <v>0</v>
      </c>
      <c r="EI17" s="191">
        <v>4</v>
      </c>
      <c r="EJ17" s="191">
        <v>2</v>
      </c>
      <c r="EK17" s="191">
        <v>3</v>
      </c>
      <c r="EL17" s="191">
        <v>3</v>
      </c>
      <c r="EM17" s="191">
        <v>2</v>
      </c>
      <c r="EN17" s="196">
        <v>14</v>
      </c>
      <c r="EO17" s="195">
        <v>16</v>
      </c>
      <c r="EP17" s="190">
        <v>1</v>
      </c>
      <c r="EQ17" s="191">
        <v>5</v>
      </c>
      <c r="ER17" s="196">
        <v>6</v>
      </c>
      <c r="ES17" s="193">
        <v>0</v>
      </c>
      <c r="ET17" s="191">
        <v>15</v>
      </c>
      <c r="EU17" s="191">
        <v>19</v>
      </c>
      <c r="EV17" s="191">
        <v>8</v>
      </c>
      <c r="EW17" s="191">
        <v>10</v>
      </c>
      <c r="EX17" s="191">
        <v>5</v>
      </c>
      <c r="EY17" s="196">
        <v>57</v>
      </c>
      <c r="EZ17" s="195">
        <v>63</v>
      </c>
    </row>
    <row r="18" spans="2:156" ht="21" customHeight="1" x14ac:dyDescent="0.2">
      <c r="B18" s="106" t="s">
        <v>16</v>
      </c>
      <c r="C18" s="190">
        <v>0</v>
      </c>
      <c r="D18" s="191">
        <v>0</v>
      </c>
      <c r="E18" s="192">
        <v>0</v>
      </c>
      <c r="F18" s="193">
        <v>0</v>
      </c>
      <c r="G18" s="191">
        <v>6</v>
      </c>
      <c r="H18" s="191">
        <v>21</v>
      </c>
      <c r="I18" s="191">
        <v>6</v>
      </c>
      <c r="J18" s="191">
        <v>4</v>
      </c>
      <c r="K18" s="191">
        <v>1</v>
      </c>
      <c r="L18" s="194">
        <v>38</v>
      </c>
      <c r="M18" s="195">
        <v>38</v>
      </c>
      <c r="N18" s="190">
        <v>0</v>
      </c>
      <c r="O18" s="191">
        <v>0</v>
      </c>
      <c r="P18" s="196">
        <v>0</v>
      </c>
      <c r="Q18" s="193">
        <v>0</v>
      </c>
      <c r="R18" s="191">
        <v>0</v>
      </c>
      <c r="S18" s="191">
        <v>0</v>
      </c>
      <c r="T18" s="191">
        <v>0</v>
      </c>
      <c r="U18" s="191">
        <v>1</v>
      </c>
      <c r="V18" s="191">
        <v>2</v>
      </c>
      <c r="W18" s="196">
        <v>3</v>
      </c>
      <c r="X18" s="195">
        <v>3</v>
      </c>
      <c r="Y18" s="190">
        <v>2</v>
      </c>
      <c r="Z18" s="191">
        <v>5</v>
      </c>
      <c r="AA18" s="196">
        <v>7</v>
      </c>
      <c r="AB18" s="193">
        <v>0</v>
      </c>
      <c r="AC18" s="191">
        <v>4</v>
      </c>
      <c r="AD18" s="191">
        <v>15</v>
      </c>
      <c r="AE18" s="191">
        <v>7</v>
      </c>
      <c r="AF18" s="191">
        <v>8</v>
      </c>
      <c r="AG18" s="191">
        <v>4</v>
      </c>
      <c r="AH18" s="196">
        <v>38</v>
      </c>
      <c r="AI18" s="195">
        <v>45</v>
      </c>
      <c r="AJ18" s="190">
        <v>0</v>
      </c>
      <c r="AK18" s="191">
        <v>0</v>
      </c>
      <c r="AL18" s="196">
        <v>0</v>
      </c>
      <c r="AM18" s="193">
        <v>0</v>
      </c>
      <c r="AN18" s="191">
        <v>0</v>
      </c>
      <c r="AO18" s="191">
        <v>2</v>
      </c>
      <c r="AP18" s="191">
        <v>1</v>
      </c>
      <c r="AQ18" s="191">
        <v>0</v>
      </c>
      <c r="AR18" s="191">
        <v>1</v>
      </c>
      <c r="AS18" s="196">
        <v>4</v>
      </c>
      <c r="AT18" s="195">
        <v>4</v>
      </c>
      <c r="AU18" s="190">
        <v>4</v>
      </c>
      <c r="AV18" s="191">
        <v>1</v>
      </c>
      <c r="AW18" s="196">
        <v>5</v>
      </c>
      <c r="AX18" s="193">
        <v>0</v>
      </c>
      <c r="AY18" s="191">
        <v>13</v>
      </c>
      <c r="AZ18" s="191">
        <v>15</v>
      </c>
      <c r="BA18" s="191">
        <v>12</v>
      </c>
      <c r="BB18" s="191">
        <v>9</v>
      </c>
      <c r="BC18" s="191">
        <v>6</v>
      </c>
      <c r="BD18" s="194">
        <v>55</v>
      </c>
      <c r="BE18" s="195">
        <v>60</v>
      </c>
      <c r="BF18" s="190">
        <v>0</v>
      </c>
      <c r="BG18" s="191">
        <v>0</v>
      </c>
      <c r="BH18" s="196">
        <v>0</v>
      </c>
      <c r="BI18" s="193">
        <v>0</v>
      </c>
      <c r="BJ18" s="191">
        <v>18</v>
      </c>
      <c r="BK18" s="191">
        <v>17</v>
      </c>
      <c r="BL18" s="191">
        <v>6</v>
      </c>
      <c r="BM18" s="191">
        <v>3</v>
      </c>
      <c r="BN18" s="191">
        <v>1</v>
      </c>
      <c r="BO18" s="196">
        <v>45</v>
      </c>
      <c r="BP18" s="195">
        <v>45</v>
      </c>
      <c r="BQ18" s="190">
        <v>2</v>
      </c>
      <c r="BR18" s="191">
        <v>5</v>
      </c>
      <c r="BS18" s="196">
        <v>7</v>
      </c>
      <c r="BT18" s="193">
        <v>0</v>
      </c>
      <c r="BU18" s="191">
        <v>5</v>
      </c>
      <c r="BV18" s="191">
        <v>17</v>
      </c>
      <c r="BW18" s="191">
        <v>6</v>
      </c>
      <c r="BX18" s="191">
        <v>2</v>
      </c>
      <c r="BY18" s="191">
        <v>1</v>
      </c>
      <c r="BZ18" s="196">
        <v>31</v>
      </c>
      <c r="CA18" s="195">
        <v>38</v>
      </c>
      <c r="CB18" s="190">
        <v>0</v>
      </c>
      <c r="CC18" s="191">
        <v>1</v>
      </c>
      <c r="CD18" s="196">
        <v>1</v>
      </c>
      <c r="CE18" s="193">
        <v>0</v>
      </c>
      <c r="CF18" s="191">
        <v>1</v>
      </c>
      <c r="CG18" s="191">
        <v>8</v>
      </c>
      <c r="CH18" s="191">
        <v>2</v>
      </c>
      <c r="CI18" s="191">
        <v>2</v>
      </c>
      <c r="CJ18" s="191">
        <v>0</v>
      </c>
      <c r="CK18" s="196">
        <v>13</v>
      </c>
      <c r="CL18" s="195">
        <v>14</v>
      </c>
      <c r="CM18" s="190">
        <v>0</v>
      </c>
      <c r="CN18" s="191">
        <v>0</v>
      </c>
      <c r="CO18" s="196">
        <v>0</v>
      </c>
      <c r="CP18" s="193">
        <v>0</v>
      </c>
      <c r="CQ18" s="191">
        <v>0</v>
      </c>
      <c r="CR18" s="191">
        <v>1</v>
      </c>
      <c r="CS18" s="191">
        <v>0</v>
      </c>
      <c r="CT18" s="191">
        <v>0</v>
      </c>
      <c r="CU18" s="191">
        <v>0</v>
      </c>
      <c r="CV18" s="196">
        <v>1</v>
      </c>
      <c r="CW18" s="195">
        <v>1</v>
      </c>
      <c r="CX18" s="190">
        <v>0</v>
      </c>
      <c r="CY18" s="191">
        <v>0</v>
      </c>
      <c r="CZ18" s="196">
        <v>0</v>
      </c>
      <c r="DA18" s="193">
        <v>0</v>
      </c>
      <c r="DB18" s="191">
        <v>0</v>
      </c>
      <c r="DC18" s="191">
        <v>0</v>
      </c>
      <c r="DD18" s="191">
        <v>0</v>
      </c>
      <c r="DE18" s="191">
        <v>0</v>
      </c>
      <c r="DF18" s="191">
        <v>0</v>
      </c>
      <c r="DG18" s="196">
        <v>0</v>
      </c>
      <c r="DH18" s="195">
        <v>0</v>
      </c>
      <c r="DI18" s="190">
        <v>0</v>
      </c>
      <c r="DJ18" s="191">
        <v>0</v>
      </c>
      <c r="DK18" s="196">
        <v>0</v>
      </c>
      <c r="DL18" s="193">
        <v>0</v>
      </c>
      <c r="DM18" s="191">
        <v>0</v>
      </c>
      <c r="DN18" s="191">
        <v>0</v>
      </c>
      <c r="DO18" s="191">
        <v>0</v>
      </c>
      <c r="DP18" s="191">
        <v>0</v>
      </c>
      <c r="DQ18" s="191">
        <v>0</v>
      </c>
      <c r="DR18" s="196">
        <v>0</v>
      </c>
      <c r="DS18" s="195">
        <v>0</v>
      </c>
      <c r="DT18" s="190">
        <v>8</v>
      </c>
      <c r="DU18" s="191">
        <v>18</v>
      </c>
      <c r="DV18" s="196">
        <v>26</v>
      </c>
      <c r="DW18" s="193">
        <v>0</v>
      </c>
      <c r="DX18" s="191">
        <v>13</v>
      </c>
      <c r="DY18" s="191">
        <v>45</v>
      </c>
      <c r="DZ18" s="191">
        <v>20</v>
      </c>
      <c r="EA18" s="191">
        <v>11</v>
      </c>
      <c r="EB18" s="191">
        <v>6</v>
      </c>
      <c r="EC18" s="196">
        <v>95</v>
      </c>
      <c r="ED18" s="195">
        <v>121</v>
      </c>
      <c r="EE18" s="190">
        <v>4</v>
      </c>
      <c r="EF18" s="191">
        <v>1</v>
      </c>
      <c r="EG18" s="196">
        <v>5</v>
      </c>
      <c r="EH18" s="193">
        <v>0</v>
      </c>
      <c r="EI18" s="191">
        <v>7</v>
      </c>
      <c r="EJ18" s="191">
        <v>6</v>
      </c>
      <c r="EK18" s="191">
        <v>10</v>
      </c>
      <c r="EL18" s="191">
        <v>8</v>
      </c>
      <c r="EM18" s="191">
        <v>3</v>
      </c>
      <c r="EN18" s="196">
        <v>34</v>
      </c>
      <c r="EO18" s="195">
        <v>39</v>
      </c>
      <c r="EP18" s="190">
        <v>11</v>
      </c>
      <c r="EQ18" s="191">
        <v>24</v>
      </c>
      <c r="ER18" s="196">
        <v>35</v>
      </c>
      <c r="ES18" s="193">
        <v>0</v>
      </c>
      <c r="ET18" s="191">
        <v>36</v>
      </c>
      <c r="EU18" s="191">
        <v>64</v>
      </c>
      <c r="EV18" s="191">
        <v>23</v>
      </c>
      <c r="EW18" s="191">
        <v>13</v>
      </c>
      <c r="EX18" s="191">
        <v>6</v>
      </c>
      <c r="EY18" s="196">
        <v>142</v>
      </c>
      <c r="EZ18" s="195">
        <v>177</v>
      </c>
    </row>
    <row r="19" spans="2:156" ht="21" customHeight="1" x14ac:dyDescent="0.2">
      <c r="B19" s="106" t="s">
        <v>17</v>
      </c>
      <c r="C19" s="190">
        <v>0</v>
      </c>
      <c r="D19" s="191">
        <v>0</v>
      </c>
      <c r="E19" s="192">
        <v>0</v>
      </c>
      <c r="F19" s="193">
        <v>0</v>
      </c>
      <c r="G19" s="191">
        <v>12</v>
      </c>
      <c r="H19" s="191">
        <v>19</v>
      </c>
      <c r="I19" s="191">
        <v>15</v>
      </c>
      <c r="J19" s="191">
        <v>10</v>
      </c>
      <c r="K19" s="191">
        <v>5</v>
      </c>
      <c r="L19" s="194">
        <v>61</v>
      </c>
      <c r="M19" s="195">
        <v>61</v>
      </c>
      <c r="N19" s="190">
        <v>0</v>
      </c>
      <c r="O19" s="191">
        <v>0</v>
      </c>
      <c r="P19" s="196">
        <v>0</v>
      </c>
      <c r="Q19" s="193">
        <v>0</v>
      </c>
      <c r="R19" s="191">
        <v>0</v>
      </c>
      <c r="S19" s="191">
        <v>0</v>
      </c>
      <c r="T19" s="191">
        <v>2</v>
      </c>
      <c r="U19" s="191">
        <v>4</v>
      </c>
      <c r="V19" s="191">
        <v>1</v>
      </c>
      <c r="W19" s="196">
        <v>7</v>
      </c>
      <c r="X19" s="195">
        <v>7</v>
      </c>
      <c r="Y19" s="190">
        <v>3</v>
      </c>
      <c r="Z19" s="191">
        <v>7</v>
      </c>
      <c r="AA19" s="196">
        <v>10</v>
      </c>
      <c r="AB19" s="193">
        <v>0</v>
      </c>
      <c r="AC19" s="191">
        <v>9</v>
      </c>
      <c r="AD19" s="191">
        <v>24</v>
      </c>
      <c r="AE19" s="191">
        <v>17</v>
      </c>
      <c r="AF19" s="191">
        <v>15</v>
      </c>
      <c r="AG19" s="191">
        <v>4</v>
      </c>
      <c r="AH19" s="196">
        <v>69</v>
      </c>
      <c r="AI19" s="195">
        <v>79</v>
      </c>
      <c r="AJ19" s="190">
        <v>1</v>
      </c>
      <c r="AK19" s="191">
        <v>0</v>
      </c>
      <c r="AL19" s="196">
        <v>1</v>
      </c>
      <c r="AM19" s="193">
        <v>0</v>
      </c>
      <c r="AN19" s="191">
        <v>0</v>
      </c>
      <c r="AO19" s="191">
        <v>4</v>
      </c>
      <c r="AP19" s="191">
        <v>3</v>
      </c>
      <c r="AQ19" s="191">
        <v>2</v>
      </c>
      <c r="AR19" s="191">
        <v>1</v>
      </c>
      <c r="AS19" s="196">
        <v>10</v>
      </c>
      <c r="AT19" s="195">
        <v>11</v>
      </c>
      <c r="AU19" s="190">
        <v>8</v>
      </c>
      <c r="AV19" s="191">
        <v>6</v>
      </c>
      <c r="AW19" s="196">
        <v>14</v>
      </c>
      <c r="AX19" s="193">
        <v>0</v>
      </c>
      <c r="AY19" s="191">
        <v>17</v>
      </c>
      <c r="AZ19" s="191">
        <v>27</v>
      </c>
      <c r="BA19" s="191">
        <v>29</v>
      </c>
      <c r="BB19" s="191">
        <v>24</v>
      </c>
      <c r="BC19" s="191">
        <v>17</v>
      </c>
      <c r="BD19" s="194">
        <v>114</v>
      </c>
      <c r="BE19" s="195">
        <v>128</v>
      </c>
      <c r="BF19" s="190">
        <v>0</v>
      </c>
      <c r="BG19" s="191">
        <v>0</v>
      </c>
      <c r="BH19" s="196">
        <v>0</v>
      </c>
      <c r="BI19" s="193">
        <v>0</v>
      </c>
      <c r="BJ19" s="191">
        <v>17</v>
      </c>
      <c r="BK19" s="191">
        <v>25</v>
      </c>
      <c r="BL19" s="191">
        <v>16</v>
      </c>
      <c r="BM19" s="191">
        <v>10</v>
      </c>
      <c r="BN19" s="191">
        <v>3</v>
      </c>
      <c r="BO19" s="196">
        <v>71</v>
      </c>
      <c r="BP19" s="195">
        <v>71</v>
      </c>
      <c r="BQ19" s="190">
        <v>5</v>
      </c>
      <c r="BR19" s="191">
        <v>4</v>
      </c>
      <c r="BS19" s="196">
        <v>9</v>
      </c>
      <c r="BT19" s="193">
        <v>0</v>
      </c>
      <c r="BU19" s="191">
        <v>5</v>
      </c>
      <c r="BV19" s="191">
        <v>14</v>
      </c>
      <c r="BW19" s="191">
        <v>6</v>
      </c>
      <c r="BX19" s="191">
        <v>4</v>
      </c>
      <c r="BY19" s="191">
        <v>2</v>
      </c>
      <c r="BZ19" s="196">
        <v>31</v>
      </c>
      <c r="CA19" s="195">
        <v>40</v>
      </c>
      <c r="CB19" s="190">
        <v>0</v>
      </c>
      <c r="CC19" s="191">
        <v>0</v>
      </c>
      <c r="CD19" s="196">
        <v>0</v>
      </c>
      <c r="CE19" s="193">
        <v>0</v>
      </c>
      <c r="CF19" s="191">
        <v>1</v>
      </c>
      <c r="CG19" s="191">
        <v>6</v>
      </c>
      <c r="CH19" s="191">
        <v>7</v>
      </c>
      <c r="CI19" s="191">
        <v>3</v>
      </c>
      <c r="CJ19" s="191">
        <v>1</v>
      </c>
      <c r="CK19" s="196">
        <v>18</v>
      </c>
      <c r="CL19" s="195">
        <v>18</v>
      </c>
      <c r="CM19" s="190">
        <v>0</v>
      </c>
      <c r="CN19" s="191">
        <v>0</v>
      </c>
      <c r="CO19" s="196">
        <v>0</v>
      </c>
      <c r="CP19" s="193">
        <v>0</v>
      </c>
      <c r="CQ19" s="191">
        <v>1</v>
      </c>
      <c r="CR19" s="191">
        <v>2</v>
      </c>
      <c r="CS19" s="191">
        <v>0</v>
      </c>
      <c r="CT19" s="191">
        <v>1</v>
      </c>
      <c r="CU19" s="191">
        <v>0</v>
      </c>
      <c r="CV19" s="196">
        <v>4</v>
      </c>
      <c r="CW19" s="195">
        <v>4</v>
      </c>
      <c r="CX19" s="190">
        <v>0</v>
      </c>
      <c r="CY19" s="191">
        <v>0</v>
      </c>
      <c r="CZ19" s="196">
        <v>0</v>
      </c>
      <c r="DA19" s="193">
        <v>0</v>
      </c>
      <c r="DB19" s="191">
        <v>0</v>
      </c>
      <c r="DC19" s="191">
        <v>0</v>
      </c>
      <c r="DD19" s="191">
        <v>0</v>
      </c>
      <c r="DE19" s="191">
        <v>0</v>
      </c>
      <c r="DF19" s="191">
        <v>0</v>
      </c>
      <c r="DG19" s="196">
        <v>0</v>
      </c>
      <c r="DH19" s="195">
        <v>0</v>
      </c>
      <c r="DI19" s="190">
        <v>0</v>
      </c>
      <c r="DJ19" s="191">
        <v>0</v>
      </c>
      <c r="DK19" s="196">
        <v>0</v>
      </c>
      <c r="DL19" s="193">
        <v>0</v>
      </c>
      <c r="DM19" s="191">
        <v>0</v>
      </c>
      <c r="DN19" s="191">
        <v>0</v>
      </c>
      <c r="DO19" s="191">
        <v>0</v>
      </c>
      <c r="DP19" s="191">
        <v>0</v>
      </c>
      <c r="DQ19" s="191">
        <v>0</v>
      </c>
      <c r="DR19" s="196">
        <v>0</v>
      </c>
      <c r="DS19" s="195">
        <v>0</v>
      </c>
      <c r="DT19" s="190">
        <v>8</v>
      </c>
      <c r="DU19" s="191">
        <v>27</v>
      </c>
      <c r="DV19" s="196">
        <v>35</v>
      </c>
      <c r="DW19" s="193">
        <v>0</v>
      </c>
      <c r="DX19" s="191">
        <v>30</v>
      </c>
      <c r="DY19" s="191">
        <v>51</v>
      </c>
      <c r="DZ19" s="191">
        <v>48</v>
      </c>
      <c r="EA19" s="191">
        <v>30</v>
      </c>
      <c r="EB19" s="191">
        <v>11</v>
      </c>
      <c r="EC19" s="196">
        <v>170</v>
      </c>
      <c r="ED19" s="195">
        <v>205</v>
      </c>
      <c r="EE19" s="190">
        <v>6</v>
      </c>
      <c r="EF19" s="191">
        <v>6</v>
      </c>
      <c r="EG19" s="196">
        <v>12</v>
      </c>
      <c r="EH19" s="193">
        <v>0</v>
      </c>
      <c r="EI19" s="191">
        <v>12</v>
      </c>
      <c r="EJ19" s="191">
        <v>11</v>
      </c>
      <c r="EK19" s="191">
        <v>7</v>
      </c>
      <c r="EL19" s="191">
        <v>11</v>
      </c>
      <c r="EM19" s="191">
        <v>7</v>
      </c>
      <c r="EN19" s="196">
        <v>48</v>
      </c>
      <c r="EO19" s="195">
        <v>60</v>
      </c>
      <c r="EP19" s="190">
        <v>16</v>
      </c>
      <c r="EQ19" s="191">
        <v>33</v>
      </c>
      <c r="ER19" s="196">
        <v>49</v>
      </c>
      <c r="ES19" s="193">
        <v>0</v>
      </c>
      <c r="ET19" s="191">
        <v>59</v>
      </c>
      <c r="EU19" s="191">
        <v>85</v>
      </c>
      <c r="EV19" s="191">
        <v>56</v>
      </c>
      <c r="EW19" s="191">
        <v>30</v>
      </c>
      <c r="EX19" s="191">
        <v>14</v>
      </c>
      <c r="EY19" s="196">
        <v>244</v>
      </c>
      <c r="EZ19" s="195">
        <v>293</v>
      </c>
    </row>
    <row r="20" spans="2:156" ht="21" customHeight="1" x14ac:dyDescent="0.2">
      <c r="B20" s="106" t="s">
        <v>18</v>
      </c>
      <c r="C20" s="190">
        <v>0</v>
      </c>
      <c r="D20" s="191">
        <v>0</v>
      </c>
      <c r="E20" s="192">
        <v>0</v>
      </c>
      <c r="F20" s="193">
        <v>0</v>
      </c>
      <c r="G20" s="191">
        <v>27</v>
      </c>
      <c r="H20" s="191">
        <v>25</v>
      </c>
      <c r="I20" s="191">
        <v>21</v>
      </c>
      <c r="J20" s="191">
        <v>11</v>
      </c>
      <c r="K20" s="191">
        <v>6</v>
      </c>
      <c r="L20" s="194">
        <v>90</v>
      </c>
      <c r="M20" s="195">
        <v>90</v>
      </c>
      <c r="N20" s="190">
        <v>0</v>
      </c>
      <c r="O20" s="191">
        <v>0</v>
      </c>
      <c r="P20" s="196">
        <v>0</v>
      </c>
      <c r="Q20" s="193">
        <v>0</v>
      </c>
      <c r="R20" s="191">
        <v>0</v>
      </c>
      <c r="S20" s="191">
        <v>0</v>
      </c>
      <c r="T20" s="191">
        <v>1</v>
      </c>
      <c r="U20" s="191">
        <v>4</v>
      </c>
      <c r="V20" s="191">
        <v>2</v>
      </c>
      <c r="W20" s="196">
        <v>7</v>
      </c>
      <c r="X20" s="195">
        <v>7</v>
      </c>
      <c r="Y20" s="190">
        <v>7</v>
      </c>
      <c r="Z20" s="191">
        <v>5</v>
      </c>
      <c r="AA20" s="196">
        <v>12</v>
      </c>
      <c r="AB20" s="193">
        <v>0</v>
      </c>
      <c r="AC20" s="191">
        <v>25</v>
      </c>
      <c r="AD20" s="191">
        <v>33</v>
      </c>
      <c r="AE20" s="191">
        <v>24</v>
      </c>
      <c r="AF20" s="191">
        <v>18</v>
      </c>
      <c r="AG20" s="191">
        <v>8</v>
      </c>
      <c r="AH20" s="196">
        <v>108</v>
      </c>
      <c r="AI20" s="195">
        <v>120</v>
      </c>
      <c r="AJ20" s="190">
        <v>1</v>
      </c>
      <c r="AK20" s="191">
        <v>1</v>
      </c>
      <c r="AL20" s="196">
        <v>2</v>
      </c>
      <c r="AM20" s="193">
        <v>0</v>
      </c>
      <c r="AN20" s="191">
        <v>1</v>
      </c>
      <c r="AO20" s="191">
        <v>3</v>
      </c>
      <c r="AP20" s="191">
        <v>3</v>
      </c>
      <c r="AQ20" s="191">
        <v>1</v>
      </c>
      <c r="AR20" s="191">
        <v>1</v>
      </c>
      <c r="AS20" s="196">
        <v>9</v>
      </c>
      <c r="AT20" s="195">
        <v>11</v>
      </c>
      <c r="AU20" s="190">
        <v>4</v>
      </c>
      <c r="AV20" s="191">
        <v>5</v>
      </c>
      <c r="AW20" s="196">
        <v>9</v>
      </c>
      <c r="AX20" s="193">
        <v>0</v>
      </c>
      <c r="AY20" s="191">
        <v>31</v>
      </c>
      <c r="AZ20" s="191">
        <v>41</v>
      </c>
      <c r="BA20" s="191">
        <v>38</v>
      </c>
      <c r="BB20" s="191">
        <v>37</v>
      </c>
      <c r="BC20" s="191">
        <v>25</v>
      </c>
      <c r="BD20" s="194">
        <v>172</v>
      </c>
      <c r="BE20" s="195">
        <v>181</v>
      </c>
      <c r="BF20" s="190">
        <v>0</v>
      </c>
      <c r="BG20" s="191">
        <v>0</v>
      </c>
      <c r="BH20" s="196">
        <v>0</v>
      </c>
      <c r="BI20" s="193">
        <v>0</v>
      </c>
      <c r="BJ20" s="191">
        <v>34</v>
      </c>
      <c r="BK20" s="191">
        <v>43</v>
      </c>
      <c r="BL20" s="191">
        <v>16</v>
      </c>
      <c r="BM20" s="191">
        <v>10</v>
      </c>
      <c r="BN20" s="191">
        <v>6</v>
      </c>
      <c r="BO20" s="196">
        <v>109</v>
      </c>
      <c r="BP20" s="195">
        <v>109</v>
      </c>
      <c r="BQ20" s="190">
        <v>7</v>
      </c>
      <c r="BR20" s="191">
        <v>7</v>
      </c>
      <c r="BS20" s="196">
        <v>14</v>
      </c>
      <c r="BT20" s="193">
        <v>0</v>
      </c>
      <c r="BU20" s="191">
        <v>10</v>
      </c>
      <c r="BV20" s="191">
        <v>15</v>
      </c>
      <c r="BW20" s="191">
        <v>10</v>
      </c>
      <c r="BX20" s="191">
        <v>4</v>
      </c>
      <c r="BY20" s="191">
        <v>1</v>
      </c>
      <c r="BZ20" s="196">
        <v>40</v>
      </c>
      <c r="CA20" s="195">
        <v>54</v>
      </c>
      <c r="CB20" s="190">
        <v>1</v>
      </c>
      <c r="CC20" s="191">
        <v>1</v>
      </c>
      <c r="CD20" s="196">
        <v>2</v>
      </c>
      <c r="CE20" s="193">
        <v>0</v>
      </c>
      <c r="CF20" s="191">
        <v>5</v>
      </c>
      <c r="CG20" s="191">
        <v>8</v>
      </c>
      <c r="CH20" s="191">
        <v>10</v>
      </c>
      <c r="CI20" s="191">
        <v>7</v>
      </c>
      <c r="CJ20" s="191">
        <v>6</v>
      </c>
      <c r="CK20" s="196">
        <v>36</v>
      </c>
      <c r="CL20" s="195">
        <v>38</v>
      </c>
      <c r="CM20" s="190">
        <v>0</v>
      </c>
      <c r="CN20" s="191">
        <v>0</v>
      </c>
      <c r="CO20" s="196">
        <v>0</v>
      </c>
      <c r="CP20" s="193">
        <v>0</v>
      </c>
      <c r="CQ20" s="191">
        <v>0</v>
      </c>
      <c r="CR20" s="191">
        <v>2</v>
      </c>
      <c r="CS20" s="191">
        <v>0</v>
      </c>
      <c r="CT20" s="191">
        <v>0</v>
      </c>
      <c r="CU20" s="191">
        <v>0</v>
      </c>
      <c r="CV20" s="196">
        <v>2</v>
      </c>
      <c r="CW20" s="195">
        <v>2</v>
      </c>
      <c r="CX20" s="190">
        <v>0</v>
      </c>
      <c r="CY20" s="191">
        <v>0</v>
      </c>
      <c r="CZ20" s="196">
        <v>0</v>
      </c>
      <c r="DA20" s="193">
        <v>0</v>
      </c>
      <c r="DB20" s="191">
        <v>0</v>
      </c>
      <c r="DC20" s="191">
        <v>0</v>
      </c>
      <c r="DD20" s="191">
        <v>0</v>
      </c>
      <c r="DE20" s="191">
        <v>0</v>
      </c>
      <c r="DF20" s="191">
        <v>0</v>
      </c>
      <c r="DG20" s="196">
        <v>0</v>
      </c>
      <c r="DH20" s="195">
        <v>0</v>
      </c>
      <c r="DI20" s="190">
        <v>0</v>
      </c>
      <c r="DJ20" s="191">
        <v>0</v>
      </c>
      <c r="DK20" s="196">
        <v>0</v>
      </c>
      <c r="DL20" s="193">
        <v>0</v>
      </c>
      <c r="DM20" s="191">
        <v>0</v>
      </c>
      <c r="DN20" s="191">
        <v>0</v>
      </c>
      <c r="DO20" s="191">
        <v>0</v>
      </c>
      <c r="DP20" s="191">
        <v>0</v>
      </c>
      <c r="DQ20" s="191">
        <v>0</v>
      </c>
      <c r="DR20" s="196">
        <v>0</v>
      </c>
      <c r="DS20" s="195">
        <v>0</v>
      </c>
      <c r="DT20" s="190">
        <v>13</v>
      </c>
      <c r="DU20" s="191">
        <v>27</v>
      </c>
      <c r="DV20" s="196">
        <v>40</v>
      </c>
      <c r="DW20" s="193">
        <v>0</v>
      </c>
      <c r="DX20" s="191">
        <v>51</v>
      </c>
      <c r="DY20" s="191">
        <v>66</v>
      </c>
      <c r="DZ20" s="191">
        <v>52</v>
      </c>
      <c r="EA20" s="191">
        <v>35</v>
      </c>
      <c r="EB20" s="191">
        <v>18</v>
      </c>
      <c r="EC20" s="196">
        <v>222</v>
      </c>
      <c r="ED20" s="195">
        <v>262</v>
      </c>
      <c r="EE20" s="190">
        <v>4</v>
      </c>
      <c r="EF20" s="191">
        <v>2</v>
      </c>
      <c r="EG20" s="196">
        <v>6</v>
      </c>
      <c r="EH20" s="193">
        <v>0</v>
      </c>
      <c r="EI20" s="191">
        <v>11</v>
      </c>
      <c r="EJ20" s="191">
        <v>11</v>
      </c>
      <c r="EK20" s="191">
        <v>8</v>
      </c>
      <c r="EL20" s="191">
        <v>14</v>
      </c>
      <c r="EM20" s="191">
        <v>14</v>
      </c>
      <c r="EN20" s="196">
        <v>58</v>
      </c>
      <c r="EO20" s="195">
        <v>64</v>
      </c>
      <c r="EP20" s="190">
        <v>27</v>
      </c>
      <c r="EQ20" s="191">
        <v>34</v>
      </c>
      <c r="ER20" s="196">
        <v>61</v>
      </c>
      <c r="ES20" s="193">
        <v>0</v>
      </c>
      <c r="ET20" s="191">
        <v>104</v>
      </c>
      <c r="EU20" s="191">
        <v>92</v>
      </c>
      <c r="EV20" s="191">
        <v>54</v>
      </c>
      <c r="EW20" s="191">
        <v>39</v>
      </c>
      <c r="EX20" s="191">
        <v>17</v>
      </c>
      <c r="EY20" s="196">
        <v>306</v>
      </c>
      <c r="EZ20" s="195">
        <v>367</v>
      </c>
    </row>
    <row r="21" spans="2:156" ht="21" customHeight="1" x14ac:dyDescent="0.2">
      <c r="B21" s="106" t="s">
        <v>19</v>
      </c>
      <c r="C21" s="190">
        <v>0</v>
      </c>
      <c r="D21" s="191">
        <v>0</v>
      </c>
      <c r="E21" s="192">
        <v>0</v>
      </c>
      <c r="F21" s="193">
        <v>0</v>
      </c>
      <c r="G21" s="191">
        <v>10</v>
      </c>
      <c r="H21" s="191">
        <v>13</v>
      </c>
      <c r="I21" s="191">
        <v>4</v>
      </c>
      <c r="J21" s="191">
        <v>3</v>
      </c>
      <c r="K21" s="191">
        <v>2</v>
      </c>
      <c r="L21" s="194">
        <v>32</v>
      </c>
      <c r="M21" s="195">
        <v>32</v>
      </c>
      <c r="N21" s="190">
        <v>0</v>
      </c>
      <c r="O21" s="191">
        <v>0</v>
      </c>
      <c r="P21" s="196">
        <v>0</v>
      </c>
      <c r="Q21" s="193">
        <v>0</v>
      </c>
      <c r="R21" s="191">
        <v>0</v>
      </c>
      <c r="S21" s="191">
        <v>1</v>
      </c>
      <c r="T21" s="191">
        <v>2</v>
      </c>
      <c r="U21" s="191">
        <v>1</v>
      </c>
      <c r="V21" s="191">
        <v>1</v>
      </c>
      <c r="W21" s="196">
        <v>5</v>
      </c>
      <c r="X21" s="195">
        <v>5</v>
      </c>
      <c r="Y21" s="190">
        <v>3</v>
      </c>
      <c r="Z21" s="191">
        <v>5</v>
      </c>
      <c r="AA21" s="196">
        <v>8</v>
      </c>
      <c r="AB21" s="193">
        <v>0</v>
      </c>
      <c r="AC21" s="191">
        <v>9</v>
      </c>
      <c r="AD21" s="191">
        <v>14</v>
      </c>
      <c r="AE21" s="191">
        <v>8</v>
      </c>
      <c r="AF21" s="191">
        <v>3</v>
      </c>
      <c r="AG21" s="191">
        <v>2</v>
      </c>
      <c r="AH21" s="196">
        <v>36</v>
      </c>
      <c r="AI21" s="195">
        <v>44</v>
      </c>
      <c r="AJ21" s="190">
        <v>0</v>
      </c>
      <c r="AK21" s="191">
        <v>0</v>
      </c>
      <c r="AL21" s="196">
        <v>0</v>
      </c>
      <c r="AM21" s="193">
        <v>0</v>
      </c>
      <c r="AN21" s="191">
        <v>1</v>
      </c>
      <c r="AO21" s="191">
        <v>0</v>
      </c>
      <c r="AP21" s="191">
        <v>0</v>
      </c>
      <c r="AQ21" s="191">
        <v>1</v>
      </c>
      <c r="AR21" s="191">
        <v>0</v>
      </c>
      <c r="AS21" s="196">
        <v>2</v>
      </c>
      <c r="AT21" s="195">
        <v>2</v>
      </c>
      <c r="AU21" s="190">
        <v>4</v>
      </c>
      <c r="AV21" s="191">
        <v>4</v>
      </c>
      <c r="AW21" s="196">
        <v>8</v>
      </c>
      <c r="AX21" s="193">
        <v>0</v>
      </c>
      <c r="AY21" s="191">
        <v>16</v>
      </c>
      <c r="AZ21" s="191">
        <v>20</v>
      </c>
      <c r="BA21" s="191">
        <v>14</v>
      </c>
      <c r="BB21" s="191">
        <v>8</v>
      </c>
      <c r="BC21" s="191">
        <v>9</v>
      </c>
      <c r="BD21" s="194">
        <v>67</v>
      </c>
      <c r="BE21" s="195">
        <v>75</v>
      </c>
      <c r="BF21" s="190">
        <v>0</v>
      </c>
      <c r="BG21" s="191">
        <v>0</v>
      </c>
      <c r="BH21" s="196">
        <v>0</v>
      </c>
      <c r="BI21" s="193">
        <v>0</v>
      </c>
      <c r="BJ21" s="191">
        <v>17</v>
      </c>
      <c r="BK21" s="191">
        <v>11</v>
      </c>
      <c r="BL21" s="191">
        <v>3</v>
      </c>
      <c r="BM21" s="191">
        <v>2</v>
      </c>
      <c r="BN21" s="191">
        <v>3</v>
      </c>
      <c r="BO21" s="196">
        <v>36</v>
      </c>
      <c r="BP21" s="195">
        <v>36</v>
      </c>
      <c r="BQ21" s="190">
        <v>3</v>
      </c>
      <c r="BR21" s="191">
        <v>0</v>
      </c>
      <c r="BS21" s="196">
        <v>3</v>
      </c>
      <c r="BT21" s="193">
        <v>0</v>
      </c>
      <c r="BU21" s="191">
        <v>15</v>
      </c>
      <c r="BV21" s="191">
        <v>5</v>
      </c>
      <c r="BW21" s="191">
        <v>4</v>
      </c>
      <c r="BX21" s="191">
        <v>4</v>
      </c>
      <c r="BY21" s="191">
        <v>1</v>
      </c>
      <c r="BZ21" s="196">
        <v>29</v>
      </c>
      <c r="CA21" s="195">
        <v>32</v>
      </c>
      <c r="CB21" s="190">
        <v>0</v>
      </c>
      <c r="CC21" s="191">
        <v>1</v>
      </c>
      <c r="CD21" s="196">
        <v>1</v>
      </c>
      <c r="CE21" s="193">
        <v>0</v>
      </c>
      <c r="CF21" s="191">
        <v>4</v>
      </c>
      <c r="CG21" s="191">
        <v>4</v>
      </c>
      <c r="CH21" s="191">
        <v>2</v>
      </c>
      <c r="CI21" s="191">
        <v>0</v>
      </c>
      <c r="CJ21" s="191">
        <v>0</v>
      </c>
      <c r="CK21" s="196">
        <v>10</v>
      </c>
      <c r="CL21" s="195">
        <v>11</v>
      </c>
      <c r="CM21" s="190">
        <v>0</v>
      </c>
      <c r="CN21" s="191">
        <v>0</v>
      </c>
      <c r="CO21" s="196">
        <v>0</v>
      </c>
      <c r="CP21" s="193">
        <v>0</v>
      </c>
      <c r="CQ21" s="191">
        <v>1</v>
      </c>
      <c r="CR21" s="191">
        <v>0</v>
      </c>
      <c r="CS21" s="191">
        <v>0</v>
      </c>
      <c r="CT21" s="191">
        <v>1</v>
      </c>
      <c r="CU21" s="191">
        <v>0</v>
      </c>
      <c r="CV21" s="196">
        <v>2</v>
      </c>
      <c r="CW21" s="195">
        <v>2</v>
      </c>
      <c r="CX21" s="190">
        <v>0</v>
      </c>
      <c r="CY21" s="191">
        <v>0</v>
      </c>
      <c r="CZ21" s="196">
        <v>0</v>
      </c>
      <c r="DA21" s="193">
        <v>0</v>
      </c>
      <c r="DB21" s="191">
        <v>0</v>
      </c>
      <c r="DC21" s="191">
        <v>0</v>
      </c>
      <c r="DD21" s="191">
        <v>0</v>
      </c>
      <c r="DE21" s="191">
        <v>0</v>
      </c>
      <c r="DF21" s="191">
        <v>0</v>
      </c>
      <c r="DG21" s="196">
        <v>0</v>
      </c>
      <c r="DH21" s="195">
        <v>0</v>
      </c>
      <c r="DI21" s="190">
        <v>0</v>
      </c>
      <c r="DJ21" s="191">
        <v>0</v>
      </c>
      <c r="DK21" s="196">
        <v>0</v>
      </c>
      <c r="DL21" s="193">
        <v>0</v>
      </c>
      <c r="DM21" s="191">
        <v>0</v>
      </c>
      <c r="DN21" s="191">
        <v>0</v>
      </c>
      <c r="DO21" s="191">
        <v>0</v>
      </c>
      <c r="DP21" s="191">
        <v>0</v>
      </c>
      <c r="DQ21" s="191">
        <v>0</v>
      </c>
      <c r="DR21" s="196">
        <v>0</v>
      </c>
      <c r="DS21" s="195">
        <v>0</v>
      </c>
      <c r="DT21" s="190">
        <v>8</v>
      </c>
      <c r="DU21" s="191">
        <v>8</v>
      </c>
      <c r="DV21" s="196">
        <v>16</v>
      </c>
      <c r="DW21" s="193">
        <v>0</v>
      </c>
      <c r="DX21" s="191">
        <v>26</v>
      </c>
      <c r="DY21" s="191">
        <v>27</v>
      </c>
      <c r="DZ21" s="191">
        <v>15</v>
      </c>
      <c r="EA21" s="191">
        <v>9</v>
      </c>
      <c r="EB21" s="191">
        <v>6</v>
      </c>
      <c r="EC21" s="196">
        <v>83</v>
      </c>
      <c r="ED21" s="195">
        <v>99</v>
      </c>
      <c r="EE21" s="190">
        <v>1</v>
      </c>
      <c r="EF21" s="191">
        <v>1</v>
      </c>
      <c r="EG21" s="196">
        <v>2</v>
      </c>
      <c r="EH21" s="193">
        <v>0</v>
      </c>
      <c r="EI21" s="191">
        <v>4</v>
      </c>
      <c r="EJ21" s="191">
        <v>5</v>
      </c>
      <c r="EK21" s="191">
        <v>7</v>
      </c>
      <c r="EL21" s="191">
        <v>4</v>
      </c>
      <c r="EM21" s="191">
        <v>2</v>
      </c>
      <c r="EN21" s="196">
        <v>22</v>
      </c>
      <c r="EO21" s="195">
        <v>24</v>
      </c>
      <c r="EP21" s="190">
        <v>13</v>
      </c>
      <c r="EQ21" s="191">
        <v>12</v>
      </c>
      <c r="ER21" s="196">
        <v>25</v>
      </c>
      <c r="ES21" s="193">
        <v>0</v>
      </c>
      <c r="ET21" s="191">
        <v>46</v>
      </c>
      <c r="EU21" s="191">
        <v>35</v>
      </c>
      <c r="EV21" s="191">
        <v>18</v>
      </c>
      <c r="EW21" s="191">
        <v>8</v>
      </c>
      <c r="EX21" s="191">
        <v>2</v>
      </c>
      <c r="EY21" s="196">
        <v>109</v>
      </c>
      <c r="EZ21" s="195">
        <v>134</v>
      </c>
    </row>
    <row r="22" spans="2:156" ht="21" customHeight="1" x14ac:dyDescent="0.2">
      <c r="B22" s="106" t="s">
        <v>20</v>
      </c>
      <c r="C22" s="190">
        <v>0</v>
      </c>
      <c r="D22" s="191">
        <v>0</v>
      </c>
      <c r="E22" s="192">
        <v>0</v>
      </c>
      <c r="F22" s="193">
        <v>0</v>
      </c>
      <c r="G22" s="191">
        <v>13</v>
      </c>
      <c r="H22" s="191">
        <v>17</v>
      </c>
      <c r="I22" s="191">
        <v>5</v>
      </c>
      <c r="J22" s="191">
        <v>7</v>
      </c>
      <c r="K22" s="191">
        <v>5</v>
      </c>
      <c r="L22" s="194">
        <v>47</v>
      </c>
      <c r="M22" s="195">
        <v>47</v>
      </c>
      <c r="N22" s="190">
        <v>0</v>
      </c>
      <c r="O22" s="191">
        <v>0</v>
      </c>
      <c r="P22" s="196">
        <v>0</v>
      </c>
      <c r="Q22" s="193">
        <v>0</v>
      </c>
      <c r="R22" s="191">
        <v>0</v>
      </c>
      <c r="S22" s="191">
        <v>0</v>
      </c>
      <c r="T22" s="191">
        <v>0</v>
      </c>
      <c r="U22" s="191">
        <v>3</v>
      </c>
      <c r="V22" s="191">
        <v>2</v>
      </c>
      <c r="W22" s="196">
        <v>5</v>
      </c>
      <c r="X22" s="195">
        <v>5</v>
      </c>
      <c r="Y22" s="190">
        <v>4</v>
      </c>
      <c r="Z22" s="191">
        <v>5</v>
      </c>
      <c r="AA22" s="196">
        <v>9</v>
      </c>
      <c r="AB22" s="193">
        <v>0</v>
      </c>
      <c r="AC22" s="191">
        <v>13</v>
      </c>
      <c r="AD22" s="191">
        <v>16</v>
      </c>
      <c r="AE22" s="191">
        <v>7</v>
      </c>
      <c r="AF22" s="191">
        <v>7</v>
      </c>
      <c r="AG22" s="191">
        <v>1</v>
      </c>
      <c r="AH22" s="196">
        <v>44</v>
      </c>
      <c r="AI22" s="195">
        <v>53</v>
      </c>
      <c r="AJ22" s="190">
        <v>0</v>
      </c>
      <c r="AK22" s="191">
        <v>3</v>
      </c>
      <c r="AL22" s="196">
        <v>3</v>
      </c>
      <c r="AM22" s="193">
        <v>0</v>
      </c>
      <c r="AN22" s="191">
        <v>7</v>
      </c>
      <c r="AO22" s="191">
        <v>4</v>
      </c>
      <c r="AP22" s="191">
        <v>1</v>
      </c>
      <c r="AQ22" s="191">
        <v>1</v>
      </c>
      <c r="AR22" s="191">
        <v>2</v>
      </c>
      <c r="AS22" s="196">
        <v>15</v>
      </c>
      <c r="AT22" s="195">
        <v>18</v>
      </c>
      <c r="AU22" s="190">
        <v>2</v>
      </c>
      <c r="AV22" s="191">
        <v>4</v>
      </c>
      <c r="AW22" s="196">
        <v>6</v>
      </c>
      <c r="AX22" s="193">
        <v>0</v>
      </c>
      <c r="AY22" s="191">
        <v>11</v>
      </c>
      <c r="AZ22" s="191">
        <v>19</v>
      </c>
      <c r="BA22" s="191">
        <v>13</v>
      </c>
      <c r="BB22" s="191">
        <v>12</v>
      </c>
      <c r="BC22" s="191">
        <v>12</v>
      </c>
      <c r="BD22" s="194">
        <v>67</v>
      </c>
      <c r="BE22" s="195">
        <v>73</v>
      </c>
      <c r="BF22" s="190">
        <v>0</v>
      </c>
      <c r="BG22" s="191">
        <v>0</v>
      </c>
      <c r="BH22" s="196">
        <v>0</v>
      </c>
      <c r="BI22" s="193">
        <v>0</v>
      </c>
      <c r="BJ22" s="191">
        <v>19</v>
      </c>
      <c r="BK22" s="191">
        <v>16</v>
      </c>
      <c r="BL22" s="191">
        <v>10</v>
      </c>
      <c r="BM22" s="191">
        <v>4</v>
      </c>
      <c r="BN22" s="191">
        <v>5</v>
      </c>
      <c r="BO22" s="196">
        <v>54</v>
      </c>
      <c r="BP22" s="195">
        <v>54</v>
      </c>
      <c r="BQ22" s="190">
        <v>0</v>
      </c>
      <c r="BR22" s="191">
        <v>3</v>
      </c>
      <c r="BS22" s="196">
        <v>3</v>
      </c>
      <c r="BT22" s="193">
        <v>0</v>
      </c>
      <c r="BU22" s="191">
        <v>5</v>
      </c>
      <c r="BV22" s="191">
        <v>11</v>
      </c>
      <c r="BW22" s="191">
        <v>4</v>
      </c>
      <c r="BX22" s="191">
        <v>5</v>
      </c>
      <c r="BY22" s="191">
        <v>0</v>
      </c>
      <c r="BZ22" s="196">
        <v>25</v>
      </c>
      <c r="CA22" s="195">
        <v>28</v>
      </c>
      <c r="CB22" s="190">
        <v>0</v>
      </c>
      <c r="CC22" s="191">
        <v>0</v>
      </c>
      <c r="CD22" s="196">
        <v>0</v>
      </c>
      <c r="CE22" s="193">
        <v>0</v>
      </c>
      <c r="CF22" s="191">
        <v>1</v>
      </c>
      <c r="CG22" s="191">
        <v>7</v>
      </c>
      <c r="CH22" s="191">
        <v>2</v>
      </c>
      <c r="CI22" s="191">
        <v>1</v>
      </c>
      <c r="CJ22" s="191">
        <v>3</v>
      </c>
      <c r="CK22" s="196">
        <v>14</v>
      </c>
      <c r="CL22" s="195">
        <v>14</v>
      </c>
      <c r="CM22" s="190">
        <v>0</v>
      </c>
      <c r="CN22" s="191">
        <v>0</v>
      </c>
      <c r="CO22" s="196">
        <v>0</v>
      </c>
      <c r="CP22" s="193">
        <v>0</v>
      </c>
      <c r="CQ22" s="191">
        <v>1</v>
      </c>
      <c r="CR22" s="191">
        <v>1</v>
      </c>
      <c r="CS22" s="191">
        <v>0</v>
      </c>
      <c r="CT22" s="191">
        <v>0</v>
      </c>
      <c r="CU22" s="191">
        <v>0</v>
      </c>
      <c r="CV22" s="196">
        <v>2</v>
      </c>
      <c r="CW22" s="195">
        <v>2</v>
      </c>
      <c r="CX22" s="190">
        <v>0</v>
      </c>
      <c r="CY22" s="191">
        <v>0</v>
      </c>
      <c r="CZ22" s="196">
        <v>0</v>
      </c>
      <c r="DA22" s="193">
        <v>0</v>
      </c>
      <c r="DB22" s="191">
        <v>0</v>
      </c>
      <c r="DC22" s="191">
        <v>0</v>
      </c>
      <c r="DD22" s="191">
        <v>0</v>
      </c>
      <c r="DE22" s="191">
        <v>0</v>
      </c>
      <c r="DF22" s="191">
        <v>0</v>
      </c>
      <c r="DG22" s="196">
        <v>0</v>
      </c>
      <c r="DH22" s="195">
        <v>0</v>
      </c>
      <c r="DI22" s="190">
        <v>0</v>
      </c>
      <c r="DJ22" s="191">
        <v>0</v>
      </c>
      <c r="DK22" s="196">
        <v>0</v>
      </c>
      <c r="DL22" s="193">
        <v>0</v>
      </c>
      <c r="DM22" s="191">
        <v>0</v>
      </c>
      <c r="DN22" s="191">
        <v>0</v>
      </c>
      <c r="DO22" s="191">
        <v>0</v>
      </c>
      <c r="DP22" s="191">
        <v>0</v>
      </c>
      <c r="DQ22" s="191">
        <v>0</v>
      </c>
      <c r="DR22" s="196">
        <v>0</v>
      </c>
      <c r="DS22" s="195">
        <v>0</v>
      </c>
      <c r="DT22" s="190">
        <v>8</v>
      </c>
      <c r="DU22" s="191">
        <v>21</v>
      </c>
      <c r="DV22" s="196">
        <v>29</v>
      </c>
      <c r="DW22" s="193">
        <v>0</v>
      </c>
      <c r="DX22" s="191">
        <v>30</v>
      </c>
      <c r="DY22" s="191">
        <v>34</v>
      </c>
      <c r="DZ22" s="191">
        <v>17</v>
      </c>
      <c r="EA22" s="191">
        <v>15</v>
      </c>
      <c r="EB22" s="191">
        <v>10</v>
      </c>
      <c r="EC22" s="196">
        <v>106</v>
      </c>
      <c r="ED22" s="195">
        <v>135</v>
      </c>
      <c r="EE22" s="190">
        <v>2</v>
      </c>
      <c r="EF22" s="191">
        <v>2</v>
      </c>
      <c r="EG22" s="196">
        <v>4</v>
      </c>
      <c r="EH22" s="193">
        <v>0</v>
      </c>
      <c r="EI22" s="191">
        <v>5</v>
      </c>
      <c r="EJ22" s="191">
        <v>5</v>
      </c>
      <c r="EK22" s="191">
        <v>5</v>
      </c>
      <c r="EL22" s="191">
        <v>6</v>
      </c>
      <c r="EM22" s="191">
        <v>3</v>
      </c>
      <c r="EN22" s="196">
        <v>24</v>
      </c>
      <c r="EO22" s="195">
        <v>28</v>
      </c>
      <c r="EP22" s="190">
        <v>11</v>
      </c>
      <c r="EQ22" s="191">
        <v>28</v>
      </c>
      <c r="ER22" s="196">
        <v>39</v>
      </c>
      <c r="ES22" s="193">
        <v>0</v>
      </c>
      <c r="ET22" s="191">
        <v>47</v>
      </c>
      <c r="EU22" s="191">
        <v>45</v>
      </c>
      <c r="EV22" s="191">
        <v>18</v>
      </c>
      <c r="EW22" s="191">
        <v>13</v>
      </c>
      <c r="EX22" s="191">
        <v>8</v>
      </c>
      <c r="EY22" s="196">
        <v>131</v>
      </c>
      <c r="EZ22" s="195">
        <v>170</v>
      </c>
    </row>
    <row r="23" spans="2:156" ht="21" customHeight="1" x14ac:dyDescent="0.2">
      <c r="B23" s="106" t="s">
        <v>21</v>
      </c>
      <c r="C23" s="190">
        <v>0</v>
      </c>
      <c r="D23" s="191">
        <v>0</v>
      </c>
      <c r="E23" s="192">
        <v>0</v>
      </c>
      <c r="F23" s="193">
        <v>0</v>
      </c>
      <c r="G23" s="191">
        <v>15</v>
      </c>
      <c r="H23" s="191">
        <v>12</v>
      </c>
      <c r="I23" s="191">
        <v>4</v>
      </c>
      <c r="J23" s="191">
        <v>5</v>
      </c>
      <c r="K23" s="191">
        <v>5</v>
      </c>
      <c r="L23" s="194">
        <v>41</v>
      </c>
      <c r="M23" s="195">
        <v>41</v>
      </c>
      <c r="N23" s="190">
        <v>0</v>
      </c>
      <c r="O23" s="191">
        <v>0</v>
      </c>
      <c r="P23" s="196">
        <v>0</v>
      </c>
      <c r="Q23" s="193">
        <v>0</v>
      </c>
      <c r="R23" s="191">
        <v>0</v>
      </c>
      <c r="S23" s="191">
        <v>1</v>
      </c>
      <c r="T23" s="191">
        <v>0</v>
      </c>
      <c r="U23" s="191">
        <v>1</v>
      </c>
      <c r="V23" s="191">
        <v>5</v>
      </c>
      <c r="W23" s="196">
        <v>7</v>
      </c>
      <c r="X23" s="195">
        <v>7</v>
      </c>
      <c r="Y23" s="190">
        <v>0</v>
      </c>
      <c r="Z23" s="191">
        <v>1</v>
      </c>
      <c r="AA23" s="196">
        <v>1</v>
      </c>
      <c r="AB23" s="193">
        <v>0</v>
      </c>
      <c r="AC23" s="191">
        <v>11</v>
      </c>
      <c r="AD23" s="191">
        <v>8</v>
      </c>
      <c r="AE23" s="191">
        <v>7</v>
      </c>
      <c r="AF23" s="191">
        <v>3</v>
      </c>
      <c r="AG23" s="191">
        <v>4</v>
      </c>
      <c r="AH23" s="196">
        <v>33</v>
      </c>
      <c r="AI23" s="195">
        <v>34</v>
      </c>
      <c r="AJ23" s="190">
        <v>0</v>
      </c>
      <c r="AK23" s="191">
        <v>1</v>
      </c>
      <c r="AL23" s="196">
        <v>1</v>
      </c>
      <c r="AM23" s="193">
        <v>0</v>
      </c>
      <c r="AN23" s="191">
        <v>0</v>
      </c>
      <c r="AO23" s="191">
        <v>0</v>
      </c>
      <c r="AP23" s="191">
        <v>1</v>
      </c>
      <c r="AQ23" s="191">
        <v>0</v>
      </c>
      <c r="AR23" s="191">
        <v>1</v>
      </c>
      <c r="AS23" s="196">
        <v>2</v>
      </c>
      <c r="AT23" s="195">
        <v>3</v>
      </c>
      <c r="AU23" s="190">
        <v>3</v>
      </c>
      <c r="AV23" s="191">
        <v>6</v>
      </c>
      <c r="AW23" s="196">
        <v>9</v>
      </c>
      <c r="AX23" s="193">
        <v>0</v>
      </c>
      <c r="AY23" s="191">
        <v>17</v>
      </c>
      <c r="AZ23" s="191">
        <v>14</v>
      </c>
      <c r="BA23" s="191">
        <v>11</v>
      </c>
      <c r="BB23" s="191">
        <v>15</v>
      </c>
      <c r="BC23" s="191">
        <v>8</v>
      </c>
      <c r="BD23" s="194">
        <v>65</v>
      </c>
      <c r="BE23" s="195">
        <v>74</v>
      </c>
      <c r="BF23" s="190">
        <v>0</v>
      </c>
      <c r="BG23" s="191">
        <v>0</v>
      </c>
      <c r="BH23" s="196">
        <v>0</v>
      </c>
      <c r="BI23" s="193">
        <v>0</v>
      </c>
      <c r="BJ23" s="191">
        <v>16</v>
      </c>
      <c r="BK23" s="191">
        <v>12</v>
      </c>
      <c r="BL23" s="191">
        <v>4</v>
      </c>
      <c r="BM23" s="191">
        <v>3</v>
      </c>
      <c r="BN23" s="191">
        <v>0</v>
      </c>
      <c r="BO23" s="196">
        <v>35</v>
      </c>
      <c r="BP23" s="195">
        <v>35</v>
      </c>
      <c r="BQ23" s="190">
        <v>0</v>
      </c>
      <c r="BR23" s="191">
        <v>2</v>
      </c>
      <c r="BS23" s="196">
        <v>2</v>
      </c>
      <c r="BT23" s="193">
        <v>0</v>
      </c>
      <c r="BU23" s="191">
        <v>2</v>
      </c>
      <c r="BV23" s="191">
        <v>2</v>
      </c>
      <c r="BW23" s="191">
        <v>3</v>
      </c>
      <c r="BX23" s="191">
        <v>0</v>
      </c>
      <c r="BY23" s="191">
        <v>1</v>
      </c>
      <c r="BZ23" s="196">
        <v>8</v>
      </c>
      <c r="CA23" s="195">
        <v>10</v>
      </c>
      <c r="CB23" s="190">
        <v>0</v>
      </c>
      <c r="CC23" s="191">
        <v>1</v>
      </c>
      <c r="CD23" s="196">
        <v>1</v>
      </c>
      <c r="CE23" s="193">
        <v>0</v>
      </c>
      <c r="CF23" s="191">
        <v>2</v>
      </c>
      <c r="CG23" s="191">
        <v>1</v>
      </c>
      <c r="CH23" s="191">
        <v>2</v>
      </c>
      <c r="CI23" s="191">
        <v>0</v>
      </c>
      <c r="CJ23" s="191">
        <v>2</v>
      </c>
      <c r="CK23" s="196">
        <v>7</v>
      </c>
      <c r="CL23" s="195">
        <v>8</v>
      </c>
      <c r="CM23" s="190">
        <v>0</v>
      </c>
      <c r="CN23" s="191">
        <v>0</v>
      </c>
      <c r="CO23" s="196">
        <v>0</v>
      </c>
      <c r="CP23" s="193">
        <v>0</v>
      </c>
      <c r="CQ23" s="191">
        <v>0</v>
      </c>
      <c r="CR23" s="191">
        <v>0</v>
      </c>
      <c r="CS23" s="191">
        <v>1</v>
      </c>
      <c r="CT23" s="191">
        <v>0</v>
      </c>
      <c r="CU23" s="191">
        <v>0</v>
      </c>
      <c r="CV23" s="196">
        <v>1</v>
      </c>
      <c r="CW23" s="195">
        <v>1</v>
      </c>
      <c r="CX23" s="190">
        <v>0</v>
      </c>
      <c r="CY23" s="191">
        <v>0</v>
      </c>
      <c r="CZ23" s="196">
        <v>0</v>
      </c>
      <c r="DA23" s="193">
        <v>0</v>
      </c>
      <c r="DB23" s="191">
        <v>0</v>
      </c>
      <c r="DC23" s="191">
        <v>0</v>
      </c>
      <c r="DD23" s="191">
        <v>0</v>
      </c>
      <c r="DE23" s="191">
        <v>0</v>
      </c>
      <c r="DF23" s="191">
        <v>0</v>
      </c>
      <c r="DG23" s="196">
        <v>0</v>
      </c>
      <c r="DH23" s="195">
        <v>0</v>
      </c>
      <c r="DI23" s="190">
        <v>0</v>
      </c>
      <c r="DJ23" s="191">
        <v>0</v>
      </c>
      <c r="DK23" s="196">
        <v>0</v>
      </c>
      <c r="DL23" s="193">
        <v>0</v>
      </c>
      <c r="DM23" s="191">
        <v>0</v>
      </c>
      <c r="DN23" s="191">
        <v>0</v>
      </c>
      <c r="DO23" s="191">
        <v>0</v>
      </c>
      <c r="DP23" s="191">
        <v>0</v>
      </c>
      <c r="DQ23" s="191">
        <v>0</v>
      </c>
      <c r="DR23" s="196">
        <v>0</v>
      </c>
      <c r="DS23" s="195">
        <v>0</v>
      </c>
      <c r="DT23" s="190">
        <v>10</v>
      </c>
      <c r="DU23" s="191">
        <v>13</v>
      </c>
      <c r="DV23" s="196">
        <v>23</v>
      </c>
      <c r="DW23" s="193">
        <v>0</v>
      </c>
      <c r="DX23" s="191">
        <v>13</v>
      </c>
      <c r="DY23" s="191">
        <v>23</v>
      </c>
      <c r="DZ23" s="191">
        <v>14</v>
      </c>
      <c r="EA23" s="191">
        <v>8</v>
      </c>
      <c r="EB23" s="191">
        <v>6</v>
      </c>
      <c r="EC23" s="196">
        <v>64</v>
      </c>
      <c r="ED23" s="195">
        <v>87</v>
      </c>
      <c r="EE23" s="190">
        <v>3</v>
      </c>
      <c r="EF23" s="191">
        <v>1</v>
      </c>
      <c r="EG23" s="196">
        <v>4</v>
      </c>
      <c r="EH23" s="193">
        <v>0</v>
      </c>
      <c r="EI23" s="191">
        <v>5</v>
      </c>
      <c r="EJ23" s="191">
        <v>3</v>
      </c>
      <c r="EK23" s="191">
        <v>8</v>
      </c>
      <c r="EL23" s="191">
        <v>9</v>
      </c>
      <c r="EM23" s="191">
        <v>2</v>
      </c>
      <c r="EN23" s="196">
        <v>27</v>
      </c>
      <c r="EO23" s="195">
        <v>31</v>
      </c>
      <c r="EP23" s="190">
        <v>11</v>
      </c>
      <c r="EQ23" s="191">
        <v>16</v>
      </c>
      <c r="ER23" s="196">
        <v>27</v>
      </c>
      <c r="ES23" s="193">
        <v>0</v>
      </c>
      <c r="ET23" s="191">
        <v>45</v>
      </c>
      <c r="EU23" s="191">
        <v>30</v>
      </c>
      <c r="EV23" s="191">
        <v>16</v>
      </c>
      <c r="EW23" s="191">
        <v>10</v>
      </c>
      <c r="EX23" s="191">
        <v>6</v>
      </c>
      <c r="EY23" s="196">
        <v>107</v>
      </c>
      <c r="EZ23" s="195">
        <v>134</v>
      </c>
    </row>
    <row r="24" spans="2:156" ht="21" customHeight="1" x14ac:dyDescent="0.2">
      <c r="B24" s="106" t="s">
        <v>22</v>
      </c>
      <c r="C24" s="190">
        <v>0</v>
      </c>
      <c r="D24" s="191">
        <v>0</v>
      </c>
      <c r="E24" s="192">
        <v>0</v>
      </c>
      <c r="F24" s="193">
        <v>0</v>
      </c>
      <c r="G24" s="191">
        <v>4</v>
      </c>
      <c r="H24" s="191">
        <v>1</v>
      </c>
      <c r="I24" s="191">
        <v>2</v>
      </c>
      <c r="J24" s="191">
        <v>1</v>
      </c>
      <c r="K24" s="191">
        <v>3</v>
      </c>
      <c r="L24" s="194">
        <v>11</v>
      </c>
      <c r="M24" s="195">
        <v>11</v>
      </c>
      <c r="N24" s="190">
        <v>0</v>
      </c>
      <c r="O24" s="191">
        <v>0</v>
      </c>
      <c r="P24" s="196">
        <v>0</v>
      </c>
      <c r="Q24" s="193">
        <v>0</v>
      </c>
      <c r="R24" s="191">
        <v>0</v>
      </c>
      <c r="S24" s="191">
        <v>0</v>
      </c>
      <c r="T24" s="191">
        <v>0</v>
      </c>
      <c r="U24" s="191">
        <v>0</v>
      </c>
      <c r="V24" s="191">
        <v>5</v>
      </c>
      <c r="W24" s="196">
        <v>5</v>
      </c>
      <c r="X24" s="195">
        <v>5</v>
      </c>
      <c r="Y24" s="190">
        <v>0</v>
      </c>
      <c r="Z24" s="191">
        <v>0</v>
      </c>
      <c r="AA24" s="196">
        <v>0</v>
      </c>
      <c r="AB24" s="193">
        <v>0</v>
      </c>
      <c r="AC24" s="191">
        <v>5</v>
      </c>
      <c r="AD24" s="191">
        <v>1</v>
      </c>
      <c r="AE24" s="191">
        <v>2</v>
      </c>
      <c r="AF24" s="191">
        <v>2</v>
      </c>
      <c r="AG24" s="191">
        <v>6</v>
      </c>
      <c r="AH24" s="196">
        <v>16</v>
      </c>
      <c r="AI24" s="195">
        <v>16</v>
      </c>
      <c r="AJ24" s="190">
        <v>0</v>
      </c>
      <c r="AK24" s="191">
        <v>0</v>
      </c>
      <c r="AL24" s="196">
        <v>0</v>
      </c>
      <c r="AM24" s="193">
        <v>0</v>
      </c>
      <c r="AN24" s="191">
        <v>2</v>
      </c>
      <c r="AO24" s="191">
        <v>1</v>
      </c>
      <c r="AP24" s="191">
        <v>0</v>
      </c>
      <c r="AQ24" s="191">
        <v>2</v>
      </c>
      <c r="AR24" s="191">
        <v>0</v>
      </c>
      <c r="AS24" s="196">
        <v>5</v>
      </c>
      <c r="AT24" s="195">
        <v>5</v>
      </c>
      <c r="AU24" s="190">
        <v>0</v>
      </c>
      <c r="AV24" s="191">
        <v>0</v>
      </c>
      <c r="AW24" s="196">
        <v>0</v>
      </c>
      <c r="AX24" s="193">
        <v>0</v>
      </c>
      <c r="AY24" s="191">
        <v>1</v>
      </c>
      <c r="AZ24" s="191">
        <v>1</v>
      </c>
      <c r="BA24" s="191">
        <v>6</v>
      </c>
      <c r="BB24" s="191">
        <v>5</v>
      </c>
      <c r="BC24" s="191">
        <v>3</v>
      </c>
      <c r="BD24" s="194">
        <v>16</v>
      </c>
      <c r="BE24" s="195">
        <v>16</v>
      </c>
      <c r="BF24" s="190">
        <v>0</v>
      </c>
      <c r="BG24" s="191">
        <v>0</v>
      </c>
      <c r="BH24" s="196">
        <v>0</v>
      </c>
      <c r="BI24" s="193">
        <v>0</v>
      </c>
      <c r="BJ24" s="191">
        <v>3</v>
      </c>
      <c r="BK24" s="191">
        <v>9</v>
      </c>
      <c r="BL24" s="191">
        <v>3</v>
      </c>
      <c r="BM24" s="191">
        <v>6</v>
      </c>
      <c r="BN24" s="191">
        <v>2</v>
      </c>
      <c r="BO24" s="196">
        <v>23</v>
      </c>
      <c r="BP24" s="195">
        <v>23</v>
      </c>
      <c r="BQ24" s="190">
        <v>3</v>
      </c>
      <c r="BR24" s="191">
        <v>1</v>
      </c>
      <c r="BS24" s="196">
        <v>4</v>
      </c>
      <c r="BT24" s="193">
        <v>0</v>
      </c>
      <c r="BU24" s="191">
        <v>3</v>
      </c>
      <c r="BV24" s="191">
        <v>4</v>
      </c>
      <c r="BW24" s="191">
        <v>0</v>
      </c>
      <c r="BX24" s="191">
        <v>0</v>
      </c>
      <c r="BY24" s="191">
        <v>0</v>
      </c>
      <c r="BZ24" s="196">
        <v>7</v>
      </c>
      <c r="CA24" s="195">
        <v>11</v>
      </c>
      <c r="CB24" s="190">
        <v>0</v>
      </c>
      <c r="CC24" s="191">
        <v>0</v>
      </c>
      <c r="CD24" s="196">
        <v>0</v>
      </c>
      <c r="CE24" s="193">
        <v>0</v>
      </c>
      <c r="CF24" s="191">
        <v>0</v>
      </c>
      <c r="CG24" s="191">
        <v>3</v>
      </c>
      <c r="CH24" s="191">
        <v>2</v>
      </c>
      <c r="CI24" s="191">
        <v>1</v>
      </c>
      <c r="CJ24" s="191">
        <v>0</v>
      </c>
      <c r="CK24" s="196">
        <v>6</v>
      </c>
      <c r="CL24" s="195">
        <v>6</v>
      </c>
      <c r="CM24" s="190">
        <v>0</v>
      </c>
      <c r="CN24" s="191">
        <v>0</v>
      </c>
      <c r="CO24" s="196">
        <v>0</v>
      </c>
      <c r="CP24" s="193">
        <v>0</v>
      </c>
      <c r="CQ24" s="191">
        <v>0</v>
      </c>
      <c r="CR24" s="191">
        <v>0</v>
      </c>
      <c r="CS24" s="191">
        <v>1</v>
      </c>
      <c r="CT24" s="191">
        <v>0</v>
      </c>
      <c r="CU24" s="191">
        <v>0</v>
      </c>
      <c r="CV24" s="196">
        <v>1</v>
      </c>
      <c r="CW24" s="195">
        <v>1</v>
      </c>
      <c r="CX24" s="190">
        <v>0</v>
      </c>
      <c r="CY24" s="191">
        <v>0</v>
      </c>
      <c r="CZ24" s="196">
        <v>0</v>
      </c>
      <c r="DA24" s="193">
        <v>0</v>
      </c>
      <c r="DB24" s="191">
        <v>0</v>
      </c>
      <c r="DC24" s="191">
        <v>0</v>
      </c>
      <c r="DD24" s="191">
        <v>0</v>
      </c>
      <c r="DE24" s="191">
        <v>0</v>
      </c>
      <c r="DF24" s="191">
        <v>0</v>
      </c>
      <c r="DG24" s="196">
        <v>0</v>
      </c>
      <c r="DH24" s="195">
        <v>0</v>
      </c>
      <c r="DI24" s="190">
        <v>0</v>
      </c>
      <c r="DJ24" s="191">
        <v>0</v>
      </c>
      <c r="DK24" s="196">
        <v>0</v>
      </c>
      <c r="DL24" s="193">
        <v>0</v>
      </c>
      <c r="DM24" s="191">
        <v>0</v>
      </c>
      <c r="DN24" s="191">
        <v>0</v>
      </c>
      <c r="DO24" s="191">
        <v>0</v>
      </c>
      <c r="DP24" s="191">
        <v>0</v>
      </c>
      <c r="DQ24" s="191">
        <v>0</v>
      </c>
      <c r="DR24" s="196">
        <v>0</v>
      </c>
      <c r="DS24" s="195">
        <v>0</v>
      </c>
      <c r="DT24" s="190">
        <v>3</v>
      </c>
      <c r="DU24" s="191">
        <v>5</v>
      </c>
      <c r="DV24" s="196">
        <v>8</v>
      </c>
      <c r="DW24" s="193">
        <v>0</v>
      </c>
      <c r="DX24" s="191">
        <v>10</v>
      </c>
      <c r="DY24" s="191">
        <v>14</v>
      </c>
      <c r="DZ24" s="191">
        <v>4</v>
      </c>
      <c r="EA24" s="191">
        <v>6</v>
      </c>
      <c r="EB24" s="191">
        <v>7</v>
      </c>
      <c r="EC24" s="196">
        <v>41</v>
      </c>
      <c r="ED24" s="195">
        <v>49</v>
      </c>
      <c r="EE24" s="190">
        <v>0</v>
      </c>
      <c r="EF24" s="191">
        <v>0</v>
      </c>
      <c r="EG24" s="196">
        <v>0</v>
      </c>
      <c r="EH24" s="193">
        <v>0</v>
      </c>
      <c r="EI24" s="191">
        <v>3</v>
      </c>
      <c r="EJ24" s="191">
        <v>0</v>
      </c>
      <c r="EK24" s="191">
        <v>3</v>
      </c>
      <c r="EL24" s="191">
        <v>3</v>
      </c>
      <c r="EM24" s="191">
        <v>2</v>
      </c>
      <c r="EN24" s="196">
        <v>11</v>
      </c>
      <c r="EO24" s="195">
        <v>11</v>
      </c>
      <c r="EP24" s="190">
        <v>5</v>
      </c>
      <c r="EQ24" s="191">
        <v>6</v>
      </c>
      <c r="ER24" s="196">
        <v>11</v>
      </c>
      <c r="ES24" s="193">
        <v>0</v>
      </c>
      <c r="ET24" s="191">
        <v>20</v>
      </c>
      <c r="EU24" s="191">
        <v>18</v>
      </c>
      <c r="EV24" s="191">
        <v>5</v>
      </c>
      <c r="EW24" s="191">
        <v>7</v>
      </c>
      <c r="EX24" s="191">
        <v>7</v>
      </c>
      <c r="EY24" s="196">
        <v>57</v>
      </c>
      <c r="EZ24" s="195">
        <v>68</v>
      </c>
    </row>
    <row r="25" spans="2:156" ht="21" customHeight="1" x14ac:dyDescent="0.2">
      <c r="B25" s="106" t="s">
        <v>23</v>
      </c>
      <c r="C25" s="190">
        <v>0</v>
      </c>
      <c r="D25" s="191">
        <v>0</v>
      </c>
      <c r="E25" s="192">
        <v>0</v>
      </c>
      <c r="F25" s="193">
        <v>0</v>
      </c>
      <c r="G25" s="191">
        <v>0</v>
      </c>
      <c r="H25" s="191">
        <v>5</v>
      </c>
      <c r="I25" s="191">
        <v>6</v>
      </c>
      <c r="J25" s="191">
        <v>2</v>
      </c>
      <c r="K25" s="191">
        <v>1</v>
      </c>
      <c r="L25" s="194">
        <v>14</v>
      </c>
      <c r="M25" s="195">
        <v>14</v>
      </c>
      <c r="N25" s="190">
        <v>0</v>
      </c>
      <c r="O25" s="191">
        <v>0</v>
      </c>
      <c r="P25" s="196">
        <v>0</v>
      </c>
      <c r="Q25" s="193">
        <v>0</v>
      </c>
      <c r="R25" s="191">
        <v>0</v>
      </c>
      <c r="S25" s="191">
        <v>1</v>
      </c>
      <c r="T25" s="191">
        <v>1</v>
      </c>
      <c r="U25" s="191">
        <v>0</v>
      </c>
      <c r="V25" s="191">
        <v>0</v>
      </c>
      <c r="W25" s="196">
        <v>2</v>
      </c>
      <c r="X25" s="195">
        <v>2</v>
      </c>
      <c r="Y25" s="190">
        <v>3</v>
      </c>
      <c r="Z25" s="191">
        <v>3</v>
      </c>
      <c r="AA25" s="196">
        <v>6</v>
      </c>
      <c r="AB25" s="193">
        <v>0</v>
      </c>
      <c r="AC25" s="191">
        <v>3</v>
      </c>
      <c r="AD25" s="191">
        <v>10</v>
      </c>
      <c r="AE25" s="191">
        <v>7</v>
      </c>
      <c r="AF25" s="191">
        <v>3</v>
      </c>
      <c r="AG25" s="191">
        <v>3</v>
      </c>
      <c r="AH25" s="196">
        <v>26</v>
      </c>
      <c r="AI25" s="195">
        <v>32</v>
      </c>
      <c r="AJ25" s="190">
        <v>1</v>
      </c>
      <c r="AK25" s="191">
        <v>1</v>
      </c>
      <c r="AL25" s="196">
        <v>2</v>
      </c>
      <c r="AM25" s="193">
        <v>0</v>
      </c>
      <c r="AN25" s="191">
        <v>0</v>
      </c>
      <c r="AO25" s="191">
        <v>1</v>
      </c>
      <c r="AP25" s="191">
        <v>0</v>
      </c>
      <c r="AQ25" s="191">
        <v>0</v>
      </c>
      <c r="AR25" s="191">
        <v>0</v>
      </c>
      <c r="AS25" s="196">
        <v>1</v>
      </c>
      <c r="AT25" s="195">
        <v>3</v>
      </c>
      <c r="AU25" s="190">
        <v>0</v>
      </c>
      <c r="AV25" s="191">
        <v>0</v>
      </c>
      <c r="AW25" s="196">
        <v>0</v>
      </c>
      <c r="AX25" s="193">
        <v>0</v>
      </c>
      <c r="AY25" s="191">
        <v>6</v>
      </c>
      <c r="AZ25" s="191">
        <v>6</v>
      </c>
      <c r="BA25" s="191">
        <v>10</v>
      </c>
      <c r="BB25" s="191">
        <v>13</v>
      </c>
      <c r="BC25" s="191">
        <v>7</v>
      </c>
      <c r="BD25" s="194">
        <v>42</v>
      </c>
      <c r="BE25" s="195">
        <v>42</v>
      </c>
      <c r="BF25" s="190">
        <v>0</v>
      </c>
      <c r="BG25" s="191">
        <v>0</v>
      </c>
      <c r="BH25" s="196">
        <v>0</v>
      </c>
      <c r="BI25" s="193">
        <v>0</v>
      </c>
      <c r="BJ25" s="191">
        <v>10</v>
      </c>
      <c r="BK25" s="191">
        <v>10</v>
      </c>
      <c r="BL25" s="191">
        <v>6</v>
      </c>
      <c r="BM25" s="191">
        <v>5</v>
      </c>
      <c r="BN25" s="191">
        <v>1</v>
      </c>
      <c r="BO25" s="196">
        <v>32</v>
      </c>
      <c r="BP25" s="195">
        <v>32</v>
      </c>
      <c r="BQ25" s="190">
        <v>0</v>
      </c>
      <c r="BR25" s="191">
        <v>0</v>
      </c>
      <c r="BS25" s="196">
        <v>0</v>
      </c>
      <c r="BT25" s="193">
        <v>0</v>
      </c>
      <c r="BU25" s="191">
        <v>1</v>
      </c>
      <c r="BV25" s="191">
        <v>0</v>
      </c>
      <c r="BW25" s="191">
        <v>2</v>
      </c>
      <c r="BX25" s="191">
        <v>1</v>
      </c>
      <c r="BY25" s="191">
        <v>1</v>
      </c>
      <c r="BZ25" s="196">
        <v>5</v>
      </c>
      <c r="CA25" s="195">
        <v>5</v>
      </c>
      <c r="CB25" s="190">
        <v>0</v>
      </c>
      <c r="CC25" s="191">
        <v>0</v>
      </c>
      <c r="CD25" s="196">
        <v>0</v>
      </c>
      <c r="CE25" s="193">
        <v>0</v>
      </c>
      <c r="CF25" s="191">
        <v>3</v>
      </c>
      <c r="CG25" s="191">
        <v>2</v>
      </c>
      <c r="CH25" s="191">
        <v>4</v>
      </c>
      <c r="CI25" s="191">
        <v>1</v>
      </c>
      <c r="CJ25" s="191">
        <v>0</v>
      </c>
      <c r="CK25" s="196">
        <v>10</v>
      </c>
      <c r="CL25" s="195">
        <v>10</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c r="DI25" s="190">
        <v>0</v>
      </c>
      <c r="DJ25" s="191">
        <v>0</v>
      </c>
      <c r="DK25" s="196">
        <v>0</v>
      </c>
      <c r="DL25" s="193">
        <v>0</v>
      </c>
      <c r="DM25" s="191">
        <v>0</v>
      </c>
      <c r="DN25" s="191">
        <v>0</v>
      </c>
      <c r="DO25" s="191">
        <v>0</v>
      </c>
      <c r="DP25" s="191">
        <v>0</v>
      </c>
      <c r="DQ25" s="191">
        <v>0</v>
      </c>
      <c r="DR25" s="196">
        <v>0</v>
      </c>
      <c r="DS25" s="195">
        <v>0</v>
      </c>
      <c r="DT25" s="190">
        <v>4</v>
      </c>
      <c r="DU25" s="191">
        <v>6</v>
      </c>
      <c r="DV25" s="196">
        <v>10</v>
      </c>
      <c r="DW25" s="193">
        <v>0</v>
      </c>
      <c r="DX25" s="191">
        <v>9</v>
      </c>
      <c r="DY25" s="191">
        <v>14</v>
      </c>
      <c r="DZ25" s="191">
        <v>13</v>
      </c>
      <c r="EA25" s="191">
        <v>9</v>
      </c>
      <c r="EB25" s="191">
        <v>4</v>
      </c>
      <c r="EC25" s="196">
        <v>49</v>
      </c>
      <c r="ED25" s="195">
        <v>59</v>
      </c>
      <c r="EE25" s="190">
        <v>0</v>
      </c>
      <c r="EF25" s="191">
        <v>0</v>
      </c>
      <c r="EG25" s="196">
        <v>0</v>
      </c>
      <c r="EH25" s="193">
        <v>0</v>
      </c>
      <c r="EI25" s="191">
        <v>3</v>
      </c>
      <c r="EJ25" s="191">
        <v>2</v>
      </c>
      <c r="EK25" s="191">
        <v>0</v>
      </c>
      <c r="EL25" s="191">
        <v>8</v>
      </c>
      <c r="EM25" s="191">
        <v>5</v>
      </c>
      <c r="EN25" s="196">
        <v>18</v>
      </c>
      <c r="EO25" s="195">
        <v>18</v>
      </c>
      <c r="EP25" s="190">
        <v>6</v>
      </c>
      <c r="EQ25" s="191">
        <v>7</v>
      </c>
      <c r="ER25" s="196">
        <v>13</v>
      </c>
      <c r="ES25" s="193">
        <v>0</v>
      </c>
      <c r="ET25" s="191">
        <v>15</v>
      </c>
      <c r="EU25" s="191">
        <v>22</v>
      </c>
      <c r="EV25" s="191">
        <v>18</v>
      </c>
      <c r="EW25" s="191">
        <v>9</v>
      </c>
      <c r="EX25" s="191">
        <v>6</v>
      </c>
      <c r="EY25" s="196">
        <v>70</v>
      </c>
      <c r="EZ25" s="195">
        <v>83</v>
      </c>
    </row>
    <row r="26" spans="2:156" ht="21" customHeight="1" x14ac:dyDescent="0.2">
      <c r="B26" s="106" t="s">
        <v>24</v>
      </c>
      <c r="C26" s="190">
        <v>0</v>
      </c>
      <c r="D26" s="191">
        <v>0</v>
      </c>
      <c r="E26" s="192">
        <v>0</v>
      </c>
      <c r="F26" s="193">
        <v>0</v>
      </c>
      <c r="G26" s="191">
        <v>8</v>
      </c>
      <c r="H26" s="191">
        <v>7</v>
      </c>
      <c r="I26" s="191">
        <v>3</v>
      </c>
      <c r="J26" s="191">
        <v>3</v>
      </c>
      <c r="K26" s="191">
        <v>2</v>
      </c>
      <c r="L26" s="194">
        <v>23</v>
      </c>
      <c r="M26" s="195">
        <v>23</v>
      </c>
      <c r="N26" s="190">
        <v>0</v>
      </c>
      <c r="O26" s="191">
        <v>0</v>
      </c>
      <c r="P26" s="196">
        <v>0</v>
      </c>
      <c r="Q26" s="193">
        <v>0</v>
      </c>
      <c r="R26" s="191">
        <v>1</v>
      </c>
      <c r="S26" s="191">
        <v>0</v>
      </c>
      <c r="T26" s="191">
        <v>0</v>
      </c>
      <c r="U26" s="191">
        <v>0</v>
      </c>
      <c r="V26" s="191">
        <v>2</v>
      </c>
      <c r="W26" s="196">
        <v>3</v>
      </c>
      <c r="X26" s="195">
        <v>3</v>
      </c>
      <c r="Y26" s="190">
        <v>3</v>
      </c>
      <c r="Z26" s="191">
        <v>2</v>
      </c>
      <c r="AA26" s="196">
        <v>5</v>
      </c>
      <c r="AB26" s="193">
        <v>0</v>
      </c>
      <c r="AC26" s="191">
        <v>7</v>
      </c>
      <c r="AD26" s="191">
        <v>5</v>
      </c>
      <c r="AE26" s="191">
        <v>4</v>
      </c>
      <c r="AF26" s="191">
        <v>5</v>
      </c>
      <c r="AG26" s="191">
        <v>4</v>
      </c>
      <c r="AH26" s="196">
        <v>25</v>
      </c>
      <c r="AI26" s="195">
        <v>30</v>
      </c>
      <c r="AJ26" s="190">
        <v>0</v>
      </c>
      <c r="AK26" s="191">
        <v>0</v>
      </c>
      <c r="AL26" s="196">
        <v>0</v>
      </c>
      <c r="AM26" s="193">
        <v>0</v>
      </c>
      <c r="AN26" s="191">
        <v>0</v>
      </c>
      <c r="AO26" s="191">
        <v>0</v>
      </c>
      <c r="AP26" s="191">
        <v>0</v>
      </c>
      <c r="AQ26" s="191">
        <v>0</v>
      </c>
      <c r="AR26" s="191">
        <v>1</v>
      </c>
      <c r="AS26" s="196">
        <v>1</v>
      </c>
      <c r="AT26" s="195">
        <v>1</v>
      </c>
      <c r="AU26" s="190">
        <v>1</v>
      </c>
      <c r="AV26" s="191">
        <v>2</v>
      </c>
      <c r="AW26" s="196">
        <v>3</v>
      </c>
      <c r="AX26" s="193">
        <v>0</v>
      </c>
      <c r="AY26" s="191">
        <v>14</v>
      </c>
      <c r="AZ26" s="191">
        <v>6</v>
      </c>
      <c r="BA26" s="191">
        <v>9</v>
      </c>
      <c r="BB26" s="191">
        <v>12</v>
      </c>
      <c r="BC26" s="191">
        <v>10</v>
      </c>
      <c r="BD26" s="194">
        <v>51</v>
      </c>
      <c r="BE26" s="195">
        <v>54</v>
      </c>
      <c r="BF26" s="190">
        <v>0</v>
      </c>
      <c r="BG26" s="191">
        <v>0</v>
      </c>
      <c r="BH26" s="196">
        <v>0</v>
      </c>
      <c r="BI26" s="193">
        <v>0</v>
      </c>
      <c r="BJ26" s="191">
        <v>11</v>
      </c>
      <c r="BK26" s="191">
        <v>8</v>
      </c>
      <c r="BL26" s="191">
        <v>1</v>
      </c>
      <c r="BM26" s="191">
        <v>1</v>
      </c>
      <c r="BN26" s="191">
        <v>1</v>
      </c>
      <c r="BO26" s="196">
        <v>22</v>
      </c>
      <c r="BP26" s="195">
        <v>22</v>
      </c>
      <c r="BQ26" s="190">
        <v>2</v>
      </c>
      <c r="BR26" s="191">
        <v>1</v>
      </c>
      <c r="BS26" s="196">
        <v>3</v>
      </c>
      <c r="BT26" s="193">
        <v>0</v>
      </c>
      <c r="BU26" s="191">
        <v>6</v>
      </c>
      <c r="BV26" s="191">
        <v>2</v>
      </c>
      <c r="BW26" s="191">
        <v>1</v>
      </c>
      <c r="BX26" s="191">
        <v>1</v>
      </c>
      <c r="BY26" s="191">
        <v>2</v>
      </c>
      <c r="BZ26" s="196">
        <v>12</v>
      </c>
      <c r="CA26" s="195">
        <v>15</v>
      </c>
      <c r="CB26" s="190">
        <v>0</v>
      </c>
      <c r="CC26" s="191">
        <v>0</v>
      </c>
      <c r="CD26" s="196">
        <v>0</v>
      </c>
      <c r="CE26" s="193">
        <v>0</v>
      </c>
      <c r="CF26" s="191">
        <v>0</v>
      </c>
      <c r="CG26" s="191">
        <v>0</v>
      </c>
      <c r="CH26" s="191">
        <v>1</v>
      </c>
      <c r="CI26" s="191">
        <v>0</v>
      </c>
      <c r="CJ26" s="191">
        <v>1</v>
      </c>
      <c r="CK26" s="196">
        <v>2</v>
      </c>
      <c r="CL26" s="195">
        <v>2</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c r="DI26" s="190">
        <v>0</v>
      </c>
      <c r="DJ26" s="191">
        <v>0</v>
      </c>
      <c r="DK26" s="196">
        <v>0</v>
      </c>
      <c r="DL26" s="193">
        <v>0</v>
      </c>
      <c r="DM26" s="191">
        <v>0</v>
      </c>
      <c r="DN26" s="191">
        <v>0</v>
      </c>
      <c r="DO26" s="191">
        <v>0</v>
      </c>
      <c r="DP26" s="191">
        <v>0</v>
      </c>
      <c r="DQ26" s="191">
        <v>0</v>
      </c>
      <c r="DR26" s="196">
        <v>0</v>
      </c>
      <c r="DS26" s="195">
        <v>0</v>
      </c>
      <c r="DT26" s="190">
        <v>5</v>
      </c>
      <c r="DU26" s="191">
        <v>11</v>
      </c>
      <c r="DV26" s="196">
        <v>16</v>
      </c>
      <c r="DW26" s="193">
        <v>0</v>
      </c>
      <c r="DX26" s="191">
        <v>12</v>
      </c>
      <c r="DY26" s="191">
        <v>14</v>
      </c>
      <c r="DZ26" s="191">
        <v>7</v>
      </c>
      <c r="EA26" s="191">
        <v>9</v>
      </c>
      <c r="EB26" s="191">
        <v>5</v>
      </c>
      <c r="EC26" s="196">
        <v>47</v>
      </c>
      <c r="ED26" s="195">
        <v>63</v>
      </c>
      <c r="EE26" s="190">
        <v>2</v>
      </c>
      <c r="EF26" s="191">
        <v>3</v>
      </c>
      <c r="EG26" s="196">
        <v>5</v>
      </c>
      <c r="EH26" s="193">
        <v>0</v>
      </c>
      <c r="EI26" s="191">
        <v>7</v>
      </c>
      <c r="EJ26" s="191">
        <v>5</v>
      </c>
      <c r="EK26" s="191">
        <v>4</v>
      </c>
      <c r="EL26" s="191">
        <v>5</v>
      </c>
      <c r="EM26" s="191">
        <v>4</v>
      </c>
      <c r="EN26" s="196">
        <v>25</v>
      </c>
      <c r="EO26" s="195">
        <v>30</v>
      </c>
      <c r="EP26" s="190">
        <v>8</v>
      </c>
      <c r="EQ26" s="191">
        <v>13</v>
      </c>
      <c r="ER26" s="196">
        <v>21</v>
      </c>
      <c r="ES26" s="193">
        <v>0</v>
      </c>
      <c r="ET26" s="191">
        <v>20</v>
      </c>
      <c r="EU26" s="191">
        <v>17</v>
      </c>
      <c r="EV26" s="191">
        <v>7</v>
      </c>
      <c r="EW26" s="191">
        <v>7</v>
      </c>
      <c r="EX26" s="191">
        <v>4</v>
      </c>
      <c r="EY26" s="196">
        <v>55</v>
      </c>
      <c r="EZ26" s="195">
        <v>76</v>
      </c>
    </row>
    <row r="27" spans="2:156" ht="21" customHeight="1" x14ac:dyDescent="0.2">
      <c r="B27" s="106" t="s">
        <v>25</v>
      </c>
      <c r="C27" s="190">
        <v>0</v>
      </c>
      <c r="D27" s="191">
        <v>0</v>
      </c>
      <c r="E27" s="192">
        <v>0</v>
      </c>
      <c r="F27" s="193">
        <v>0</v>
      </c>
      <c r="G27" s="191">
        <v>0</v>
      </c>
      <c r="H27" s="191">
        <v>2</v>
      </c>
      <c r="I27" s="191">
        <v>4</v>
      </c>
      <c r="J27" s="191">
        <v>0</v>
      </c>
      <c r="K27" s="191">
        <v>2</v>
      </c>
      <c r="L27" s="194">
        <v>8</v>
      </c>
      <c r="M27" s="195">
        <v>8</v>
      </c>
      <c r="N27" s="190">
        <v>0</v>
      </c>
      <c r="O27" s="191">
        <v>0</v>
      </c>
      <c r="P27" s="196">
        <v>0</v>
      </c>
      <c r="Q27" s="193">
        <v>0</v>
      </c>
      <c r="R27" s="191">
        <v>0</v>
      </c>
      <c r="S27" s="191">
        <v>0</v>
      </c>
      <c r="T27" s="191">
        <v>1</v>
      </c>
      <c r="U27" s="191">
        <v>0</v>
      </c>
      <c r="V27" s="191">
        <v>1</v>
      </c>
      <c r="W27" s="196">
        <v>2</v>
      </c>
      <c r="X27" s="195">
        <v>2</v>
      </c>
      <c r="Y27" s="190">
        <v>2</v>
      </c>
      <c r="Z27" s="191">
        <v>5</v>
      </c>
      <c r="AA27" s="196">
        <v>7</v>
      </c>
      <c r="AB27" s="193">
        <v>0</v>
      </c>
      <c r="AC27" s="191">
        <v>2</v>
      </c>
      <c r="AD27" s="191">
        <v>1</v>
      </c>
      <c r="AE27" s="191">
        <v>2</v>
      </c>
      <c r="AF27" s="191">
        <v>0</v>
      </c>
      <c r="AG27" s="191">
        <v>1</v>
      </c>
      <c r="AH27" s="196">
        <v>6</v>
      </c>
      <c r="AI27" s="195">
        <v>13</v>
      </c>
      <c r="AJ27" s="190">
        <v>0</v>
      </c>
      <c r="AK27" s="191">
        <v>0</v>
      </c>
      <c r="AL27" s="196">
        <v>0</v>
      </c>
      <c r="AM27" s="193">
        <v>0</v>
      </c>
      <c r="AN27" s="191">
        <v>0</v>
      </c>
      <c r="AO27" s="191">
        <v>0</v>
      </c>
      <c r="AP27" s="191">
        <v>0</v>
      </c>
      <c r="AQ27" s="191">
        <v>0</v>
      </c>
      <c r="AR27" s="191">
        <v>0</v>
      </c>
      <c r="AS27" s="196">
        <v>0</v>
      </c>
      <c r="AT27" s="195">
        <v>0</v>
      </c>
      <c r="AU27" s="190">
        <v>1</v>
      </c>
      <c r="AV27" s="191">
        <v>1</v>
      </c>
      <c r="AW27" s="196">
        <v>2</v>
      </c>
      <c r="AX27" s="193">
        <v>0</v>
      </c>
      <c r="AY27" s="191">
        <v>1</v>
      </c>
      <c r="AZ27" s="191">
        <v>2</v>
      </c>
      <c r="BA27" s="191">
        <v>4</v>
      </c>
      <c r="BB27" s="191">
        <v>1</v>
      </c>
      <c r="BC27" s="191">
        <v>2</v>
      </c>
      <c r="BD27" s="194">
        <v>10</v>
      </c>
      <c r="BE27" s="195">
        <v>12</v>
      </c>
      <c r="BF27" s="190">
        <v>0</v>
      </c>
      <c r="BG27" s="191">
        <v>0</v>
      </c>
      <c r="BH27" s="196">
        <v>0</v>
      </c>
      <c r="BI27" s="193">
        <v>0</v>
      </c>
      <c r="BJ27" s="191">
        <v>1</v>
      </c>
      <c r="BK27" s="191">
        <v>3</v>
      </c>
      <c r="BL27" s="191">
        <v>3</v>
      </c>
      <c r="BM27" s="191">
        <v>0</v>
      </c>
      <c r="BN27" s="191">
        <v>0</v>
      </c>
      <c r="BO27" s="196">
        <v>7</v>
      </c>
      <c r="BP27" s="195">
        <v>7</v>
      </c>
      <c r="BQ27" s="190">
        <v>0</v>
      </c>
      <c r="BR27" s="191">
        <v>0</v>
      </c>
      <c r="BS27" s="196">
        <v>0</v>
      </c>
      <c r="BT27" s="193">
        <v>0</v>
      </c>
      <c r="BU27" s="191">
        <v>2</v>
      </c>
      <c r="BV27" s="191">
        <v>1</v>
      </c>
      <c r="BW27" s="191">
        <v>1</v>
      </c>
      <c r="BX27" s="191">
        <v>0</v>
      </c>
      <c r="BY27" s="191">
        <v>1</v>
      </c>
      <c r="BZ27" s="196">
        <v>5</v>
      </c>
      <c r="CA27" s="195">
        <v>5</v>
      </c>
      <c r="CB27" s="190">
        <v>0</v>
      </c>
      <c r="CC27" s="191">
        <v>0</v>
      </c>
      <c r="CD27" s="196">
        <v>0</v>
      </c>
      <c r="CE27" s="193">
        <v>0</v>
      </c>
      <c r="CF27" s="191">
        <v>1</v>
      </c>
      <c r="CG27" s="191">
        <v>0</v>
      </c>
      <c r="CH27" s="191">
        <v>1</v>
      </c>
      <c r="CI27" s="191">
        <v>0</v>
      </c>
      <c r="CJ27" s="191">
        <v>0</v>
      </c>
      <c r="CK27" s="196">
        <v>2</v>
      </c>
      <c r="CL27" s="195">
        <v>2</v>
      </c>
      <c r="CM27" s="190">
        <v>0</v>
      </c>
      <c r="CN27" s="191">
        <v>0</v>
      </c>
      <c r="CO27" s="196">
        <v>0</v>
      </c>
      <c r="CP27" s="193">
        <v>0</v>
      </c>
      <c r="CQ27" s="191">
        <v>0</v>
      </c>
      <c r="CR27" s="191">
        <v>1</v>
      </c>
      <c r="CS27" s="191">
        <v>0</v>
      </c>
      <c r="CT27" s="191">
        <v>0</v>
      </c>
      <c r="CU27" s="191">
        <v>0</v>
      </c>
      <c r="CV27" s="196">
        <v>1</v>
      </c>
      <c r="CW27" s="195">
        <v>1</v>
      </c>
      <c r="CX27" s="190">
        <v>0</v>
      </c>
      <c r="CY27" s="191">
        <v>0</v>
      </c>
      <c r="CZ27" s="196">
        <v>0</v>
      </c>
      <c r="DA27" s="193">
        <v>0</v>
      </c>
      <c r="DB27" s="191">
        <v>0</v>
      </c>
      <c r="DC27" s="191">
        <v>0</v>
      </c>
      <c r="DD27" s="191">
        <v>0</v>
      </c>
      <c r="DE27" s="191">
        <v>0</v>
      </c>
      <c r="DF27" s="191">
        <v>0</v>
      </c>
      <c r="DG27" s="196">
        <v>0</v>
      </c>
      <c r="DH27" s="195">
        <v>0</v>
      </c>
      <c r="DI27" s="190">
        <v>0</v>
      </c>
      <c r="DJ27" s="191">
        <v>0</v>
      </c>
      <c r="DK27" s="196">
        <v>0</v>
      </c>
      <c r="DL27" s="193">
        <v>0</v>
      </c>
      <c r="DM27" s="191">
        <v>0</v>
      </c>
      <c r="DN27" s="191">
        <v>0</v>
      </c>
      <c r="DO27" s="191">
        <v>0</v>
      </c>
      <c r="DP27" s="191">
        <v>0</v>
      </c>
      <c r="DQ27" s="191">
        <v>0</v>
      </c>
      <c r="DR27" s="196">
        <v>0</v>
      </c>
      <c r="DS27" s="195">
        <v>0</v>
      </c>
      <c r="DT27" s="190">
        <v>5</v>
      </c>
      <c r="DU27" s="191">
        <v>7</v>
      </c>
      <c r="DV27" s="196">
        <v>12</v>
      </c>
      <c r="DW27" s="193">
        <v>0</v>
      </c>
      <c r="DX27" s="191">
        <v>4</v>
      </c>
      <c r="DY27" s="191">
        <v>5</v>
      </c>
      <c r="DZ27" s="191">
        <v>7</v>
      </c>
      <c r="EA27" s="191">
        <v>0</v>
      </c>
      <c r="EB27" s="191">
        <v>4</v>
      </c>
      <c r="EC27" s="196">
        <v>20</v>
      </c>
      <c r="ED27" s="195">
        <v>32</v>
      </c>
      <c r="EE27" s="190">
        <v>0</v>
      </c>
      <c r="EF27" s="191">
        <v>0</v>
      </c>
      <c r="EG27" s="196">
        <v>0</v>
      </c>
      <c r="EH27" s="193">
        <v>0</v>
      </c>
      <c r="EI27" s="191">
        <v>1</v>
      </c>
      <c r="EJ27" s="191">
        <v>2</v>
      </c>
      <c r="EK27" s="191">
        <v>2</v>
      </c>
      <c r="EL27" s="191">
        <v>1</v>
      </c>
      <c r="EM27" s="191">
        <v>0</v>
      </c>
      <c r="EN27" s="196">
        <v>6</v>
      </c>
      <c r="EO27" s="195">
        <v>6</v>
      </c>
      <c r="EP27" s="190">
        <v>7</v>
      </c>
      <c r="EQ27" s="191">
        <v>10</v>
      </c>
      <c r="ER27" s="196">
        <v>17</v>
      </c>
      <c r="ES27" s="193">
        <v>0</v>
      </c>
      <c r="ET27" s="191">
        <v>7</v>
      </c>
      <c r="EU27" s="191">
        <v>8</v>
      </c>
      <c r="EV27" s="191">
        <v>7</v>
      </c>
      <c r="EW27" s="191">
        <v>0</v>
      </c>
      <c r="EX27" s="191">
        <v>5</v>
      </c>
      <c r="EY27" s="196">
        <v>27</v>
      </c>
      <c r="EZ27" s="195">
        <v>44</v>
      </c>
    </row>
    <row r="28" spans="2:156" ht="21" customHeight="1" x14ac:dyDescent="0.2">
      <c r="B28" s="106" t="s">
        <v>26</v>
      </c>
      <c r="C28" s="190">
        <v>0</v>
      </c>
      <c r="D28" s="191">
        <v>0</v>
      </c>
      <c r="E28" s="192">
        <v>0</v>
      </c>
      <c r="F28" s="193">
        <v>0</v>
      </c>
      <c r="G28" s="191">
        <v>4</v>
      </c>
      <c r="H28" s="191">
        <v>4</v>
      </c>
      <c r="I28" s="191">
        <v>4</v>
      </c>
      <c r="J28" s="191">
        <v>0</v>
      </c>
      <c r="K28" s="191">
        <v>4</v>
      </c>
      <c r="L28" s="194">
        <v>16</v>
      </c>
      <c r="M28" s="195">
        <v>16</v>
      </c>
      <c r="N28" s="190">
        <v>0</v>
      </c>
      <c r="O28" s="191">
        <v>0</v>
      </c>
      <c r="P28" s="196">
        <v>0</v>
      </c>
      <c r="Q28" s="193">
        <v>0</v>
      </c>
      <c r="R28" s="191">
        <v>0</v>
      </c>
      <c r="S28" s="191">
        <v>0</v>
      </c>
      <c r="T28" s="191">
        <v>0</v>
      </c>
      <c r="U28" s="191">
        <v>0</v>
      </c>
      <c r="V28" s="191">
        <v>1</v>
      </c>
      <c r="W28" s="196">
        <v>1</v>
      </c>
      <c r="X28" s="195">
        <v>1</v>
      </c>
      <c r="Y28" s="190">
        <v>0</v>
      </c>
      <c r="Z28" s="191">
        <v>1</v>
      </c>
      <c r="AA28" s="196">
        <v>1</v>
      </c>
      <c r="AB28" s="193">
        <v>0</v>
      </c>
      <c r="AC28" s="191">
        <v>4</v>
      </c>
      <c r="AD28" s="191">
        <v>3</v>
      </c>
      <c r="AE28" s="191">
        <v>2</v>
      </c>
      <c r="AF28" s="191">
        <v>0</v>
      </c>
      <c r="AG28" s="191">
        <v>4</v>
      </c>
      <c r="AH28" s="196">
        <v>13</v>
      </c>
      <c r="AI28" s="195">
        <v>14</v>
      </c>
      <c r="AJ28" s="190">
        <v>0</v>
      </c>
      <c r="AK28" s="191">
        <v>1</v>
      </c>
      <c r="AL28" s="196">
        <v>1</v>
      </c>
      <c r="AM28" s="193">
        <v>0</v>
      </c>
      <c r="AN28" s="191">
        <v>1</v>
      </c>
      <c r="AO28" s="191">
        <v>0</v>
      </c>
      <c r="AP28" s="191">
        <v>1</v>
      </c>
      <c r="AQ28" s="191">
        <v>0</v>
      </c>
      <c r="AR28" s="191">
        <v>0</v>
      </c>
      <c r="AS28" s="196">
        <v>2</v>
      </c>
      <c r="AT28" s="195">
        <v>3</v>
      </c>
      <c r="AU28" s="190">
        <v>2</v>
      </c>
      <c r="AV28" s="191">
        <v>0</v>
      </c>
      <c r="AW28" s="196">
        <v>2</v>
      </c>
      <c r="AX28" s="193">
        <v>0</v>
      </c>
      <c r="AY28" s="191">
        <v>9</v>
      </c>
      <c r="AZ28" s="191">
        <v>5</v>
      </c>
      <c r="BA28" s="191">
        <v>7</v>
      </c>
      <c r="BB28" s="191">
        <v>4</v>
      </c>
      <c r="BC28" s="191">
        <v>7</v>
      </c>
      <c r="BD28" s="194">
        <v>32</v>
      </c>
      <c r="BE28" s="195">
        <v>34</v>
      </c>
      <c r="BF28" s="190">
        <v>0</v>
      </c>
      <c r="BG28" s="191">
        <v>0</v>
      </c>
      <c r="BH28" s="196">
        <v>0</v>
      </c>
      <c r="BI28" s="193">
        <v>0</v>
      </c>
      <c r="BJ28" s="191">
        <v>9</v>
      </c>
      <c r="BK28" s="191">
        <v>3</v>
      </c>
      <c r="BL28" s="191">
        <v>1</v>
      </c>
      <c r="BM28" s="191">
        <v>0</v>
      </c>
      <c r="BN28" s="191">
        <v>1</v>
      </c>
      <c r="BO28" s="196">
        <v>14</v>
      </c>
      <c r="BP28" s="195">
        <v>14</v>
      </c>
      <c r="BQ28" s="190">
        <v>0</v>
      </c>
      <c r="BR28" s="191">
        <v>0</v>
      </c>
      <c r="BS28" s="196">
        <v>0</v>
      </c>
      <c r="BT28" s="193">
        <v>0</v>
      </c>
      <c r="BU28" s="191">
        <v>2</v>
      </c>
      <c r="BV28" s="191">
        <v>3</v>
      </c>
      <c r="BW28" s="191">
        <v>1</v>
      </c>
      <c r="BX28" s="191">
        <v>0</v>
      </c>
      <c r="BY28" s="191">
        <v>0</v>
      </c>
      <c r="BZ28" s="196">
        <v>6</v>
      </c>
      <c r="CA28" s="195">
        <v>6</v>
      </c>
      <c r="CB28" s="190">
        <v>0</v>
      </c>
      <c r="CC28" s="191">
        <v>0</v>
      </c>
      <c r="CD28" s="196">
        <v>0</v>
      </c>
      <c r="CE28" s="193">
        <v>0</v>
      </c>
      <c r="CF28" s="191">
        <v>2</v>
      </c>
      <c r="CG28" s="191">
        <v>1</v>
      </c>
      <c r="CH28" s="191">
        <v>0</v>
      </c>
      <c r="CI28" s="191">
        <v>0</v>
      </c>
      <c r="CJ28" s="191">
        <v>0</v>
      </c>
      <c r="CK28" s="196">
        <v>3</v>
      </c>
      <c r="CL28" s="195">
        <v>3</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c r="DI28" s="190">
        <v>0</v>
      </c>
      <c r="DJ28" s="191">
        <v>0</v>
      </c>
      <c r="DK28" s="196">
        <v>0</v>
      </c>
      <c r="DL28" s="193">
        <v>0</v>
      </c>
      <c r="DM28" s="191">
        <v>0</v>
      </c>
      <c r="DN28" s="191">
        <v>0</v>
      </c>
      <c r="DO28" s="191">
        <v>0</v>
      </c>
      <c r="DP28" s="191">
        <v>0</v>
      </c>
      <c r="DQ28" s="191">
        <v>0</v>
      </c>
      <c r="DR28" s="196">
        <v>0</v>
      </c>
      <c r="DS28" s="195">
        <v>0</v>
      </c>
      <c r="DT28" s="190">
        <v>1</v>
      </c>
      <c r="DU28" s="191">
        <v>5</v>
      </c>
      <c r="DV28" s="196">
        <v>6</v>
      </c>
      <c r="DW28" s="193">
        <v>0</v>
      </c>
      <c r="DX28" s="191">
        <v>6</v>
      </c>
      <c r="DY28" s="191">
        <v>11</v>
      </c>
      <c r="DZ28" s="191">
        <v>5</v>
      </c>
      <c r="EA28" s="191">
        <v>0</v>
      </c>
      <c r="EB28" s="191">
        <v>5</v>
      </c>
      <c r="EC28" s="196">
        <v>27</v>
      </c>
      <c r="ED28" s="195">
        <v>33</v>
      </c>
      <c r="EE28" s="190">
        <v>2</v>
      </c>
      <c r="EF28" s="191">
        <v>1</v>
      </c>
      <c r="EG28" s="196">
        <v>3</v>
      </c>
      <c r="EH28" s="193">
        <v>0</v>
      </c>
      <c r="EI28" s="191">
        <v>7</v>
      </c>
      <c r="EJ28" s="191">
        <v>2</v>
      </c>
      <c r="EK28" s="191">
        <v>3</v>
      </c>
      <c r="EL28" s="191">
        <v>3</v>
      </c>
      <c r="EM28" s="191">
        <v>4</v>
      </c>
      <c r="EN28" s="196">
        <v>19</v>
      </c>
      <c r="EO28" s="195">
        <v>22</v>
      </c>
      <c r="EP28" s="190">
        <v>1</v>
      </c>
      <c r="EQ28" s="191">
        <v>7</v>
      </c>
      <c r="ER28" s="196">
        <v>8</v>
      </c>
      <c r="ES28" s="193">
        <v>0</v>
      </c>
      <c r="ET28" s="191">
        <v>20</v>
      </c>
      <c r="EU28" s="191">
        <v>12</v>
      </c>
      <c r="EV28" s="191">
        <v>6</v>
      </c>
      <c r="EW28" s="191">
        <v>0</v>
      </c>
      <c r="EX28" s="191">
        <v>5</v>
      </c>
      <c r="EY28" s="196">
        <v>43</v>
      </c>
      <c r="EZ28" s="195">
        <v>51</v>
      </c>
    </row>
    <row r="29" spans="2:156" ht="21" customHeight="1" x14ac:dyDescent="0.2">
      <c r="B29" s="106" t="s">
        <v>27</v>
      </c>
      <c r="C29" s="190">
        <v>0</v>
      </c>
      <c r="D29" s="191">
        <v>0</v>
      </c>
      <c r="E29" s="192">
        <v>0</v>
      </c>
      <c r="F29" s="193">
        <v>0</v>
      </c>
      <c r="G29" s="191">
        <v>2</v>
      </c>
      <c r="H29" s="191">
        <v>3</v>
      </c>
      <c r="I29" s="191">
        <v>4</v>
      </c>
      <c r="J29" s="191">
        <v>0</v>
      </c>
      <c r="K29" s="191">
        <v>0</v>
      </c>
      <c r="L29" s="194">
        <v>9</v>
      </c>
      <c r="M29" s="195">
        <v>9</v>
      </c>
      <c r="N29" s="190">
        <v>0</v>
      </c>
      <c r="O29" s="191">
        <v>0</v>
      </c>
      <c r="P29" s="196">
        <v>0</v>
      </c>
      <c r="Q29" s="193">
        <v>0</v>
      </c>
      <c r="R29" s="191">
        <v>0</v>
      </c>
      <c r="S29" s="191">
        <v>0</v>
      </c>
      <c r="T29" s="191">
        <v>1</v>
      </c>
      <c r="U29" s="191">
        <v>1</v>
      </c>
      <c r="V29" s="191">
        <v>0</v>
      </c>
      <c r="W29" s="196">
        <v>2</v>
      </c>
      <c r="X29" s="195">
        <v>2</v>
      </c>
      <c r="Y29" s="190">
        <v>1</v>
      </c>
      <c r="Z29" s="191">
        <v>5</v>
      </c>
      <c r="AA29" s="196">
        <v>6</v>
      </c>
      <c r="AB29" s="193">
        <v>0</v>
      </c>
      <c r="AC29" s="191">
        <v>0</v>
      </c>
      <c r="AD29" s="191">
        <v>3</v>
      </c>
      <c r="AE29" s="191">
        <v>4</v>
      </c>
      <c r="AF29" s="191">
        <v>2</v>
      </c>
      <c r="AG29" s="191">
        <v>0</v>
      </c>
      <c r="AH29" s="196">
        <v>9</v>
      </c>
      <c r="AI29" s="195">
        <v>15</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4</v>
      </c>
      <c r="AZ29" s="191">
        <v>4</v>
      </c>
      <c r="BA29" s="191">
        <v>5</v>
      </c>
      <c r="BB29" s="191">
        <v>3</v>
      </c>
      <c r="BC29" s="191">
        <v>2</v>
      </c>
      <c r="BD29" s="194">
        <v>18</v>
      </c>
      <c r="BE29" s="195">
        <v>18</v>
      </c>
      <c r="BF29" s="190">
        <v>0</v>
      </c>
      <c r="BG29" s="191">
        <v>0</v>
      </c>
      <c r="BH29" s="196">
        <v>0</v>
      </c>
      <c r="BI29" s="193">
        <v>0</v>
      </c>
      <c r="BJ29" s="191">
        <v>5</v>
      </c>
      <c r="BK29" s="191">
        <v>3</v>
      </c>
      <c r="BL29" s="191">
        <v>3</v>
      </c>
      <c r="BM29" s="191">
        <v>2</v>
      </c>
      <c r="BN29" s="191">
        <v>0</v>
      </c>
      <c r="BO29" s="196">
        <v>13</v>
      </c>
      <c r="BP29" s="195">
        <v>13</v>
      </c>
      <c r="BQ29" s="190">
        <v>1</v>
      </c>
      <c r="BR29" s="191">
        <v>1</v>
      </c>
      <c r="BS29" s="196">
        <v>2</v>
      </c>
      <c r="BT29" s="193">
        <v>0</v>
      </c>
      <c r="BU29" s="191">
        <v>2</v>
      </c>
      <c r="BV29" s="191">
        <v>2</v>
      </c>
      <c r="BW29" s="191">
        <v>1</v>
      </c>
      <c r="BX29" s="191">
        <v>0</v>
      </c>
      <c r="BY29" s="191">
        <v>0</v>
      </c>
      <c r="BZ29" s="196">
        <v>5</v>
      </c>
      <c r="CA29" s="195">
        <v>7</v>
      </c>
      <c r="CB29" s="190">
        <v>0</v>
      </c>
      <c r="CC29" s="191">
        <v>0</v>
      </c>
      <c r="CD29" s="196">
        <v>0</v>
      </c>
      <c r="CE29" s="193">
        <v>0</v>
      </c>
      <c r="CF29" s="191">
        <v>1</v>
      </c>
      <c r="CG29" s="191">
        <v>0</v>
      </c>
      <c r="CH29" s="191">
        <v>1</v>
      </c>
      <c r="CI29" s="191">
        <v>2</v>
      </c>
      <c r="CJ29" s="191">
        <v>0</v>
      </c>
      <c r="CK29" s="196">
        <v>4</v>
      </c>
      <c r="CL29" s="195">
        <v>4</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c r="DI29" s="190">
        <v>0</v>
      </c>
      <c r="DJ29" s="191">
        <v>0</v>
      </c>
      <c r="DK29" s="196">
        <v>0</v>
      </c>
      <c r="DL29" s="193">
        <v>0</v>
      </c>
      <c r="DM29" s="191">
        <v>0</v>
      </c>
      <c r="DN29" s="191">
        <v>0</v>
      </c>
      <c r="DO29" s="191">
        <v>0</v>
      </c>
      <c r="DP29" s="191">
        <v>0</v>
      </c>
      <c r="DQ29" s="191">
        <v>0</v>
      </c>
      <c r="DR29" s="196">
        <v>0</v>
      </c>
      <c r="DS29" s="195">
        <v>0</v>
      </c>
      <c r="DT29" s="190">
        <v>3</v>
      </c>
      <c r="DU29" s="191">
        <v>9</v>
      </c>
      <c r="DV29" s="196">
        <v>12</v>
      </c>
      <c r="DW29" s="193">
        <v>0</v>
      </c>
      <c r="DX29" s="191">
        <v>1</v>
      </c>
      <c r="DY29" s="191">
        <v>7</v>
      </c>
      <c r="DZ29" s="191">
        <v>9</v>
      </c>
      <c r="EA29" s="191">
        <v>2</v>
      </c>
      <c r="EB29" s="191">
        <v>0</v>
      </c>
      <c r="EC29" s="196">
        <v>19</v>
      </c>
      <c r="ED29" s="195">
        <v>31</v>
      </c>
      <c r="EE29" s="190">
        <v>0</v>
      </c>
      <c r="EF29" s="191">
        <v>0</v>
      </c>
      <c r="EG29" s="196">
        <v>0</v>
      </c>
      <c r="EH29" s="193">
        <v>0</v>
      </c>
      <c r="EI29" s="191">
        <v>4</v>
      </c>
      <c r="EJ29" s="191">
        <v>2</v>
      </c>
      <c r="EK29" s="191">
        <v>3</v>
      </c>
      <c r="EL29" s="191">
        <v>2</v>
      </c>
      <c r="EM29" s="191">
        <v>2</v>
      </c>
      <c r="EN29" s="196">
        <v>13</v>
      </c>
      <c r="EO29" s="195">
        <v>13</v>
      </c>
      <c r="EP29" s="190">
        <v>5</v>
      </c>
      <c r="EQ29" s="191">
        <v>14</v>
      </c>
      <c r="ER29" s="196">
        <v>19</v>
      </c>
      <c r="ES29" s="193">
        <v>0</v>
      </c>
      <c r="ET29" s="191">
        <v>10</v>
      </c>
      <c r="EU29" s="191">
        <v>11</v>
      </c>
      <c r="EV29" s="191">
        <v>11</v>
      </c>
      <c r="EW29" s="191">
        <v>2</v>
      </c>
      <c r="EX29" s="191">
        <v>0</v>
      </c>
      <c r="EY29" s="196">
        <v>34</v>
      </c>
      <c r="EZ29" s="195">
        <v>53</v>
      </c>
    </row>
    <row r="30" spans="2:156" ht="21" customHeight="1" x14ac:dyDescent="0.2">
      <c r="B30" s="106" t="s">
        <v>28</v>
      </c>
      <c r="C30" s="190">
        <v>0</v>
      </c>
      <c r="D30" s="191">
        <v>0</v>
      </c>
      <c r="E30" s="192">
        <v>0</v>
      </c>
      <c r="F30" s="193">
        <v>0</v>
      </c>
      <c r="G30" s="191">
        <v>1</v>
      </c>
      <c r="H30" s="191">
        <v>1</v>
      </c>
      <c r="I30" s="191">
        <v>0</v>
      </c>
      <c r="J30" s="191">
        <v>1</v>
      </c>
      <c r="K30" s="191">
        <v>0</v>
      </c>
      <c r="L30" s="194">
        <v>3</v>
      </c>
      <c r="M30" s="195">
        <v>3</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0</v>
      </c>
      <c r="AD30" s="191">
        <v>1</v>
      </c>
      <c r="AE30" s="191">
        <v>1</v>
      </c>
      <c r="AF30" s="191">
        <v>0</v>
      </c>
      <c r="AG30" s="191">
        <v>0</v>
      </c>
      <c r="AH30" s="196">
        <v>2</v>
      </c>
      <c r="AI30" s="195">
        <v>2</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1</v>
      </c>
      <c r="AZ30" s="191">
        <v>2</v>
      </c>
      <c r="BA30" s="191">
        <v>1</v>
      </c>
      <c r="BB30" s="191">
        <v>2</v>
      </c>
      <c r="BC30" s="191">
        <v>1</v>
      </c>
      <c r="BD30" s="194">
        <v>7</v>
      </c>
      <c r="BE30" s="195">
        <v>7</v>
      </c>
      <c r="BF30" s="190">
        <v>0</v>
      </c>
      <c r="BG30" s="191">
        <v>0</v>
      </c>
      <c r="BH30" s="196">
        <v>0</v>
      </c>
      <c r="BI30" s="193">
        <v>0</v>
      </c>
      <c r="BJ30" s="191">
        <v>0</v>
      </c>
      <c r="BK30" s="191">
        <v>2</v>
      </c>
      <c r="BL30" s="191">
        <v>2</v>
      </c>
      <c r="BM30" s="191">
        <v>0</v>
      </c>
      <c r="BN30" s="191">
        <v>0</v>
      </c>
      <c r="BO30" s="196">
        <v>4</v>
      </c>
      <c r="BP30" s="195">
        <v>4</v>
      </c>
      <c r="BQ30" s="190">
        <v>0</v>
      </c>
      <c r="BR30" s="191">
        <v>0</v>
      </c>
      <c r="BS30" s="196">
        <v>0</v>
      </c>
      <c r="BT30" s="193">
        <v>0</v>
      </c>
      <c r="BU30" s="191">
        <v>0</v>
      </c>
      <c r="BV30" s="191">
        <v>0</v>
      </c>
      <c r="BW30" s="191">
        <v>1</v>
      </c>
      <c r="BX30" s="191">
        <v>0</v>
      </c>
      <c r="BY30" s="191">
        <v>0</v>
      </c>
      <c r="BZ30" s="196">
        <v>1</v>
      </c>
      <c r="CA30" s="195">
        <v>1</v>
      </c>
      <c r="CB30" s="190">
        <v>0</v>
      </c>
      <c r="CC30" s="191">
        <v>0</v>
      </c>
      <c r="CD30" s="196">
        <v>0</v>
      </c>
      <c r="CE30" s="193">
        <v>0</v>
      </c>
      <c r="CF30" s="191">
        <v>0</v>
      </c>
      <c r="CG30" s="191">
        <v>0</v>
      </c>
      <c r="CH30" s="191">
        <v>1</v>
      </c>
      <c r="CI30" s="191">
        <v>0</v>
      </c>
      <c r="CJ30" s="191">
        <v>0</v>
      </c>
      <c r="CK30" s="196">
        <v>1</v>
      </c>
      <c r="CL30" s="195">
        <v>1</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c r="DI30" s="190">
        <v>0</v>
      </c>
      <c r="DJ30" s="191">
        <v>0</v>
      </c>
      <c r="DK30" s="196">
        <v>0</v>
      </c>
      <c r="DL30" s="193">
        <v>0</v>
      </c>
      <c r="DM30" s="191">
        <v>0</v>
      </c>
      <c r="DN30" s="191">
        <v>0</v>
      </c>
      <c r="DO30" s="191">
        <v>0</v>
      </c>
      <c r="DP30" s="191">
        <v>0</v>
      </c>
      <c r="DQ30" s="191">
        <v>0</v>
      </c>
      <c r="DR30" s="196">
        <v>0</v>
      </c>
      <c r="DS30" s="195">
        <v>0</v>
      </c>
      <c r="DT30" s="190">
        <v>0</v>
      </c>
      <c r="DU30" s="191">
        <v>1</v>
      </c>
      <c r="DV30" s="196">
        <v>1</v>
      </c>
      <c r="DW30" s="193">
        <v>0</v>
      </c>
      <c r="DX30" s="191">
        <v>1</v>
      </c>
      <c r="DY30" s="191">
        <v>3</v>
      </c>
      <c r="DZ30" s="191">
        <v>2</v>
      </c>
      <c r="EA30" s="191">
        <v>1</v>
      </c>
      <c r="EB30" s="191">
        <v>0</v>
      </c>
      <c r="EC30" s="196">
        <v>7</v>
      </c>
      <c r="ED30" s="195">
        <v>8</v>
      </c>
      <c r="EE30" s="190">
        <v>0</v>
      </c>
      <c r="EF30" s="191">
        <v>0</v>
      </c>
      <c r="EG30" s="196">
        <v>0</v>
      </c>
      <c r="EH30" s="193">
        <v>0</v>
      </c>
      <c r="EI30" s="191">
        <v>0</v>
      </c>
      <c r="EJ30" s="191">
        <v>0</v>
      </c>
      <c r="EK30" s="191">
        <v>0</v>
      </c>
      <c r="EL30" s="191">
        <v>1</v>
      </c>
      <c r="EM30" s="191">
        <v>1</v>
      </c>
      <c r="EN30" s="196">
        <v>2</v>
      </c>
      <c r="EO30" s="195">
        <v>2</v>
      </c>
      <c r="EP30" s="190">
        <v>0</v>
      </c>
      <c r="EQ30" s="191">
        <v>1</v>
      </c>
      <c r="ER30" s="196">
        <v>1</v>
      </c>
      <c r="ES30" s="193">
        <v>0</v>
      </c>
      <c r="ET30" s="191">
        <v>7</v>
      </c>
      <c r="EU30" s="191">
        <v>4</v>
      </c>
      <c r="EV30" s="191">
        <v>3</v>
      </c>
      <c r="EW30" s="191">
        <v>1</v>
      </c>
      <c r="EX30" s="191">
        <v>0</v>
      </c>
      <c r="EY30" s="196">
        <v>15</v>
      </c>
      <c r="EZ30" s="195">
        <v>16</v>
      </c>
    </row>
    <row r="31" spans="2:156" ht="21" customHeight="1" x14ac:dyDescent="0.2">
      <c r="B31" s="106" t="s">
        <v>29</v>
      </c>
      <c r="C31" s="190">
        <v>0</v>
      </c>
      <c r="D31" s="191">
        <v>0</v>
      </c>
      <c r="E31" s="192">
        <v>0</v>
      </c>
      <c r="F31" s="193">
        <v>0</v>
      </c>
      <c r="G31" s="191">
        <v>3</v>
      </c>
      <c r="H31" s="191">
        <v>2</v>
      </c>
      <c r="I31" s="191">
        <v>0</v>
      </c>
      <c r="J31" s="191">
        <v>1</v>
      </c>
      <c r="K31" s="191">
        <v>0</v>
      </c>
      <c r="L31" s="194">
        <v>6</v>
      </c>
      <c r="M31" s="195">
        <v>6</v>
      </c>
      <c r="N31" s="190">
        <v>0</v>
      </c>
      <c r="O31" s="191">
        <v>0</v>
      </c>
      <c r="P31" s="196">
        <v>0</v>
      </c>
      <c r="Q31" s="193">
        <v>0</v>
      </c>
      <c r="R31" s="191">
        <v>0</v>
      </c>
      <c r="S31" s="191">
        <v>0</v>
      </c>
      <c r="T31" s="191">
        <v>0</v>
      </c>
      <c r="U31" s="191">
        <v>0</v>
      </c>
      <c r="V31" s="191">
        <v>0</v>
      </c>
      <c r="W31" s="196">
        <v>0</v>
      </c>
      <c r="X31" s="195">
        <v>0</v>
      </c>
      <c r="Y31" s="190">
        <v>1</v>
      </c>
      <c r="Z31" s="191">
        <v>1</v>
      </c>
      <c r="AA31" s="196">
        <v>2</v>
      </c>
      <c r="AB31" s="193">
        <v>0</v>
      </c>
      <c r="AC31" s="191">
        <v>3</v>
      </c>
      <c r="AD31" s="191">
        <v>2</v>
      </c>
      <c r="AE31" s="191">
        <v>2</v>
      </c>
      <c r="AF31" s="191">
        <v>0</v>
      </c>
      <c r="AG31" s="191">
        <v>0</v>
      </c>
      <c r="AH31" s="196">
        <v>7</v>
      </c>
      <c r="AI31" s="195">
        <v>9</v>
      </c>
      <c r="AJ31" s="190">
        <v>0</v>
      </c>
      <c r="AK31" s="191">
        <v>1</v>
      </c>
      <c r="AL31" s="196">
        <v>1</v>
      </c>
      <c r="AM31" s="193">
        <v>0</v>
      </c>
      <c r="AN31" s="191">
        <v>0</v>
      </c>
      <c r="AO31" s="191">
        <v>0</v>
      </c>
      <c r="AP31" s="191">
        <v>0</v>
      </c>
      <c r="AQ31" s="191">
        <v>1</v>
      </c>
      <c r="AR31" s="191">
        <v>0</v>
      </c>
      <c r="AS31" s="196">
        <v>1</v>
      </c>
      <c r="AT31" s="195">
        <v>2</v>
      </c>
      <c r="AU31" s="190">
        <v>0</v>
      </c>
      <c r="AV31" s="191">
        <v>0</v>
      </c>
      <c r="AW31" s="196">
        <v>0</v>
      </c>
      <c r="AX31" s="193">
        <v>0</v>
      </c>
      <c r="AY31" s="191">
        <v>3</v>
      </c>
      <c r="AZ31" s="191">
        <v>2</v>
      </c>
      <c r="BA31" s="191">
        <v>0</v>
      </c>
      <c r="BB31" s="191">
        <v>1</v>
      </c>
      <c r="BC31" s="191">
        <v>1</v>
      </c>
      <c r="BD31" s="194">
        <v>7</v>
      </c>
      <c r="BE31" s="195">
        <v>7</v>
      </c>
      <c r="BF31" s="190">
        <v>0</v>
      </c>
      <c r="BG31" s="191">
        <v>0</v>
      </c>
      <c r="BH31" s="196">
        <v>0</v>
      </c>
      <c r="BI31" s="193">
        <v>0</v>
      </c>
      <c r="BJ31" s="191">
        <v>2</v>
      </c>
      <c r="BK31" s="191">
        <v>1</v>
      </c>
      <c r="BL31" s="191">
        <v>0</v>
      </c>
      <c r="BM31" s="191">
        <v>0</v>
      </c>
      <c r="BN31" s="191">
        <v>0</v>
      </c>
      <c r="BO31" s="196">
        <v>3</v>
      </c>
      <c r="BP31" s="195">
        <v>3</v>
      </c>
      <c r="BQ31" s="190">
        <v>0</v>
      </c>
      <c r="BR31" s="191">
        <v>0</v>
      </c>
      <c r="BS31" s="196">
        <v>0</v>
      </c>
      <c r="BT31" s="193">
        <v>0</v>
      </c>
      <c r="BU31" s="191">
        <v>1</v>
      </c>
      <c r="BV31" s="191">
        <v>0</v>
      </c>
      <c r="BW31" s="191">
        <v>1</v>
      </c>
      <c r="BX31" s="191">
        <v>1</v>
      </c>
      <c r="BY31" s="191">
        <v>0</v>
      </c>
      <c r="BZ31" s="196">
        <v>3</v>
      </c>
      <c r="CA31" s="195">
        <v>3</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c r="DI31" s="190">
        <v>0</v>
      </c>
      <c r="DJ31" s="191">
        <v>0</v>
      </c>
      <c r="DK31" s="196">
        <v>0</v>
      </c>
      <c r="DL31" s="193">
        <v>0</v>
      </c>
      <c r="DM31" s="191">
        <v>0</v>
      </c>
      <c r="DN31" s="191">
        <v>0</v>
      </c>
      <c r="DO31" s="191">
        <v>0</v>
      </c>
      <c r="DP31" s="191">
        <v>0</v>
      </c>
      <c r="DQ31" s="191">
        <v>0</v>
      </c>
      <c r="DR31" s="196">
        <v>0</v>
      </c>
      <c r="DS31" s="195">
        <v>0</v>
      </c>
      <c r="DT31" s="190">
        <v>0</v>
      </c>
      <c r="DU31" s="191">
        <v>3</v>
      </c>
      <c r="DV31" s="196">
        <v>3</v>
      </c>
      <c r="DW31" s="193">
        <v>0</v>
      </c>
      <c r="DX31" s="191">
        <v>1</v>
      </c>
      <c r="DY31" s="191">
        <v>4</v>
      </c>
      <c r="DZ31" s="191">
        <v>3</v>
      </c>
      <c r="EA31" s="191">
        <v>2</v>
      </c>
      <c r="EB31" s="191">
        <v>0</v>
      </c>
      <c r="EC31" s="196">
        <v>10</v>
      </c>
      <c r="ED31" s="195">
        <v>13</v>
      </c>
      <c r="EE31" s="190">
        <v>2</v>
      </c>
      <c r="EF31" s="191">
        <v>0</v>
      </c>
      <c r="EG31" s="196">
        <v>2</v>
      </c>
      <c r="EH31" s="193">
        <v>0</v>
      </c>
      <c r="EI31" s="191">
        <v>0</v>
      </c>
      <c r="EJ31" s="191">
        <v>1</v>
      </c>
      <c r="EK31" s="191">
        <v>0</v>
      </c>
      <c r="EL31" s="191">
        <v>1</v>
      </c>
      <c r="EM31" s="191">
        <v>1</v>
      </c>
      <c r="EN31" s="196">
        <v>3</v>
      </c>
      <c r="EO31" s="195">
        <v>5</v>
      </c>
      <c r="EP31" s="190">
        <v>1</v>
      </c>
      <c r="EQ31" s="191">
        <v>4</v>
      </c>
      <c r="ER31" s="196">
        <v>5</v>
      </c>
      <c r="ES31" s="193">
        <v>0</v>
      </c>
      <c r="ET31" s="191">
        <v>6</v>
      </c>
      <c r="EU31" s="191">
        <v>3</v>
      </c>
      <c r="EV31" s="191">
        <v>3</v>
      </c>
      <c r="EW31" s="191">
        <v>2</v>
      </c>
      <c r="EX31" s="191">
        <v>0</v>
      </c>
      <c r="EY31" s="196">
        <v>14</v>
      </c>
      <c r="EZ31" s="195">
        <v>19</v>
      </c>
    </row>
    <row r="32" spans="2:156" ht="21" customHeight="1" x14ac:dyDescent="0.2">
      <c r="B32" s="106" t="s">
        <v>30</v>
      </c>
      <c r="C32" s="190">
        <v>0</v>
      </c>
      <c r="D32" s="191">
        <v>0</v>
      </c>
      <c r="E32" s="192">
        <v>0</v>
      </c>
      <c r="F32" s="193">
        <v>0</v>
      </c>
      <c r="G32" s="191">
        <v>2</v>
      </c>
      <c r="H32" s="191">
        <v>2</v>
      </c>
      <c r="I32" s="191">
        <v>1</v>
      </c>
      <c r="J32" s="191">
        <v>1</v>
      </c>
      <c r="K32" s="191">
        <v>0</v>
      </c>
      <c r="L32" s="194">
        <v>6</v>
      </c>
      <c r="M32" s="195">
        <v>6</v>
      </c>
      <c r="N32" s="190">
        <v>0</v>
      </c>
      <c r="O32" s="191">
        <v>0</v>
      </c>
      <c r="P32" s="196">
        <v>0</v>
      </c>
      <c r="Q32" s="193">
        <v>0</v>
      </c>
      <c r="R32" s="191">
        <v>0</v>
      </c>
      <c r="S32" s="191">
        <v>0</v>
      </c>
      <c r="T32" s="191">
        <v>1</v>
      </c>
      <c r="U32" s="191">
        <v>0</v>
      </c>
      <c r="V32" s="191">
        <v>0</v>
      </c>
      <c r="W32" s="196">
        <v>1</v>
      </c>
      <c r="X32" s="195">
        <v>1</v>
      </c>
      <c r="Y32" s="190">
        <v>0</v>
      </c>
      <c r="Z32" s="191">
        <v>0</v>
      </c>
      <c r="AA32" s="196">
        <v>0</v>
      </c>
      <c r="AB32" s="193">
        <v>0</v>
      </c>
      <c r="AC32" s="191">
        <v>1</v>
      </c>
      <c r="AD32" s="191">
        <v>1</v>
      </c>
      <c r="AE32" s="191">
        <v>1</v>
      </c>
      <c r="AF32" s="191">
        <v>0</v>
      </c>
      <c r="AG32" s="191">
        <v>0</v>
      </c>
      <c r="AH32" s="196">
        <v>3</v>
      </c>
      <c r="AI32" s="195">
        <v>3</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3</v>
      </c>
      <c r="AZ32" s="191">
        <v>2</v>
      </c>
      <c r="BA32" s="191">
        <v>2</v>
      </c>
      <c r="BB32" s="191">
        <v>0</v>
      </c>
      <c r="BC32" s="191">
        <v>0</v>
      </c>
      <c r="BD32" s="194">
        <v>7</v>
      </c>
      <c r="BE32" s="195">
        <v>7</v>
      </c>
      <c r="BF32" s="190">
        <v>0</v>
      </c>
      <c r="BG32" s="191">
        <v>0</v>
      </c>
      <c r="BH32" s="196">
        <v>0</v>
      </c>
      <c r="BI32" s="193">
        <v>0</v>
      </c>
      <c r="BJ32" s="191">
        <v>1</v>
      </c>
      <c r="BK32" s="191">
        <v>1</v>
      </c>
      <c r="BL32" s="191">
        <v>1</v>
      </c>
      <c r="BM32" s="191">
        <v>0</v>
      </c>
      <c r="BN32" s="191">
        <v>0</v>
      </c>
      <c r="BO32" s="196">
        <v>3</v>
      </c>
      <c r="BP32" s="195">
        <v>3</v>
      </c>
      <c r="BQ32" s="190">
        <v>0</v>
      </c>
      <c r="BR32" s="191">
        <v>0</v>
      </c>
      <c r="BS32" s="196">
        <v>0</v>
      </c>
      <c r="BT32" s="193">
        <v>0</v>
      </c>
      <c r="BU32" s="191">
        <v>1</v>
      </c>
      <c r="BV32" s="191">
        <v>0</v>
      </c>
      <c r="BW32" s="191">
        <v>0</v>
      </c>
      <c r="BX32" s="191">
        <v>2</v>
      </c>
      <c r="BY32" s="191">
        <v>0</v>
      </c>
      <c r="BZ32" s="196">
        <v>3</v>
      </c>
      <c r="CA32" s="195">
        <v>3</v>
      </c>
      <c r="CB32" s="190">
        <v>0</v>
      </c>
      <c r="CC32" s="191">
        <v>0</v>
      </c>
      <c r="CD32" s="196">
        <v>0</v>
      </c>
      <c r="CE32" s="193">
        <v>0</v>
      </c>
      <c r="CF32" s="191">
        <v>0</v>
      </c>
      <c r="CG32" s="191">
        <v>0</v>
      </c>
      <c r="CH32" s="191">
        <v>0</v>
      </c>
      <c r="CI32" s="191">
        <v>1</v>
      </c>
      <c r="CJ32" s="191">
        <v>0</v>
      </c>
      <c r="CK32" s="196">
        <v>1</v>
      </c>
      <c r="CL32" s="195">
        <v>1</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c r="DI32" s="190">
        <v>0</v>
      </c>
      <c r="DJ32" s="191">
        <v>0</v>
      </c>
      <c r="DK32" s="196">
        <v>0</v>
      </c>
      <c r="DL32" s="193">
        <v>0</v>
      </c>
      <c r="DM32" s="191">
        <v>0</v>
      </c>
      <c r="DN32" s="191">
        <v>0</v>
      </c>
      <c r="DO32" s="191">
        <v>0</v>
      </c>
      <c r="DP32" s="191">
        <v>0</v>
      </c>
      <c r="DQ32" s="191">
        <v>0</v>
      </c>
      <c r="DR32" s="196">
        <v>0</v>
      </c>
      <c r="DS32" s="195">
        <v>0</v>
      </c>
      <c r="DT32" s="190">
        <v>1</v>
      </c>
      <c r="DU32" s="191">
        <v>0</v>
      </c>
      <c r="DV32" s="196">
        <v>1</v>
      </c>
      <c r="DW32" s="193">
        <v>0</v>
      </c>
      <c r="DX32" s="191">
        <v>0</v>
      </c>
      <c r="DY32" s="191">
        <v>3</v>
      </c>
      <c r="DZ32" s="191">
        <v>2</v>
      </c>
      <c r="EA32" s="191">
        <v>3</v>
      </c>
      <c r="EB32" s="191">
        <v>0</v>
      </c>
      <c r="EC32" s="196">
        <v>8</v>
      </c>
      <c r="ED32" s="195">
        <v>9</v>
      </c>
      <c r="EE32" s="190">
        <v>0</v>
      </c>
      <c r="EF32" s="191">
        <v>0</v>
      </c>
      <c r="EG32" s="196">
        <v>0</v>
      </c>
      <c r="EH32" s="193">
        <v>0</v>
      </c>
      <c r="EI32" s="191">
        <v>1</v>
      </c>
      <c r="EJ32" s="191">
        <v>1</v>
      </c>
      <c r="EK32" s="191">
        <v>2</v>
      </c>
      <c r="EL32" s="191">
        <v>0</v>
      </c>
      <c r="EM32" s="191">
        <v>0</v>
      </c>
      <c r="EN32" s="196">
        <v>4</v>
      </c>
      <c r="EO32" s="195">
        <v>4</v>
      </c>
      <c r="EP32" s="190">
        <v>1</v>
      </c>
      <c r="EQ32" s="191">
        <v>0</v>
      </c>
      <c r="ER32" s="196">
        <v>1</v>
      </c>
      <c r="ES32" s="193">
        <v>0</v>
      </c>
      <c r="ET32" s="191">
        <v>3</v>
      </c>
      <c r="EU32" s="191">
        <v>3</v>
      </c>
      <c r="EV32" s="191">
        <v>2</v>
      </c>
      <c r="EW32" s="191">
        <v>3</v>
      </c>
      <c r="EX32" s="191">
        <v>0</v>
      </c>
      <c r="EY32" s="196">
        <v>11</v>
      </c>
      <c r="EZ32" s="195">
        <v>12</v>
      </c>
    </row>
    <row r="33" spans="2:156" ht="21" customHeight="1" x14ac:dyDescent="0.2">
      <c r="B33" s="106" t="s">
        <v>31</v>
      </c>
      <c r="C33" s="190">
        <v>0</v>
      </c>
      <c r="D33" s="191">
        <v>0</v>
      </c>
      <c r="E33" s="192">
        <v>0</v>
      </c>
      <c r="F33" s="193">
        <v>0</v>
      </c>
      <c r="G33" s="191">
        <v>1</v>
      </c>
      <c r="H33" s="191">
        <v>0</v>
      </c>
      <c r="I33" s="191">
        <v>0</v>
      </c>
      <c r="J33" s="191">
        <v>0</v>
      </c>
      <c r="K33" s="191">
        <v>1</v>
      </c>
      <c r="L33" s="194">
        <v>2</v>
      </c>
      <c r="M33" s="195">
        <v>2</v>
      </c>
      <c r="N33" s="190">
        <v>0</v>
      </c>
      <c r="O33" s="191">
        <v>0</v>
      </c>
      <c r="P33" s="196">
        <v>0</v>
      </c>
      <c r="Q33" s="193">
        <v>0</v>
      </c>
      <c r="R33" s="191">
        <v>0</v>
      </c>
      <c r="S33" s="191">
        <v>0</v>
      </c>
      <c r="T33" s="191">
        <v>0</v>
      </c>
      <c r="U33" s="191">
        <v>0</v>
      </c>
      <c r="V33" s="191">
        <v>2</v>
      </c>
      <c r="W33" s="196">
        <v>2</v>
      </c>
      <c r="X33" s="195">
        <v>2</v>
      </c>
      <c r="Y33" s="190">
        <v>0</v>
      </c>
      <c r="Z33" s="191">
        <v>0</v>
      </c>
      <c r="AA33" s="196">
        <v>0</v>
      </c>
      <c r="AB33" s="193">
        <v>0</v>
      </c>
      <c r="AC33" s="191">
        <v>2</v>
      </c>
      <c r="AD33" s="191">
        <v>0</v>
      </c>
      <c r="AE33" s="191">
        <v>2</v>
      </c>
      <c r="AF33" s="191">
        <v>0</v>
      </c>
      <c r="AG33" s="191">
        <v>2</v>
      </c>
      <c r="AH33" s="196">
        <v>6</v>
      </c>
      <c r="AI33" s="195">
        <v>6</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1</v>
      </c>
      <c r="BA33" s="191">
        <v>0</v>
      </c>
      <c r="BB33" s="191">
        <v>0</v>
      </c>
      <c r="BC33" s="191">
        <v>1</v>
      </c>
      <c r="BD33" s="194">
        <v>2</v>
      </c>
      <c r="BE33" s="195">
        <v>2</v>
      </c>
      <c r="BF33" s="190">
        <v>0</v>
      </c>
      <c r="BG33" s="191">
        <v>0</v>
      </c>
      <c r="BH33" s="196">
        <v>0</v>
      </c>
      <c r="BI33" s="193">
        <v>0</v>
      </c>
      <c r="BJ33" s="191">
        <v>2</v>
      </c>
      <c r="BK33" s="191">
        <v>1</v>
      </c>
      <c r="BL33" s="191">
        <v>3</v>
      </c>
      <c r="BM33" s="191">
        <v>0</v>
      </c>
      <c r="BN33" s="191">
        <v>0</v>
      </c>
      <c r="BO33" s="196">
        <v>6</v>
      </c>
      <c r="BP33" s="195">
        <v>6</v>
      </c>
      <c r="BQ33" s="190">
        <v>0</v>
      </c>
      <c r="BR33" s="191">
        <v>0</v>
      </c>
      <c r="BS33" s="196">
        <v>0</v>
      </c>
      <c r="BT33" s="193">
        <v>0</v>
      </c>
      <c r="BU33" s="191">
        <v>2</v>
      </c>
      <c r="BV33" s="191">
        <v>0</v>
      </c>
      <c r="BW33" s="191">
        <v>1</v>
      </c>
      <c r="BX33" s="191">
        <v>0</v>
      </c>
      <c r="BY33" s="191">
        <v>0</v>
      </c>
      <c r="BZ33" s="196">
        <v>3</v>
      </c>
      <c r="CA33" s="195">
        <v>3</v>
      </c>
      <c r="CB33" s="190">
        <v>0</v>
      </c>
      <c r="CC33" s="191">
        <v>0</v>
      </c>
      <c r="CD33" s="196">
        <v>0</v>
      </c>
      <c r="CE33" s="193">
        <v>0</v>
      </c>
      <c r="CF33" s="191">
        <v>0</v>
      </c>
      <c r="CG33" s="191">
        <v>0</v>
      </c>
      <c r="CH33" s="191">
        <v>0</v>
      </c>
      <c r="CI33" s="191">
        <v>0</v>
      </c>
      <c r="CJ33" s="191">
        <v>1</v>
      </c>
      <c r="CK33" s="196">
        <v>1</v>
      </c>
      <c r="CL33" s="195">
        <v>1</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c r="DI33" s="190">
        <v>0</v>
      </c>
      <c r="DJ33" s="191">
        <v>0</v>
      </c>
      <c r="DK33" s="196">
        <v>0</v>
      </c>
      <c r="DL33" s="193">
        <v>0</v>
      </c>
      <c r="DM33" s="191">
        <v>0</v>
      </c>
      <c r="DN33" s="191">
        <v>0</v>
      </c>
      <c r="DO33" s="191">
        <v>0</v>
      </c>
      <c r="DP33" s="191">
        <v>0</v>
      </c>
      <c r="DQ33" s="191">
        <v>0</v>
      </c>
      <c r="DR33" s="196">
        <v>0</v>
      </c>
      <c r="DS33" s="195">
        <v>0</v>
      </c>
      <c r="DT33" s="190">
        <v>1</v>
      </c>
      <c r="DU33" s="191">
        <v>1</v>
      </c>
      <c r="DV33" s="196">
        <v>2</v>
      </c>
      <c r="DW33" s="193">
        <v>0</v>
      </c>
      <c r="DX33" s="191">
        <v>3</v>
      </c>
      <c r="DY33" s="191">
        <v>3</v>
      </c>
      <c r="DZ33" s="191">
        <v>4</v>
      </c>
      <c r="EA33" s="191">
        <v>0</v>
      </c>
      <c r="EB33" s="191">
        <v>3</v>
      </c>
      <c r="EC33" s="196">
        <v>13</v>
      </c>
      <c r="ED33" s="195">
        <v>15</v>
      </c>
      <c r="EE33" s="190">
        <v>0</v>
      </c>
      <c r="EF33" s="191">
        <v>0</v>
      </c>
      <c r="EG33" s="196">
        <v>0</v>
      </c>
      <c r="EH33" s="193">
        <v>0</v>
      </c>
      <c r="EI33" s="191">
        <v>0</v>
      </c>
      <c r="EJ33" s="191">
        <v>1</v>
      </c>
      <c r="EK33" s="191">
        <v>0</v>
      </c>
      <c r="EL33" s="191">
        <v>0</v>
      </c>
      <c r="EM33" s="191">
        <v>0</v>
      </c>
      <c r="EN33" s="196">
        <v>1</v>
      </c>
      <c r="EO33" s="195">
        <v>1</v>
      </c>
      <c r="EP33" s="190">
        <v>1</v>
      </c>
      <c r="EQ33" s="191">
        <v>1</v>
      </c>
      <c r="ER33" s="196">
        <v>2</v>
      </c>
      <c r="ES33" s="193">
        <v>0</v>
      </c>
      <c r="ET33" s="191">
        <v>7</v>
      </c>
      <c r="EU33" s="191">
        <v>3</v>
      </c>
      <c r="EV33" s="191">
        <v>5</v>
      </c>
      <c r="EW33" s="191">
        <v>0</v>
      </c>
      <c r="EX33" s="191">
        <v>3</v>
      </c>
      <c r="EY33" s="196">
        <v>18</v>
      </c>
      <c r="EZ33" s="195">
        <v>20</v>
      </c>
    </row>
    <row r="34" spans="2:156" ht="21" customHeight="1" x14ac:dyDescent="0.2">
      <c r="B34" s="106" t="s">
        <v>32</v>
      </c>
      <c r="C34" s="190">
        <v>0</v>
      </c>
      <c r="D34" s="191">
        <v>0</v>
      </c>
      <c r="E34" s="192">
        <v>0</v>
      </c>
      <c r="F34" s="193">
        <v>0</v>
      </c>
      <c r="G34" s="191">
        <v>1</v>
      </c>
      <c r="H34" s="191">
        <v>1</v>
      </c>
      <c r="I34" s="191">
        <v>1</v>
      </c>
      <c r="J34" s="191">
        <v>0</v>
      </c>
      <c r="K34" s="191">
        <v>0</v>
      </c>
      <c r="L34" s="194">
        <v>3</v>
      </c>
      <c r="M34" s="195">
        <v>3</v>
      </c>
      <c r="N34" s="190">
        <v>0</v>
      </c>
      <c r="O34" s="191">
        <v>0</v>
      </c>
      <c r="P34" s="196">
        <v>0</v>
      </c>
      <c r="Q34" s="193">
        <v>0</v>
      </c>
      <c r="R34" s="191">
        <v>0</v>
      </c>
      <c r="S34" s="191">
        <v>0</v>
      </c>
      <c r="T34" s="191">
        <v>0</v>
      </c>
      <c r="U34" s="191">
        <v>0</v>
      </c>
      <c r="V34" s="191">
        <v>0</v>
      </c>
      <c r="W34" s="196">
        <v>0</v>
      </c>
      <c r="X34" s="195">
        <v>0</v>
      </c>
      <c r="Y34" s="190">
        <v>0</v>
      </c>
      <c r="Z34" s="191">
        <v>2</v>
      </c>
      <c r="AA34" s="196">
        <v>2</v>
      </c>
      <c r="AB34" s="193">
        <v>0</v>
      </c>
      <c r="AC34" s="191">
        <v>3</v>
      </c>
      <c r="AD34" s="191">
        <v>2</v>
      </c>
      <c r="AE34" s="191">
        <v>1</v>
      </c>
      <c r="AF34" s="191">
        <v>0</v>
      </c>
      <c r="AG34" s="191">
        <v>1</v>
      </c>
      <c r="AH34" s="196">
        <v>7</v>
      </c>
      <c r="AI34" s="195">
        <v>9</v>
      </c>
      <c r="AJ34" s="190">
        <v>0</v>
      </c>
      <c r="AK34" s="191">
        <v>0</v>
      </c>
      <c r="AL34" s="196">
        <v>0</v>
      </c>
      <c r="AM34" s="193">
        <v>0</v>
      </c>
      <c r="AN34" s="191">
        <v>0</v>
      </c>
      <c r="AO34" s="191">
        <v>1</v>
      </c>
      <c r="AP34" s="191">
        <v>0</v>
      </c>
      <c r="AQ34" s="191">
        <v>1</v>
      </c>
      <c r="AR34" s="191">
        <v>0</v>
      </c>
      <c r="AS34" s="196">
        <v>2</v>
      </c>
      <c r="AT34" s="195">
        <v>2</v>
      </c>
      <c r="AU34" s="190">
        <v>0</v>
      </c>
      <c r="AV34" s="191">
        <v>0</v>
      </c>
      <c r="AW34" s="196">
        <v>0</v>
      </c>
      <c r="AX34" s="193">
        <v>0</v>
      </c>
      <c r="AY34" s="191">
        <v>0</v>
      </c>
      <c r="AZ34" s="191">
        <v>3</v>
      </c>
      <c r="BA34" s="191">
        <v>2</v>
      </c>
      <c r="BB34" s="191">
        <v>2</v>
      </c>
      <c r="BC34" s="191">
        <v>2</v>
      </c>
      <c r="BD34" s="194">
        <v>9</v>
      </c>
      <c r="BE34" s="195">
        <v>9</v>
      </c>
      <c r="BF34" s="190">
        <v>0</v>
      </c>
      <c r="BG34" s="191">
        <v>0</v>
      </c>
      <c r="BH34" s="196">
        <v>0</v>
      </c>
      <c r="BI34" s="193">
        <v>0</v>
      </c>
      <c r="BJ34" s="191">
        <v>3</v>
      </c>
      <c r="BK34" s="191">
        <v>4</v>
      </c>
      <c r="BL34" s="191">
        <v>1</v>
      </c>
      <c r="BM34" s="191">
        <v>2</v>
      </c>
      <c r="BN34" s="191">
        <v>1</v>
      </c>
      <c r="BO34" s="196">
        <v>11</v>
      </c>
      <c r="BP34" s="195">
        <v>11</v>
      </c>
      <c r="BQ34" s="190">
        <v>0</v>
      </c>
      <c r="BR34" s="191">
        <v>0</v>
      </c>
      <c r="BS34" s="196">
        <v>0</v>
      </c>
      <c r="BT34" s="193">
        <v>0</v>
      </c>
      <c r="BU34" s="191">
        <v>0</v>
      </c>
      <c r="BV34" s="191">
        <v>1</v>
      </c>
      <c r="BW34" s="191">
        <v>0</v>
      </c>
      <c r="BX34" s="191">
        <v>2</v>
      </c>
      <c r="BY34" s="191">
        <v>1</v>
      </c>
      <c r="BZ34" s="196">
        <v>4</v>
      </c>
      <c r="CA34" s="195">
        <v>4</v>
      </c>
      <c r="CB34" s="190">
        <v>0</v>
      </c>
      <c r="CC34" s="191">
        <v>0</v>
      </c>
      <c r="CD34" s="196">
        <v>0</v>
      </c>
      <c r="CE34" s="193">
        <v>0</v>
      </c>
      <c r="CF34" s="191">
        <v>0</v>
      </c>
      <c r="CG34" s="191">
        <v>1</v>
      </c>
      <c r="CH34" s="191">
        <v>0</v>
      </c>
      <c r="CI34" s="191">
        <v>1</v>
      </c>
      <c r="CJ34" s="191">
        <v>1</v>
      </c>
      <c r="CK34" s="196">
        <v>3</v>
      </c>
      <c r="CL34" s="195">
        <v>3</v>
      </c>
      <c r="CM34" s="190">
        <v>0</v>
      </c>
      <c r="CN34" s="191">
        <v>0</v>
      </c>
      <c r="CO34" s="196">
        <v>0</v>
      </c>
      <c r="CP34" s="193">
        <v>0</v>
      </c>
      <c r="CQ34" s="191">
        <v>0</v>
      </c>
      <c r="CR34" s="191">
        <v>0</v>
      </c>
      <c r="CS34" s="191">
        <v>0</v>
      </c>
      <c r="CT34" s="191">
        <v>0</v>
      </c>
      <c r="CU34" s="191">
        <v>1</v>
      </c>
      <c r="CV34" s="196">
        <v>1</v>
      </c>
      <c r="CW34" s="195">
        <v>1</v>
      </c>
      <c r="CX34" s="190">
        <v>0</v>
      </c>
      <c r="CY34" s="191">
        <v>0</v>
      </c>
      <c r="CZ34" s="196">
        <v>0</v>
      </c>
      <c r="DA34" s="193">
        <v>0</v>
      </c>
      <c r="DB34" s="191">
        <v>0</v>
      </c>
      <c r="DC34" s="191">
        <v>0</v>
      </c>
      <c r="DD34" s="191">
        <v>0</v>
      </c>
      <c r="DE34" s="191">
        <v>0</v>
      </c>
      <c r="DF34" s="191">
        <v>0</v>
      </c>
      <c r="DG34" s="196">
        <v>0</v>
      </c>
      <c r="DH34" s="195">
        <v>0</v>
      </c>
      <c r="DI34" s="190">
        <v>0</v>
      </c>
      <c r="DJ34" s="191">
        <v>0</v>
      </c>
      <c r="DK34" s="196">
        <v>0</v>
      </c>
      <c r="DL34" s="193">
        <v>0</v>
      </c>
      <c r="DM34" s="191">
        <v>0</v>
      </c>
      <c r="DN34" s="191">
        <v>0</v>
      </c>
      <c r="DO34" s="191">
        <v>0</v>
      </c>
      <c r="DP34" s="191">
        <v>0</v>
      </c>
      <c r="DQ34" s="191">
        <v>0</v>
      </c>
      <c r="DR34" s="196">
        <v>0</v>
      </c>
      <c r="DS34" s="195">
        <v>0</v>
      </c>
      <c r="DT34" s="190">
        <v>2</v>
      </c>
      <c r="DU34" s="191">
        <v>2</v>
      </c>
      <c r="DV34" s="196">
        <v>4</v>
      </c>
      <c r="DW34" s="193">
        <v>0</v>
      </c>
      <c r="DX34" s="191">
        <v>4</v>
      </c>
      <c r="DY34" s="191">
        <v>6</v>
      </c>
      <c r="DZ34" s="191">
        <v>4</v>
      </c>
      <c r="EA34" s="191">
        <v>2</v>
      </c>
      <c r="EB34" s="191">
        <v>1</v>
      </c>
      <c r="EC34" s="196">
        <v>17</v>
      </c>
      <c r="ED34" s="195">
        <v>21</v>
      </c>
      <c r="EE34" s="190">
        <v>0</v>
      </c>
      <c r="EF34" s="191">
        <v>0</v>
      </c>
      <c r="EG34" s="196">
        <v>0</v>
      </c>
      <c r="EH34" s="193">
        <v>0</v>
      </c>
      <c r="EI34" s="191">
        <v>1</v>
      </c>
      <c r="EJ34" s="191">
        <v>0</v>
      </c>
      <c r="EK34" s="191">
        <v>1</v>
      </c>
      <c r="EL34" s="191">
        <v>1</v>
      </c>
      <c r="EM34" s="191">
        <v>1</v>
      </c>
      <c r="EN34" s="196">
        <v>4</v>
      </c>
      <c r="EO34" s="195">
        <v>4</v>
      </c>
      <c r="EP34" s="190">
        <v>2</v>
      </c>
      <c r="EQ34" s="191">
        <v>3</v>
      </c>
      <c r="ER34" s="196">
        <v>5</v>
      </c>
      <c r="ES34" s="193">
        <v>0</v>
      </c>
      <c r="ET34" s="191">
        <v>11</v>
      </c>
      <c r="EU34" s="191">
        <v>7</v>
      </c>
      <c r="EV34" s="191">
        <v>3</v>
      </c>
      <c r="EW34" s="191">
        <v>2</v>
      </c>
      <c r="EX34" s="191">
        <v>1</v>
      </c>
      <c r="EY34" s="196">
        <v>24</v>
      </c>
      <c r="EZ34" s="195">
        <v>29</v>
      </c>
    </row>
    <row r="35" spans="2:156" ht="21" customHeight="1" x14ac:dyDescent="0.2">
      <c r="B35" s="106" t="s">
        <v>33</v>
      </c>
      <c r="C35" s="190">
        <v>0</v>
      </c>
      <c r="D35" s="191">
        <v>0</v>
      </c>
      <c r="E35" s="192">
        <v>0</v>
      </c>
      <c r="F35" s="193">
        <v>0</v>
      </c>
      <c r="G35" s="191">
        <v>1</v>
      </c>
      <c r="H35" s="191">
        <v>1</v>
      </c>
      <c r="I35" s="191">
        <v>0</v>
      </c>
      <c r="J35" s="191">
        <v>0</v>
      </c>
      <c r="K35" s="191">
        <v>1</v>
      </c>
      <c r="L35" s="194">
        <v>3</v>
      </c>
      <c r="M35" s="195">
        <v>3</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1</v>
      </c>
      <c r="AD35" s="191">
        <v>2</v>
      </c>
      <c r="AE35" s="191">
        <v>0</v>
      </c>
      <c r="AF35" s="191">
        <v>0</v>
      </c>
      <c r="AG35" s="191">
        <v>0</v>
      </c>
      <c r="AH35" s="196">
        <v>3</v>
      </c>
      <c r="AI35" s="195">
        <v>3</v>
      </c>
      <c r="AJ35" s="190">
        <v>0</v>
      </c>
      <c r="AK35" s="191">
        <v>1</v>
      </c>
      <c r="AL35" s="196">
        <v>1</v>
      </c>
      <c r="AM35" s="193">
        <v>0</v>
      </c>
      <c r="AN35" s="191">
        <v>2</v>
      </c>
      <c r="AO35" s="191">
        <v>2</v>
      </c>
      <c r="AP35" s="191">
        <v>1</v>
      </c>
      <c r="AQ35" s="191">
        <v>1</v>
      </c>
      <c r="AR35" s="191">
        <v>0</v>
      </c>
      <c r="AS35" s="196">
        <v>6</v>
      </c>
      <c r="AT35" s="195">
        <v>7</v>
      </c>
      <c r="AU35" s="190">
        <v>0</v>
      </c>
      <c r="AV35" s="191">
        <v>2</v>
      </c>
      <c r="AW35" s="196">
        <v>2</v>
      </c>
      <c r="AX35" s="193">
        <v>0</v>
      </c>
      <c r="AY35" s="191">
        <v>3</v>
      </c>
      <c r="AZ35" s="191">
        <v>1</v>
      </c>
      <c r="BA35" s="191">
        <v>5</v>
      </c>
      <c r="BB35" s="191">
        <v>2</v>
      </c>
      <c r="BC35" s="191">
        <v>2</v>
      </c>
      <c r="BD35" s="194">
        <v>13</v>
      </c>
      <c r="BE35" s="195">
        <v>15</v>
      </c>
      <c r="BF35" s="190">
        <v>0</v>
      </c>
      <c r="BG35" s="191">
        <v>0</v>
      </c>
      <c r="BH35" s="196">
        <v>0</v>
      </c>
      <c r="BI35" s="193">
        <v>0</v>
      </c>
      <c r="BJ35" s="191">
        <v>2</v>
      </c>
      <c r="BK35" s="191">
        <v>0</v>
      </c>
      <c r="BL35" s="191">
        <v>0</v>
      </c>
      <c r="BM35" s="191">
        <v>0</v>
      </c>
      <c r="BN35" s="191">
        <v>1</v>
      </c>
      <c r="BO35" s="196">
        <v>3</v>
      </c>
      <c r="BP35" s="195">
        <v>3</v>
      </c>
      <c r="BQ35" s="190">
        <v>1</v>
      </c>
      <c r="BR35" s="191">
        <v>0</v>
      </c>
      <c r="BS35" s="196">
        <v>1</v>
      </c>
      <c r="BT35" s="193">
        <v>0</v>
      </c>
      <c r="BU35" s="191">
        <v>1</v>
      </c>
      <c r="BV35" s="191">
        <v>0</v>
      </c>
      <c r="BW35" s="191">
        <v>1</v>
      </c>
      <c r="BX35" s="191">
        <v>0</v>
      </c>
      <c r="BY35" s="191">
        <v>0</v>
      </c>
      <c r="BZ35" s="196">
        <v>2</v>
      </c>
      <c r="CA35" s="195">
        <v>3</v>
      </c>
      <c r="CB35" s="190">
        <v>0</v>
      </c>
      <c r="CC35" s="191">
        <v>0</v>
      </c>
      <c r="CD35" s="196">
        <v>0</v>
      </c>
      <c r="CE35" s="193">
        <v>0</v>
      </c>
      <c r="CF35" s="191">
        <v>1</v>
      </c>
      <c r="CG35" s="191">
        <v>0</v>
      </c>
      <c r="CH35" s="191">
        <v>1</v>
      </c>
      <c r="CI35" s="191">
        <v>0</v>
      </c>
      <c r="CJ35" s="191">
        <v>0</v>
      </c>
      <c r="CK35" s="196">
        <v>2</v>
      </c>
      <c r="CL35" s="195">
        <v>2</v>
      </c>
      <c r="CM35" s="190">
        <v>0</v>
      </c>
      <c r="CN35" s="191">
        <v>0</v>
      </c>
      <c r="CO35" s="196">
        <v>0</v>
      </c>
      <c r="CP35" s="193">
        <v>0</v>
      </c>
      <c r="CQ35" s="191">
        <v>1</v>
      </c>
      <c r="CR35" s="191">
        <v>0</v>
      </c>
      <c r="CS35" s="191">
        <v>0</v>
      </c>
      <c r="CT35" s="191">
        <v>0</v>
      </c>
      <c r="CU35" s="191">
        <v>0</v>
      </c>
      <c r="CV35" s="196">
        <v>1</v>
      </c>
      <c r="CW35" s="195">
        <v>1</v>
      </c>
      <c r="CX35" s="190">
        <v>0</v>
      </c>
      <c r="CY35" s="191">
        <v>0</v>
      </c>
      <c r="CZ35" s="196">
        <v>0</v>
      </c>
      <c r="DA35" s="193">
        <v>0</v>
      </c>
      <c r="DB35" s="191">
        <v>0</v>
      </c>
      <c r="DC35" s="191">
        <v>0</v>
      </c>
      <c r="DD35" s="191">
        <v>0</v>
      </c>
      <c r="DE35" s="191">
        <v>0</v>
      </c>
      <c r="DF35" s="191">
        <v>0</v>
      </c>
      <c r="DG35" s="196">
        <v>0</v>
      </c>
      <c r="DH35" s="195">
        <v>0</v>
      </c>
      <c r="DI35" s="190">
        <v>0</v>
      </c>
      <c r="DJ35" s="191">
        <v>0</v>
      </c>
      <c r="DK35" s="196">
        <v>0</v>
      </c>
      <c r="DL35" s="193">
        <v>0</v>
      </c>
      <c r="DM35" s="191">
        <v>0</v>
      </c>
      <c r="DN35" s="191">
        <v>0</v>
      </c>
      <c r="DO35" s="191">
        <v>0</v>
      </c>
      <c r="DP35" s="191">
        <v>0</v>
      </c>
      <c r="DQ35" s="191">
        <v>0</v>
      </c>
      <c r="DR35" s="196">
        <v>0</v>
      </c>
      <c r="DS35" s="195">
        <v>0</v>
      </c>
      <c r="DT35" s="190">
        <v>0</v>
      </c>
      <c r="DU35" s="191">
        <v>2</v>
      </c>
      <c r="DV35" s="196">
        <v>2</v>
      </c>
      <c r="DW35" s="193">
        <v>0</v>
      </c>
      <c r="DX35" s="191">
        <v>2</v>
      </c>
      <c r="DY35" s="191">
        <v>4</v>
      </c>
      <c r="DZ35" s="191">
        <v>2</v>
      </c>
      <c r="EA35" s="191">
        <v>2</v>
      </c>
      <c r="EB35" s="191">
        <v>2</v>
      </c>
      <c r="EC35" s="196">
        <v>12</v>
      </c>
      <c r="ED35" s="195">
        <v>14</v>
      </c>
      <c r="EE35" s="190">
        <v>0</v>
      </c>
      <c r="EF35" s="191">
        <v>2</v>
      </c>
      <c r="EG35" s="196">
        <v>2</v>
      </c>
      <c r="EH35" s="193">
        <v>0</v>
      </c>
      <c r="EI35" s="191">
        <v>2</v>
      </c>
      <c r="EJ35" s="191">
        <v>0</v>
      </c>
      <c r="EK35" s="191">
        <v>4</v>
      </c>
      <c r="EL35" s="191">
        <v>1</v>
      </c>
      <c r="EM35" s="191">
        <v>1</v>
      </c>
      <c r="EN35" s="196">
        <v>8</v>
      </c>
      <c r="EO35" s="195">
        <v>10</v>
      </c>
      <c r="EP35" s="190">
        <v>1</v>
      </c>
      <c r="EQ35" s="191">
        <v>2</v>
      </c>
      <c r="ER35" s="196">
        <v>3</v>
      </c>
      <c r="ES35" s="193">
        <v>0</v>
      </c>
      <c r="ET35" s="191">
        <v>7</v>
      </c>
      <c r="EU35" s="191">
        <v>4</v>
      </c>
      <c r="EV35" s="191">
        <v>1</v>
      </c>
      <c r="EW35" s="191">
        <v>2</v>
      </c>
      <c r="EX35" s="191">
        <v>1</v>
      </c>
      <c r="EY35" s="196">
        <v>15</v>
      </c>
      <c r="EZ35" s="195">
        <v>18</v>
      </c>
    </row>
    <row r="36" spans="2:156" ht="21" customHeight="1" x14ac:dyDescent="0.2">
      <c r="B36" s="106" t="s">
        <v>34</v>
      </c>
      <c r="C36" s="190">
        <v>0</v>
      </c>
      <c r="D36" s="191">
        <v>0</v>
      </c>
      <c r="E36" s="192">
        <v>0</v>
      </c>
      <c r="F36" s="193">
        <v>0</v>
      </c>
      <c r="G36" s="191">
        <v>1</v>
      </c>
      <c r="H36" s="191">
        <v>0</v>
      </c>
      <c r="I36" s="191">
        <v>0</v>
      </c>
      <c r="J36" s="191">
        <v>0</v>
      </c>
      <c r="K36" s="191">
        <v>0</v>
      </c>
      <c r="L36" s="194">
        <v>1</v>
      </c>
      <c r="M36" s="195">
        <v>1</v>
      </c>
      <c r="N36" s="190">
        <v>0</v>
      </c>
      <c r="O36" s="191">
        <v>0</v>
      </c>
      <c r="P36" s="196">
        <v>0</v>
      </c>
      <c r="Q36" s="193">
        <v>0</v>
      </c>
      <c r="R36" s="191">
        <v>0</v>
      </c>
      <c r="S36" s="191">
        <v>0</v>
      </c>
      <c r="T36" s="191">
        <v>0</v>
      </c>
      <c r="U36" s="191">
        <v>0</v>
      </c>
      <c r="V36" s="191">
        <v>0</v>
      </c>
      <c r="W36" s="196">
        <v>0</v>
      </c>
      <c r="X36" s="195">
        <v>0</v>
      </c>
      <c r="Y36" s="190">
        <v>0</v>
      </c>
      <c r="Z36" s="191">
        <v>1</v>
      </c>
      <c r="AA36" s="196">
        <v>1</v>
      </c>
      <c r="AB36" s="193">
        <v>0</v>
      </c>
      <c r="AC36" s="191">
        <v>1</v>
      </c>
      <c r="AD36" s="191">
        <v>0</v>
      </c>
      <c r="AE36" s="191">
        <v>0</v>
      </c>
      <c r="AF36" s="191">
        <v>0</v>
      </c>
      <c r="AG36" s="191">
        <v>0</v>
      </c>
      <c r="AH36" s="196">
        <v>1</v>
      </c>
      <c r="AI36" s="195">
        <v>2</v>
      </c>
      <c r="AJ36" s="190">
        <v>0</v>
      </c>
      <c r="AK36" s="191">
        <v>0</v>
      </c>
      <c r="AL36" s="196">
        <v>0</v>
      </c>
      <c r="AM36" s="193">
        <v>0</v>
      </c>
      <c r="AN36" s="191">
        <v>0</v>
      </c>
      <c r="AO36" s="191">
        <v>1</v>
      </c>
      <c r="AP36" s="191">
        <v>0</v>
      </c>
      <c r="AQ36" s="191">
        <v>0</v>
      </c>
      <c r="AR36" s="191">
        <v>0</v>
      </c>
      <c r="AS36" s="196">
        <v>1</v>
      </c>
      <c r="AT36" s="195">
        <v>1</v>
      </c>
      <c r="AU36" s="190">
        <v>0</v>
      </c>
      <c r="AV36" s="191">
        <v>0</v>
      </c>
      <c r="AW36" s="196">
        <v>0</v>
      </c>
      <c r="AX36" s="193">
        <v>0</v>
      </c>
      <c r="AY36" s="191">
        <v>1</v>
      </c>
      <c r="AZ36" s="191">
        <v>0</v>
      </c>
      <c r="BA36" s="191">
        <v>1</v>
      </c>
      <c r="BB36" s="191">
        <v>0</v>
      </c>
      <c r="BC36" s="191">
        <v>0</v>
      </c>
      <c r="BD36" s="194">
        <v>2</v>
      </c>
      <c r="BE36" s="195">
        <v>2</v>
      </c>
      <c r="BF36" s="190">
        <v>0</v>
      </c>
      <c r="BG36" s="191">
        <v>0</v>
      </c>
      <c r="BH36" s="196">
        <v>0</v>
      </c>
      <c r="BI36" s="193">
        <v>0</v>
      </c>
      <c r="BJ36" s="191">
        <v>0</v>
      </c>
      <c r="BK36" s="191">
        <v>1</v>
      </c>
      <c r="BL36" s="191">
        <v>1</v>
      </c>
      <c r="BM36" s="191">
        <v>0</v>
      </c>
      <c r="BN36" s="191">
        <v>0</v>
      </c>
      <c r="BO36" s="196">
        <v>2</v>
      </c>
      <c r="BP36" s="195">
        <v>2</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1</v>
      </c>
      <c r="CI36" s="191">
        <v>0</v>
      </c>
      <c r="CJ36" s="191">
        <v>0</v>
      </c>
      <c r="CK36" s="196">
        <v>1</v>
      </c>
      <c r="CL36" s="195">
        <v>1</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c r="DI36" s="190">
        <v>0</v>
      </c>
      <c r="DJ36" s="191">
        <v>0</v>
      </c>
      <c r="DK36" s="196">
        <v>0</v>
      </c>
      <c r="DL36" s="193">
        <v>0</v>
      </c>
      <c r="DM36" s="191">
        <v>0</v>
      </c>
      <c r="DN36" s="191">
        <v>0</v>
      </c>
      <c r="DO36" s="191">
        <v>0</v>
      </c>
      <c r="DP36" s="191">
        <v>0</v>
      </c>
      <c r="DQ36" s="191">
        <v>0</v>
      </c>
      <c r="DR36" s="196">
        <v>0</v>
      </c>
      <c r="DS36" s="195">
        <v>0</v>
      </c>
      <c r="DT36" s="190">
        <v>0</v>
      </c>
      <c r="DU36" s="191">
        <v>1</v>
      </c>
      <c r="DV36" s="196">
        <v>1</v>
      </c>
      <c r="DW36" s="193">
        <v>0</v>
      </c>
      <c r="DX36" s="191">
        <v>1</v>
      </c>
      <c r="DY36" s="191">
        <v>1</v>
      </c>
      <c r="DZ36" s="191">
        <v>0</v>
      </c>
      <c r="EA36" s="191">
        <v>1</v>
      </c>
      <c r="EB36" s="191">
        <v>0</v>
      </c>
      <c r="EC36" s="196">
        <v>3</v>
      </c>
      <c r="ED36" s="195">
        <v>4</v>
      </c>
      <c r="EE36" s="190">
        <v>0</v>
      </c>
      <c r="EF36" s="191">
        <v>0</v>
      </c>
      <c r="EG36" s="196">
        <v>0</v>
      </c>
      <c r="EH36" s="193">
        <v>0</v>
      </c>
      <c r="EI36" s="191">
        <v>0</v>
      </c>
      <c r="EJ36" s="191">
        <v>0</v>
      </c>
      <c r="EK36" s="191">
        <v>2</v>
      </c>
      <c r="EL36" s="191">
        <v>0</v>
      </c>
      <c r="EM36" s="191">
        <v>0</v>
      </c>
      <c r="EN36" s="196">
        <v>2</v>
      </c>
      <c r="EO36" s="195">
        <v>2</v>
      </c>
      <c r="EP36" s="190">
        <v>0</v>
      </c>
      <c r="EQ36" s="191">
        <v>1</v>
      </c>
      <c r="ER36" s="196">
        <v>1</v>
      </c>
      <c r="ES36" s="193">
        <v>0</v>
      </c>
      <c r="ET36" s="191">
        <v>2</v>
      </c>
      <c r="EU36" s="191">
        <v>1</v>
      </c>
      <c r="EV36" s="191">
        <v>1</v>
      </c>
      <c r="EW36" s="191">
        <v>1</v>
      </c>
      <c r="EX36" s="191">
        <v>0</v>
      </c>
      <c r="EY36" s="196">
        <v>5</v>
      </c>
      <c r="EZ36" s="195">
        <v>6</v>
      </c>
    </row>
    <row r="37" spans="2:156" ht="21" customHeight="1" x14ac:dyDescent="0.2">
      <c r="B37" s="106" t="s">
        <v>35</v>
      </c>
      <c r="C37" s="190">
        <v>0</v>
      </c>
      <c r="D37" s="191">
        <v>0</v>
      </c>
      <c r="E37" s="192">
        <v>0</v>
      </c>
      <c r="F37" s="193">
        <v>0</v>
      </c>
      <c r="G37" s="191">
        <v>1</v>
      </c>
      <c r="H37" s="191">
        <v>4</v>
      </c>
      <c r="I37" s="191">
        <v>1</v>
      </c>
      <c r="J37" s="191">
        <v>0</v>
      </c>
      <c r="K37" s="191">
        <v>0</v>
      </c>
      <c r="L37" s="194">
        <v>6</v>
      </c>
      <c r="M37" s="195">
        <v>6</v>
      </c>
      <c r="N37" s="190">
        <v>0</v>
      </c>
      <c r="O37" s="191">
        <v>0</v>
      </c>
      <c r="P37" s="196">
        <v>0</v>
      </c>
      <c r="Q37" s="193">
        <v>0</v>
      </c>
      <c r="R37" s="191">
        <v>0</v>
      </c>
      <c r="S37" s="191">
        <v>0</v>
      </c>
      <c r="T37" s="191">
        <v>0</v>
      </c>
      <c r="U37" s="191">
        <v>0</v>
      </c>
      <c r="V37" s="191">
        <v>0</v>
      </c>
      <c r="W37" s="196">
        <v>0</v>
      </c>
      <c r="X37" s="195">
        <v>0</v>
      </c>
      <c r="Y37" s="190">
        <v>1</v>
      </c>
      <c r="Z37" s="191">
        <v>2</v>
      </c>
      <c r="AA37" s="196">
        <v>3</v>
      </c>
      <c r="AB37" s="193">
        <v>0</v>
      </c>
      <c r="AC37" s="191">
        <v>3</v>
      </c>
      <c r="AD37" s="191">
        <v>3</v>
      </c>
      <c r="AE37" s="191">
        <v>3</v>
      </c>
      <c r="AF37" s="191">
        <v>0</v>
      </c>
      <c r="AG37" s="191">
        <v>1</v>
      </c>
      <c r="AH37" s="196">
        <v>10</v>
      </c>
      <c r="AI37" s="195">
        <v>13</v>
      </c>
      <c r="AJ37" s="190">
        <v>1</v>
      </c>
      <c r="AK37" s="191">
        <v>1</v>
      </c>
      <c r="AL37" s="196">
        <v>2</v>
      </c>
      <c r="AM37" s="193">
        <v>0</v>
      </c>
      <c r="AN37" s="191">
        <v>1</v>
      </c>
      <c r="AO37" s="191">
        <v>0</v>
      </c>
      <c r="AP37" s="191">
        <v>0</v>
      </c>
      <c r="AQ37" s="191">
        <v>0</v>
      </c>
      <c r="AR37" s="191">
        <v>0</v>
      </c>
      <c r="AS37" s="196">
        <v>1</v>
      </c>
      <c r="AT37" s="195">
        <v>3</v>
      </c>
      <c r="AU37" s="190">
        <v>2</v>
      </c>
      <c r="AV37" s="191">
        <v>3</v>
      </c>
      <c r="AW37" s="196">
        <v>5</v>
      </c>
      <c r="AX37" s="193">
        <v>0</v>
      </c>
      <c r="AY37" s="191">
        <v>5</v>
      </c>
      <c r="AZ37" s="191">
        <v>2</v>
      </c>
      <c r="BA37" s="191">
        <v>6</v>
      </c>
      <c r="BB37" s="191">
        <v>2</v>
      </c>
      <c r="BC37" s="191">
        <v>1</v>
      </c>
      <c r="BD37" s="194">
        <v>16</v>
      </c>
      <c r="BE37" s="195">
        <v>21</v>
      </c>
      <c r="BF37" s="190">
        <v>0</v>
      </c>
      <c r="BG37" s="191">
        <v>0</v>
      </c>
      <c r="BH37" s="196">
        <v>0</v>
      </c>
      <c r="BI37" s="193">
        <v>0</v>
      </c>
      <c r="BJ37" s="191">
        <v>2</v>
      </c>
      <c r="BK37" s="191">
        <v>1</v>
      </c>
      <c r="BL37" s="191">
        <v>1</v>
      </c>
      <c r="BM37" s="191">
        <v>0</v>
      </c>
      <c r="BN37" s="191">
        <v>1</v>
      </c>
      <c r="BO37" s="196">
        <v>5</v>
      </c>
      <c r="BP37" s="195">
        <v>5</v>
      </c>
      <c r="BQ37" s="190">
        <v>0</v>
      </c>
      <c r="BR37" s="191">
        <v>3</v>
      </c>
      <c r="BS37" s="196">
        <v>3</v>
      </c>
      <c r="BT37" s="193">
        <v>0</v>
      </c>
      <c r="BU37" s="191">
        <v>3</v>
      </c>
      <c r="BV37" s="191">
        <v>3</v>
      </c>
      <c r="BW37" s="191">
        <v>2</v>
      </c>
      <c r="BX37" s="191">
        <v>0</v>
      </c>
      <c r="BY37" s="191">
        <v>0</v>
      </c>
      <c r="BZ37" s="196">
        <v>8</v>
      </c>
      <c r="CA37" s="195">
        <v>11</v>
      </c>
      <c r="CB37" s="190">
        <v>0</v>
      </c>
      <c r="CC37" s="191">
        <v>0</v>
      </c>
      <c r="CD37" s="196">
        <v>0</v>
      </c>
      <c r="CE37" s="193">
        <v>0</v>
      </c>
      <c r="CF37" s="191">
        <v>1</v>
      </c>
      <c r="CG37" s="191">
        <v>0</v>
      </c>
      <c r="CH37" s="191">
        <v>0</v>
      </c>
      <c r="CI37" s="191">
        <v>0</v>
      </c>
      <c r="CJ37" s="191">
        <v>1</v>
      </c>
      <c r="CK37" s="196">
        <v>2</v>
      </c>
      <c r="CL37" s="195">
        <v>2</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c r="DI37" s="190">
        <v>0</v>
      </c>
      <c r="DJ37" s="191">
        <v>0</v>
      </c>
      <c r="DK37" s="196">
        <v>0</v>
      </c>
      <c r="DL37" s="193">
        <v>0</v>
      </c>
      <c r="DM37" s="191">
        <v>0</v>
      </c>
      <c r="DN37" s="191">
        <v>0</v>
      </c>
      <c r="DO37" s="191">
        <v>0</v>
      </c>
      <c r="DP37" s="191">
        <v>0</v>
      </c>
      <c r="DQ37" s="191">
        <v>0</v>
      </c>
      <c r="DR37" s="196">
        <v>0</v>
      </c>
      <c r="DS37" s="195">
        <v>0</v>
      </c>
      <c r="DT37" s="190">
        <v>4</v>
      </c>
      <c r="DU37" s="191">
        <v>5</v>
      </c>
      <c r="DV37" s="196">
        <v>9</v>
      </c>
      <c r="DW37" s="193">
        <v>0</v>
      </c>
      <c r="DX37" s="191">
        <v>4</v>
      </c>
      <c r="DY37" s="191">
        <v>7</v>
      </c>
      <c r="DZ37" s="191">
        <v>3</v>
      </c>
      <c r="EA37" s="191">
        <v>0</v>
      </c>
      <c r="EB37" s="191">
        <v>1</v>
      </c>
      <c r="EC37" s="196">
        <v>15</v>
      </c>
      <c r="ED37" s="195">
        <v>24</v>
      </c>
      <c r="EE37" s="190">
        <v>3</v>
      </c>
      <c r="EF37" s="191">
        <v>1</v>
      </c>
      <c r="EG37" s="196">
        <v>4</v>
      </c>
      <c r="EH37" s="193">
        <v>0</v>
      </c>
      <c r="EI37" s="191">
        <v>3</v>
      </c>
      <c r="EJ37" s="191">
        <v>0</v>
      </c>
      <c r="EK37" s="191">
        <v>4</v>
      </c>
      <c r="EL37" s="191">
        <v>2</v>
      </c>
      <c r="EM37" s="191">
        <v>0</v>
      </c>
      <c r="EN37" s="196">
        <v>9</v>
      </c>
      <c r="EO37" s="195">
        <v>13</v>
      </c>
      <c r="EP37" s="190">
        <v>6</v>
      </c>
      <c r="EQ37" s="191">
        <v>9</v>
      </c>
      <c r="ER37" s="196">
        <v>15</v>
      </c>
      <c r="ES37" s="193">
        <v>0</v>
      </c>
      <c r="ET37" s="191">
        <v>10</v>
      </c>
      <c r="EU37" s="191">
        <v>7</v>
      </c>
      <c r="EV37" s="191">
        <v>4</v>
      </c>
      <c r="EW37" s="191">
        <v>0</v>
      </c>
      <c r="EX37" s="191">
        <v>1</v>
      </c>
      <c r="EY37" s="196">
        <v>22</v>
      </c>
      <c r="EZ37" s="195">
        <v>37</v>
      </c>
    </row>
    <row r="38" spans="2:156" ht="21" customHeight="1" x14ac:dyDescent="0.2">
      <c r="B38" s="106" t="s">
        <v>36</v>
      </c>
      <c r="C38" s="190">
        <v>0</v>
      </c>
      <c r="D38" s="191">
        <v>0</v>
      </c>
      <c r="E38" s="192">
        <v>0</v>
      </c>
      <c r="F38" s="193">
        <v>0</v>
      </c>
      <c r="G38" s="191">
        <v>2</v>
      </c>
      <c r="H38" s="191">
        <v>3</v>
      </c>
      <c r="I38" s="191">
        <v>1</v>
      </c>
      <c r="J38" s="191">
        <v>0</v>
      </c>
      <c r="K38" s="191">
        <v>0</v>
      </c>
      <c r="L38" s="194">
        <v>6</v>
      </c>
      <c r="M38" s="195">
        <v>6</v>
      </c>
      <c r="N38" s="190">
        <v>0</v>
      </c>
      <c r="O38" s="191">
        <v>0</v>
      </c>
      <c r="P38" s="196">
        <v>0</v>
      </c>
      <c r="Q38" s="193">
        <v>0</v>
      </c>
      <c r="R38" s="191">
        <v>1</v>
      </c>
      <c r="S38" s="191">
        <v>0</v>
      </c>
      <c r="T38" s="191">
        <v>0</v>
      </c>
      <c r="U38" s="191">
        <v>0</v>
      </c>
      <c r="V38" s="191">
        <v>0</v>
      </c>
      <c r="W38" s="196">
        <v>1</v>
      </c>
      <c r="X38" s="195">
        <v>1</v>
      </c>
      <c r="Y38" s="190">
        <v>1</v>
      </c>
      <c r="Z38" s="191">
        <v>2</v>
      </c>
      <c r="AA38" s="196">
        <v>3</v>
      </c>
      <c r="AB38" s="193">
        <v>0</v>
      </c>
      <c r="AC38" s="191">
        <v>2</v>
      </c>
      <c r="AD38" s="191">
        <v>2</v>
      </c>
      <c r="AE38" s="191">
        <v>1</v>
      </c>
      <c r="AF38" s="191">
        <v>1</v>
      </c>
      <c r="AG38" s="191">
        <v>0</v>
      </c>
      <c r="AH38" s="196">
        <v>6</v>
      </c>
      <c r="AI38" s="195">
        <v>9</v>
      </c>
      <c r="AJ38" s="190">
        <v>0</v>
      </c>
      <c r="AK38" s="191">
        <v>0</v>
      </c>
      <c r="AL38" s="196">
        <v>0</v>
      </c>
      <c r="AM38" s="193">
        <v>0</v>
      </c>
      <c r="AN38" s="191">
        <v>1</v>
      </c>
      <c r="AO38" s="191">
        <v>1</v>
      </c>
      <c r="AP38" s="191">
        <v>0</v>
      </c>
      <c r="AQ38" s="191">
        <v>0</v>
      </c>
      <c r="AR38" s="191">
        <v>0</v>
      </c>
      <c r="AS38" s="196">
        <v>2</v>
      </c>
      <c r="AT38" s="195">
        <v>2</v>
      </c>
      <c r="AU38" s="190">
        <v>0</v>
      </c>
      <c r="AV38" s="191">
        <v>0</v>
      </c>
      <c r="AW38" s="196">
        <v>0</v>
      </c>
      <c r="AX38" s="193">
        <v>0</v>
      </c>
      <c r="AY38" s="191">
        <v>2</v>
      </c>
      <c r="AZ38" s="191">
        <v>5</v>
      </c>
      <c r="BA38" s="191">
        <v>4</v>
      </c>
      <c r="BB38" s="191">
        <v>3</v>
      </c>
      <c r="BC38" s="191">
        <v>2</v>
      </c>
      <c r="BD38" s="194">
        <v>16</v>
      </c>
      <c r="BE38" s="195">
        <v>16</v>
      </c>
      <c r="BF38" s="190">
        <v>0</v>
      </c>
      <c r="BG38" s="191">
        <v>0</v>
      </c>
      <c r="BH38" s="196">
        <v>0</v>
      </c>
      <c r="BI38" s="193">
        <v>0</v>
      </c>
      <c r="BJ38" s="191">
        <v>0</v>
      </c>
      <c r="BK38" s="191">
        <v>4</v>
      </c>
      <c r="BL38" s="191">
        <v>0</v>
      </c>
      <c r="BM38" s="191">
        <v>2</v>
      </c>
      <c r="BN38" s="191">
        <v>0</v>
      </c>
      <c r="BO38" s="196">
        <v>6</v>
      </c>
      <c r="BP38" s="195">
        <v>6</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1</v>
      </c>
      <c r="CG38" s="191">
        <v>2</v>
      </c>
      <c r="CH38" s="191">
        <v>0</v>
      </c>
      <c r="CI38" s="191">
        <v>1</v>
      </c>
      <c r="CJ38" s="191">
        <v>0</v>
      </c>
      <c r="CK38" s="196">
        <v>4</v>
      </c>
      <c r="CL38" s="195">
        <v>4</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c r="DI38" s="190">
        <v>0</v>
      </c>
      <c r="DJ38" s="191">
        <v>0</v>
      </c>
      <c r="DK38" s="196">
        <v>0</v>
      </c>
      <c r="DL38" s="193">
        <v>0</v>
      </c>
      <c r="DM38" s="191">
        <v>0</v>
      </c>
      <c r="DN38" s="191">
        <v>0</v>
      </c>
      <c r="DO38" s="191">
        <v>0</v>
      </c>
      <c r="DP38" s="191">
        <v>0</v>
      </c>
      <c r="DQ38" s="191">
        <v>0</v>
      </c>
      <c r="DR38" s="196">
        <v>0</v>
      </c>
      <c r="DS38" s="195">
        <v>0</v>
      </c>
      <c r="DT38" s="190">
        <v>0</v>
      </c>
      <c r="DU38" s="191">
        <v>3</v>
      </c>
      <c r="DV38" s="196">
        <v>3</v>
      </c>
      <c r="DW38" s="193">
        <v>0</v>
      </c>
      <c r="DX38" s="191">
        <v>2</v>
      </c>
      <c r="DY38" s="191">
        <v>11</v>
      </c>
      <c r="DZ38" s="191">
        <v>2</v>
      </c>
      <c r="EA38" s="191">
        <v>3</v>
      </c>
      <c r="EB38" s="191">
        <v>0</v>
      </c>
      <c r="EC38" s="196">
        <v>18</v>
      </c>
      <c r="ED38" s="195">
        <v>21</v>
      </c>
      <c r="EE38" s="190">
        <v>0</v>
      </c>
      <c r="EF38" s="191">
        <v>0</v>
      </c>
      <c r="EG38" s="196">
        <v>0</v>
      </c>
      <c r="EH38" s="193">
        <v>0</v>
      </c>
      <c r="EI38" s="191">
        <v>1</v>
      </c>
      <c r="EJ38" s="191">
        <v>2</v>
      </c>
      <c r="EK38" s="191">
        <v>2</v>
      </c>
      <c r="EL38" s="191">
        <v>2</v>
      </c>
      <c r="EM38" s="191">
        <v>0</v>
      </c>
      <c r="EN38" s="196">
        <v>7</v>
      </c>
      <c r="EO38" s="195">
        <v>7</v>
      </c>
      <c r="EP38" s="190">
        <v>1</v>
      </c>
      <c r="EQ38" s="191">
        <v>5</v>
      </c>
      <c r="ER38" s="196">
        <v>6</v>
      </c>
      <c r="ES38" s="193">
        <v>0</v>
      </c>
      <c r="ET38" s="191">
        <v>5</v>
      </c>
      <c r="EU38" s="191">
        <v>13</v>
      </c>
      <c r="EV38" s="191">
        <v>2</v>
      </c>
      <c r="EW38" s="191">
        <v>3</v>
      </c>
      <c r="EX38" s="191">
        <v>0</v>
      </c>
      <c r="EY38" s="196">
        <v>23</v>
      </c>
      <c r="EZ38" s="195">
        <v>29</v>
      </c>
    </row>
    <row r="39" spans="2:156" ht="21" customHeight="1" thickBot="1" x14ac:dyDescent="0.25">
      <c r="B39" s="108" t="s">
        <v>37</v>
      </c>
      <c r="C39" s="197">
        <v>0</v>
      </c>
      <c r="D39" s="198">
        <v>0</v>
      </c>
      <c r="E39" s="199">
        <v>0</v>
      </c>
      <c r="F39" s="200">
        <v>0</v>
      </c>
      <c r="G39" s="198">
        <v>0</v>
      </c>
      <c r="H39" s="198">
        <v>0</v>
      </c>
      <c r="I39" s="198">
        <v>0</v>
      </c>
      <c r="J39" s="198">
        <v>0</v>
      </c>
      <c r="K39" s="198">
        <v>1</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1</v>
      </c>
      <c r="AG39" s="198">
        <v>1</v>
      </c>
      <c r="AH39" s="203">
        <v>2</v>
      </c>
      <c r="AI39" s="202">
        <v>2</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1</v>
      </c>
      <c r="BD39" s="201">
        <v>1</v>
      </c>
      <c r="BE39" s="202">
        <v>1</v>
      </c>
      <c r="BF39" s="197">
        <v>0</v>
      </c>
      <c r="BG39" s="198">
        <v>0</v>
      </c>
      <c r="BH39" s="203">
        <v>0</v>
      </c>
      <c r="BI39" s="200">
        <v>0</v>
      </c>
      <c r="BJ39" s="198">
        <v>0</v>
      </c>
      <c r="BK39" s="198">
        <v>0</v>
      </c>
      <c r="BL39" s="198">
        <v>0</v>
      </c>
      <c r="BM39" s="198">
        <v>1</v>
      </c>
      <c r="BN39" s="198">
        <v>0</v>
      </c>
      <c r="BO39" s="203">
        <v>1</v>
      </c>
      <c r="BP39" s="202">
        <v>1</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1</v>
      </c>
      <c r="CV39" s="203">
        <v>1</v>
      </c>
      <c r="CW39" s="202">
        <v>1</v>
      </c>
      <c r="CX39" s="197">
        <v>0</v>
      </c>
      <c r="CY39" s="198">
        <v>0</v>
      </c>
      <c r="CZ39" s="203">
        <v>0</v>
      </c>
      <c r="DA39" s="200">
        <v>0</v>
      </c>
      <c r="DB39" s="198">
        <v>0</v>
      </c>
      <c r="DC39" s="198">
        <v>0</v>
      </c>
      <c r="DD39" s="198">
        <v>0</v>
      </c>
      <c r="DE39" s="198">
        <v>0</v>
      </c>
      <c r="DF39" s="198">
        <v>0</v>
      </c>
      <c r="DG39" s="203">
        <v>0</v>
      </c>
      <c r="DH39" s="202">
        <v>0</v>
      </c>
      <c r="DI39" s="197">
        <v>0</v>
      </c>
      <c r="DJ39" s="198">
        <v>0</v>
      </c>
      <c r="DK39" s="203">
        <v>0</v>
      </c>
      <c r="DL39" s="200">
        <v>0</v>
      </c>
      <c r="DM39" s="198">
        <v>0</v>
      </c>
      <c r="DN39" s="198">
        <v>0</v>
      </c>
      <c r="DO39" s="198">
        <v>0</v>
      </c>
      <c r="DP39" s="198">
        <v>0</v>
      </c>
      <c r="DQ39" s="198">
        <v>0</v>
      </c>
      <c r="DR39" s="203">
        <v>0</v>
      </c>
      <c r="DS39" s="202">
        <v>0</v>
      </c>
      <c r="DT39" s="197">
        <v>1</v>
      </c>
      <c r="DU39" s="198">
        <v>0</v>
      </c>
      <c r="DV39" s="203">
        <v>1</v>
      </c>
      <c r="DW39" s="200">
        <v>0</v>
      </c>
      <c r="DX39" s="198">
        <v>0</v>
      </c>
      <c r="DY39" s="198">
        <v>0</v>
      </c>
      <c r="DZ39" s="198">
        <v>0</v>
      </c>
      <c r="EA39" s="198">
        <v>1</v>
      </c>
      <c r="EB39" s="198">
        <v>1</v>
      </c>
      <c r="EC39" s="203">
        <v>2</v>
      </c>
      <c r="ED39" s="202">
        <v>3</v>
      </c>
      <c r="EE39" s="197">
        <v>0</v>
      </c>
      <c r="EF39" s="198">
        <v>0</v>
      </c>
      <c r="EG39" s="203">
        <v>0</v>
      </c>
      <c r="EH39" s="200">
        <v>0</v>
      </c>
      <c r="EI39" s="198">
        <v>0</v>
      </c>
      <c r="EJ39" s="198">
        <v>0</v>
      </c>
      <c r="EK39" s="198">
        <v>0</v>
      </c>
      <c r="EL39" s="198">
        <v>0</v>
      </c>
      <c r="EM39" s="198">
        <v>0</v>
      </c>
      <c r="EN39" s="203">
        <v>0</v>
      </c>
      <c r="EO39" s="202">
        <v>0</v>
      </c>
      <c r="EP39" s="197">
        <v>1</v>
      </c>
      <c r="EQ39" s="198">
        <v>0</v>
      </c>
      <c r="ER39" s="203">
        <v>1</v>
      </c>
      <c r="ES39" s="200">
        <v>0</v>
      </c>
      <c r="ET39" s="198">
        <v>0</v>
      </c>
      <c r="EU39" s="198">
        <v>0</v>
      </c>
      <c r="EV39" s="198">
        <v>0</v>
      </c>
      <c r="EW39" s="198">
        <v>1</v>
      </c>
      <c r="EX39" s="198">
        <v>1</v>
      </c>
      <c r="EY39" s="203">
        <v>2</v>
      </c>
      <c r="EZ39" s="202">
        <v>3</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77734375" style="175" customWidth="1"/>
    <col min="18" max="27" width="9" style="175"/>
    <col min="28" max="28" width="6.88671875" style="175" customWidth="1"/>
    <col min="29" max="38" width="9" style="175"/>
    <col min="39" max="39" width="7.21875" style="175" customWidth="1"/>
    <col min="40" max="49" width="9" style="175"/>
    <col min="50" max="50" width="7.44140625" style="175" customWidth="1"/>
    <col min="51" max="60" width="9" style="175"/>
    <col min="61" max="61" width="7.6640625" style="175" customWidth="1"/>
    <col min="62" max="71" width="9" style="175"/>
    <col min="72" max="72" width="7.88671875" style="175" customWidth="1"/>
    <col min="73" max="82" width="9" style="175"/>
    <col min="83" max="83" width="7"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6</v>
      </c>
      <c r="M1" s="445">
        <f>IF(L1&lt;3,L1+12-2,L1-2)</f>
        <v>4</v>
      </c>
      <c r="N1" s="445"/>
    </row>
    <row r="2" spans="2:112" ht="24" customHeight="1" thickBot="1" x14ac:dyDescent="0.25">
      <c r="B2" s="142" t="s">
        <v>136</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04</v>
      </c>
      <c r="CN3" s="480"/>
      <c r="CO3" s="480"/>
      <c r="CP3" s="480"/>
      <c r="CQ3" s="480"/>
      <c r="CR3" s="480"/>
      <c r="CS3" s="480"/>
      <c r="CT3" s="480"/>
      <c r="CU3" s="480"/>
      <c r="CV3" s="480"/>
      <c r="CW3" s="481"/>
      <c r="CX3" s="479" t="s">
        <v>157</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78" t="s">
        <v>44</v>
      </c>
      <c r="E5" s="179"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4">
        <v>0</v>
      </c>
      <c r="E6" s="185">
        <v>0</v>
      </c>
      <c r="F6" s="186">
        <v>0</v>
      </c>
      <c r="G6" s="184">
        <v>206467</v>
      </c>
      <c r="H6" s="184">
        <v>356691</v>
      </c>
      <c r="I6" s="184">
        <v>372148</v>
      </c>
      <c r="J6" s="184">
        <v>450887</v>
      </c>
      <c r="K6" s="184">
        <v>420253</v>
      </c>
      <c r="L6" s="187">
        <v>1806446</v>
      </c>
      <c r="M6" s="188">
        <v>1806446</v>
      </c>
      <c r="N6" s="183">
        <v>7</v>
      </c>
      <c r="O6" s="184">
        <v>88</v>
      </c>
      <c r="P6" s="189">
        <v>95</v>
      </c>
      <c r="Q6" s="186">
        <v>0</v>
      </c>
      <c r="R6" s="184">
        <v>418</v>
      </c>
      <c r="S6" s="184">
        <v>1793</v>
      </c>
      <c r="T6" s="184">
        <v>3599</v>
      </c>
      <c r="U6" s="184">
        <v>9641</v>
      </c>
      <c r="V6" s="184">
        <v>18480</v>
      </c>
      <c r="W6" s="189">
        <v>33931</v>
      </c>
      <c r="X6" s="188">
        <v>34026</v>
      </c>
      <c r="Y6" s="183">
        <v>14214</v>
      </c>
      <c r="Z6" s="184">
        <v>49405</v>
      </c>
      <c r="AA6" s="189">
        <v>63619</v>
      </c>
      <c r="AB6" s="186">
        <v>0</v>
      </c>
      <c r="AC6" s="184">
        <v>116670</v>
      </c>
      <c r="AD6" s="184">
        <v>195844</v>
      </c>
      <c r="AE6" s="184">
        <v>119646</v>
      </c>
      <c r="AF6" s="184">
        <v>99288</v>
      </c>
      <c r="AG6" s="184">
        <v>81125</v>
      </c>
      <c r="AH6" s="189">
        <v>612573</v>
      </c>
      <c r="AI6" s="188">
        <v>676192</v>
      </c>
      <c r="AJ6" s="183">
        <v>2268</v>
      </c>
      <c r="AK6" s="184">
        <v>9372</v>
      </c>
      <c r="AL6" s="189">
        <v>11640</v>
      </c>
      <c r="AM6" s="186">
        <v>0</v>
      </c>
      <c r="AN6" s="184">
        <v>14011</v>
      </c>
      <c r="AO6" s="184">
        <v>22844</v>
      </c>
      <c r="AP6" s="184">
        <v>13887</v>
      </c>
      <c r="AQ6" s="184">
        <v>11779</v>
      </c>
      <c r="AR6" s="184">
        <v>7855</v>
      </c>
      <c r="AS6" s="189">
        <v>70376</v>
      </c>
      <c r="AT6" s="188">
        <v>82016</v>
      </c>
      <c r="AU6" s="183">
        <v>0</v>
      </c>
      <c r="AV6" s="184">
        <v>0</v>
      </c>
      <c r="AW6" s="189">
        <v>0</v>
      </c>
      <c r="AX6" s="186">
        <v>0</v>
      </c>
      <c r="AY6" s="184">
        <v>188131</v>
      </c>
      <c r="AZ6" s="184">
        <v>199954</v>
      </c>
      <c r="BA6" s="184">
        <v>119476</v>
      </c>
      <c r="BB6" s="184">
        <v>68120</v>
      </c>
      <c r="BC6" s="184">
        <v>31743</v>
      </c>
      <c r="BD6" s="187">
        <v>607424</v>
      </c>
      <c r="BE6" s="188">
        <v>607424</v>
      </c>
      <c r="BF6" s="183">
        <v>0</v>
      </c>
      <c r="BG6" s="184">
        <v>2</v>
      </c>
      <c r="BH6" s="189">
        <v>2</v>
      </c>
      <c r="BI6" s="186">
        <v>0</v>
      </c>
      <c r="BJ6" s="184">
        <v>32137</v>
      </c>
      <c r="BK6" s="184">
        <v>49025</v>
      </c>
      <c r="BL6" s="184">
        <v>28922</v>
      </c>
      <c r="BM6" s="184">
        <v>17577</v>
      </c>
      <c r="BN6" s="184">
        <v>6260</v>
      </c>
      <c r="BO6" s="189">
        <v>133921</v>
      </c>
      <c r="BP6" s="188">
        <v>133923</v>
      </c>
      <c r="BQ6" s="183">
        <v>301</v>
      </c>
      <c r="BR6" s="184">
        <v>935</v>
      </c>
      <c r="BS6" s="189">
        <v>1236</v>
      </c>
      <c r="BT6" s="186">
        <v>0</v>
      </c>
      <c r="BU6" s="184">
        <v>15855</v>
      </c>
      <c r="BV6" s="184">
        <v>30506</v>
      </c>
      <c r="BW6" s="184">
        <v>52069</v>
      </c>
      <c r="BX6" s="184">
        <v>40016</v>
      </c>
      <c r="BY6" s="184">
        <v>20170</v>
      </c>
      <c r="BZ6" s="189">
        <v>158616</v>
      </c>
      <c r="CA6" s="188">
        <v>159852</v>
      </c>
      <c r="CB6" s="183">
        <v>30</v>
      </c>
      <c r="CC6" s="184">
        <v>69</v>
      </c>
      <c r="CD6" s="189">
        <v>99</v>
      </c>
      <c r="CE6" s="186">
        <v>0</v>
      </c>
      <c r="CF6" s="184">
        <v>1254</v>
      </c>
      <c r="CG6" s="184">
        <v>3329</v>
      </c>
      <c r="CH6" s="184">
        <v>4265</v>
      </c>
      <c r="CI6" s="184">
        <v>4188</v>
      </c>
      <c r="CJ6" s="184">
        <v>2575</v>
      </c>
      <c r="CK6" s="189">
        <v>15611</v>
      </c>
      <c r="CL6" s="188">
        <v>15710</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69196</v>
      </c>
      <c r="H7" s="191">
        <v>153952</v>
      </c>
      <c r="I7" s="191">
        <v>135950</v>
      </c>
      <c r="J7" s="191">
        <v>162404</v>
      </c>
      <c r="K7" s="191">
        <v>157006</v>
      </c>
      <c r="L7" s="194">
        <v>678508</v>
      </c>
      <c r="M7" s="195">
        <v>678508</v>
      </c>
      <c r="N7" s="190">
        <v>5</v>
      </c>
      <c r="O7" s="191">
        <v>48</v>
      </c>
      <c r="P7" s="196">
        <v>53</v>
      </c>
      <c r="Q7" s="193">
        <v>0</v>
      </c>
      <c r="R7" s="191">
        <v>61</v>
      </c>
      <c r="S7" s="191">
        <v>559</v>
      </c>
      <c r="T7" s="191">
        <v>1470</v>
      </c>
      <c r="U7" s="191">
        <v>3849</v>
      </c>
      <c r="V7" s="191">
        <v>8118</v>
      </c>
      <c r="W7" s="196">
        <v>14057</v>
      </c>
      <c r="X7" s="195">
        <v>14110</v>
      </c>
      <c r="Y7" s="190">
        <v>6061</v>
      </c>
      <c r="Z7" s="191">
        <v>26235</v>
      </c>
      <c r="AA7" s="196">
        <v>32296</v>
      </c>
      <c r="AB7" s="193">
        <v>0</v>
      </c>
      <c r="AC7" s="191">
        <v>41032</v>
      </c>
      <c r="AD7" s="191">
        <v>104373</v>
      </c>
      <c r="AE7" s="191">
        <v>60228</v>
      </c>
      <c r="AF7" s="191">
        <v>47807</v>
      </c>
      <c r="AG7" s="191">
        <v>37343</v>
      </c>
      <c r="AH7" s="196">
        <v>290783</v>
      </c>
      <c r="AI7" s="195">
        <v>323079</v>
      </c>
      <c r="AJ7" s="190">
        <v>720</v>
      </c>
      <c r="AK7" s="191">
        <v>4729</v>
      </c>
      <c r="AL7" s="196">
        <v>5449</v>
      </c>
      <c r="AM7" s="193">
        <v>0</v>
      </c>
      <c r="AN7" s="191">
        <v>3354</v>
      </c>
      <c r="AO7" s="191">
        <v>9383</v>
      </c>
      <c r="AP7" s="191">
        <v>5883</v>
      </c>
      <c r="AQ7" s="191">
        <v>4643</v>
      </c>
      <c r="AR7" s="191">
        <v>3179</v>
      </c>
      <c r="AS7" s="196">
        <v>26442</v>
      </c>
      <c r="AT7" s="195">
        <v>31891</v>
      </c>
      <c r="AU7" s="190">
        <v>0</v>
      </c>
      <c r="AV7" s="191">
        <v>0</v>
      </c>
      <c r="AW7" s="196">
        <v>0</v>
      </c>
      <c r="AX7" s="193">
        <v>0</v>
      </c>
      <c r="AY7" s="191">
        <v>57110</v>
      </c>
      <c r="AZ7" s="191">
        <v>78356</v>
      </c>
      <c r="BA7" s="191">
        <v>41031</v>
      </c>
      <c r="BB7" s="191">
        <v>22902</v>
      </c>
      <c r="BC7" s="191">
        <v>10673</v>
      </c>
      <c r="BD7" s="194">
        <v>210072</v>
      </c>
      <c r="BE7" s="195">
        <v>210072</v>
      </c>
      <c r="BF7" s="190">
        <v>0</v>
      </c>
      <c r="BG7" s="191">
        <v>2</v>
      </c>
      <c r="BH7" s="196">
        <v>2</v>
      </c>
      <c r="BI7" s="193">
        <v>0</v>
      </c>
      <c r="BJ7" s="191">
        <v>9446</v>
      </c>
      <c r="BK7" s="191">
        <v>21816</v>
      </c>
      <c r="BL7" s="191">
        <v>12623</v>
      </c>
      <c r="BM7" s="191">
        <v>7790</v>
      </c>
      <c r="BN7" s="191">
        <v>2465</v>
      </c>
      <c r="BO7" s="196">
        <v>54140</v>
      </c>
      <c r="BP7" s="195">
        <v>54142</v>
      </c>
      <c r="BQ7" s="190">
        <v>91</v>
      </c>
      <c r="BR7" s="191">
        <v>375</v>
      </c>
      <c r="BS7" s="196">
        <v>466</v>
      </c>
      <c r="BT7" s="193">
        <v>0</v>
      </c>
      <c r="BU7" s="191">
        <v>4722</v>
      </c>
      <c r="BV7" s="191">
        <v>11290</v>
      </c>
      <c r="BW7" s="191">
        <v>20420</v>
      </c>
      <c r="BX7" s="191">
        <v>14211</v>
      </c>
      <c r="BY7" s="191">
        <v>7982</v>
      </c>
      <c r="BZ7" s="196">
        <v>58625</v>
      </c>
      <c r="CA7" s="195">
        <v>59091</v>
      </c>
      <c r="CB7" s="190">
        <v>22</v>
      </c>
      <c r="CC7" s="191">
        <v>40</v>
      </c>
      <c r="CD7" s="196">
        <v>62</v>
      </c>
      <c r="CE7" s="193">
        <v>0</v>
      </c>
      <c r="CF7" s="191">
        <v>434</v>
      </c>
      <c r="CG7" s="191">
        <v>1975</v>
      </c>
      <c r="CH7" s="191">
        <v>2410</v>
      </c>
      <c r="CI7" s="191">
        <v>2621</v>
      </c>
      <c r="CJ7" s="191">
        <v>1647</v>
      </c>
      <c r="CK7" s="196">
        <v>9087</v>
      </c>
      <c r="CL7" s="195">
        <v>9149</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37059</v>
      </c>
      <c r="H8" s="191">
        <v>51919</v>
      </c>
      <c r="I8" s="191">
        <v>53655</v>
      </c>
      <c r="J8" s="191">
        <v>68988</v>
      </c>
      <c r="K8" s="191">
        <v>70323</v>
      </c>
      <c r="L8" s="194">
        <v>281944</v>
      </c>
      <c r="M8" s="195">
        <v>281944</v>
      </c>
      <c r="N8" s="190">
        <v>2</v>
      </c>
      <c r="O8" s="191">
        <v>4</v>
      </c>
      <c r="P8" s="196">
        <v>6</v>
      </c>
      <c r="Q8" s="193">
        <v>0</v>
      </c>
      <c r="R8" s="191">
        <v>91</v>
      </c>
      <c r="S8" s="191">
        <v>221</v>
      </c>
      <c r="T8" s="191">
        <v>479</v>
      </c>
      <c r="U8" s="191">
        <v>1203</v>
      </c>
      <c r="V8" s="191">
        <v>2672</v>
      </c>
      <c r="W8" s="196">
        <v>4666</v>
      </c>
      <c r="X8" s="195">
        <v>4672</v>
      </c>
      <c r="Y8" s="190">
        <v>2541</v>
      </c>
      <c r="Z8" s="191">
        <v>7053</v>
      </c>
      <c r="AA8" s="196">
        <v>9594</v>
      </c>
      <c r="AB8" s="193">
        <v>0</v>
      </c>
      <c r="AC8" s="191">
        <v>26362</v>
      </c>
      <c r="AD8" s="191">
        <v>28977</v>
      </c>
      <c r="AE8" s="191">
        <v>18089</v>
      </c>
      <c r="AF8" s="191">
        <v>13920</v>
      </c>
      <c r="AG8" s="191">
        <v>12868</v>
      </c>
      <c r="AH8" s="196">
        <v>100216</v>
      </c>
      <c r="AI8" s="195">
        <v>109810</v>
      </c>
      <c r="AJ8" s="190">
        <v>222</v>
      </c>
      <c r="AK8" s="191">
        <v>754</v>
      </c>
      <c r="AL8" s="196">
        <v>976</v>
      </c>
      <c r="AM8" s="193">
        <v>0</v>
      </c>
      <c r="AN8" s="191">
        <v>2527</v>
      </c>
      <c r="AO8" s="191">
        <v>2468</v>
      </c>
      <c r="AP8" s="191">
        <v>1323</v>
      </c>
      <c r="AQ8" s="191">
        <v>1501</v>
      </c>
      <c r="AR8" s="191">
        <v>968</v>
      </c>
      <c r="AS8" s="196">
        <v>8787</v>
      </c>
      <c r="AT8" s="195">
        <v>9763</v>
      </c>
      <c r="AU8" s="190">
        <v>0</v>
      </c>
      <c r="AV8" s="191">
        <v>0</v>
      </c>
      <c r="AW8" s="196">
        <v>0</v>
      </c>
      <c r="AX8" s="193">
        <v>0</v>
      </c>
      <c r="AY8" s="191">
        <v>31068</v>
      </c>
      <c r="AZ8" s="191">
        <v>28614</v>
      </c>
      <c r="BA8" s="191">
        <v>17402</v>
      </c>
      <c r="BB8" s="191">
        <v>9611</v>
      </c>
      <c r="BC8" s="191">
        <v>4623</v>
      </c>
      <c r="BD8" s="194">
        <v>91318</v>
      </c>
      <c r="BE8" s="195">
        <v>91318</v>
      </c>
      <c r="BF8" s="190">
        <v>0</v>
      </c>
      <c r="BG8" s="191">
        <v>0</v>
      </c>
      <c r="BH8" s="196">
        <v>0</v>
      </c>
      <c r="BI8" s="193">
        <v>0</v>
      </c>
      <c r="BJ8" s="191">
        <v>4931</v>
      </c>
      <c r="BK8" s="191">
        <v>5603</v>
      </c>
      <c r="BL8" s="191">
        <v>3714</v>
      </c>
      <c r="BM8" s="191">
        <v>2213</v>
      </c>
      <c r="BN8" s="191">
        <v>896</v>
      </c>
      <c r="BO8" s="196">
        <v>17357</v>
      </c>
      <c r="BP8" s="195">
        <v>17357</v>
      </c>
      <c r="BQ8" s="190">
        <v>43</v>
      </c>
      <c r="BR8" s="191">
        <v>97</v>
      </c>
      <c r="BS8" s="196">
        <v>140</v>
      </c>
      <c r="BT8" s="193">
        <v>0</v>
      </c>
      <c r="BU8" s="191">
        <v>1493</v>
      </c>
      <c r="BV8" s="191">
        <v>3245</v>
      </c>
      <c r="BW8" s="191">
        <v>4931</v>
      </c>
      <c r="BX8" s="191">
        <v>4362</v>
      </c>
      <c r="BY8" s="191">
        <v>2605</v>
      </c>
      <c r="BZ8" s="196">
        <v>16636</v>
      </c>
      <c r="CA8" s="195">
        <v>16776</v>
      </c>
      <c r="CB8" s="190">
        <v>2</v>
      </c>
      <c r="CC8" s="191">
        <v>0</v>
      </c>
      <c r="CD8" s="196">
        <v>2</v>
      </c>
      <c r="CE8" s="193">
        <v>0</v>
      </c>
      <c r="CF8" s="191">
        <v>229</v>
      </c>
      <c r="CG8" s="191">
        <v>419</v>
      </c>
      <c r="CH8" s="191">
        <v>616</v>
      </c>
      <c r="CI8" s="191">
        <v>540</v>
      </c>
      <c r="CJ8" s="191">
        <v>349</v>
      </c>
      <c r="CK8" s="196">
        <v>2153</v>
      </c>
      <c r="CL8" s="195">
        <v>2155</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13703</v>
      </c>
      <c r="H9" s="191">
        <v>26906</v>
      </c>
      <c r="I9" s="191">
        <v>28861</v>
      </c>
      <c r="J9" s="191">
        <v>35407</v>
      </c>
      <c r="K9" s="191">
        <v>26502</v>
      </c>
      <c r="L9" s="194">
        <v>131379</v>
      </c>
      <c r="M9" s="195">
        <v>131379</v>
      </c>
      <c r="N9" s="190">
        <v>0</v>
      </c>
      <c r="O9" s="191">
        <v>8</v>
      </c>
      <c r="P9" s="196">
        <v>8</v>
      </c>
      <c r="Q9" s="193">
        <v>0</v>
      </c>
      <c r="R9" s="191">
        <v>6</v>
      </c>
      <c r="S9" s="191">
        <v>124</v>
      </c>
      <c r="T9" s="191">
        <v>224</v>
      </c>
      <c r="U9" s="191">
        <v>642</v>
      </c>
      <c r="V9" s="191">
        <v>1164</v>
      </c>
      <c r="W9" s="196">
        <v>2160</v>
      </c>
      <c r="X9" s="195">
        <v>2168</v>
      </c>
      <c r="Y9" s="190">
        <v>628</v>
      </c>
      <c r="Z9" s="191">
        <v>3271</v>
      </c>
      <c r="AA9" s="196">
        <v>3899</v>
      </c>
      <c r="AB9" s="193">
        <v>0</v>
      </c>
      <c r="AC9" s="191">
        <v>6013</v>
      </c>
      <c r="AD9" s="191">
        <v>13044</v>
      </c>
      <c r="AE9" s="191">
        <v>9319</v>
      </c>
      <c r="AF9" s="191">
        <v>7465</v>
      </c>
      <c r="AG9" s="191">
        <v>5336</v>
      </c>
      <c r="AH9" s="196">
        <v>41177</v>
      </c>
      <c r="AI9" s="195">
        <v>45076</v>
      </c>
      <c r="AJ9" s="190">
        <v>64</v>
      </c>
      <c r="AK9" s="191">
        <v>432</v>
      </c>
      <c r="AL9" s="196">
        <v>496</v>
      </c>
      <c r="AM9" s="193">
        <v>0</v>
      </c>
      <c r="AN9" s="191">
        <v>320</v>
      </c>
      <c r="AO9" s="191">
        <v>1010</v>
      </c>
      <c r="AP9" s="191">
        <v>583</v>
      </c>
      <c r="AQ9" s="191">
        <v>570</v>
      </c>
      <c r="AR9" s="191">
        <v>229</v>
      </c>
      <c r="AS9" s="196">
        <v>2712</v>
      </c>
      <c r="AT9" s="195">
        <v>3208</v>
      </c>
      <c r="AU9" s="190">
        <v>0</v>
      </c>
      <c r="AV9" s="191">
        <v>0</v>
      </c>
      <c r="AW9" s="196">
        <v>0</v>
      </c>
      <c r="AX9" s="193">
        <v>0</v>
      </c>
      <c r="AY9" s="191">
        <v>14345</v>
      </c>
      <c r="AZ9" s="191">
        <v>18379</v>
      </c>
      <c r="BA9" s="191">
        <v>12761</v>
      </c>
      <c r="BB9" s="191">
        <v>6794</v>
      </c>
      <c r="BC9" s="191">
        <v>3113</v>
      </c>
      <c r="BD9" s="194">
        <v>55392</v>
      </c>
      <c r="BE9" s="195">
        <v>55392</v>
      </c>
      <c r="BF9" s="190">
        <v>0</v>
      </c>
      <c r="BG9" s="191">
        <v>0</v>
      </c>
      <c r="BH9" s="196">
        <v>0</v>
      </c>
      <c r="BI9" s="193">
        <v>0</v>
      </c>
      <c r="BJ9" s="191">
        <v>1027</v>
      </c>
      <c r="BK9" s="191">
        <v>3040</v>
      </c>
      <c r="BL9" s="191">
        <v>1848</v>
      </c>
      <c r="BM9" s="191">
        <v>1016</v>
      </c>
      <c r="BN9" s="191">
        <v>383</v>
      </c>
      <c r="BO9" s="196">
        <v>7314</v>
      </c>
      <c r="BP9" s="195">
        <v>7314</v>
      </c>
      <c r="BQ9" s="190">
        <v>30</v>
      </c>
      <c r="BR9" s="191">
        <v>47</v>
      </c>
      <c r="BS9" s="196">
        <v>77</v>
      </c>
      <c r="BT9" s="193">
        <v>0</v>
      </c>
      <c r="BU9" s="191">
        <v>928</v>
      </c>
      <c r="BV9" s="191">
        <v>2140</v>
      </c>
      <c r="BW9" s="191">
        <v>4766</v>
      </c>
      <c r="BX9" s="191">
        <v>4439</v>
      </c>
      <c r="BY9" s="191">
        <v>1761</v>
      </c>
      <c r="BZ9" s="196">
        <v>14034</v>
      </c>
      <c r="CA9" s="195">
        <v>14111</v>
      </c>
      <c r="CB9" s="190">
        <v>0</v>
      </c>
      <c r="CC9" s="191">
        <v>0</v>
      </c>
      <c r="CD9" s="196">
        <v>0</v>
      </c>
      <c r="CE9" s="193">
        <v>0</v>
      </c>
      <c r="CF9" s="191">
        <v>29</v>
      </c>
      <c r="CG9" s="191">
        <v>35</v>
      </c>
      <c r="CH9" s="191">
        <v>64</v>
      </c>
      <c r="CI9" s="191">
        <v>56</v>
      </c>
      <c r="CJ9" s="191">
        <v>22</v>
      </c>
      <c r="CK9" s="196">
        <v>206</v>
      </c>
      <c r="CL9" s="195">
        <v>206</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5613</v>
      </c>
      <c r="H10" s="191">
        <v>18195</v>
      </c>
      <c r="I10" s="191">
        <v>21152</v>
      </c>
      <c r="J10" s="191">
        <v>26189</v>
      </c>
      <c r="K10" s="191">
        <v>19164</v>
      </c>
      <c r="L10" s="194">
        <v>100313</v>
      </c>
      <c r="M10" s="195">
        <v>100313</v>
      </c>
      <c r="N10" s="190">
        <v>0</v>
      </c>
      <c r="O10" s="191">
        <v>0</v>
      </c>
      <c r="P10" s="196">
        <v>0</v>
      </c>
      <c r="Q10" s="193">
        <v>0</v>
      </c>
      <c r="R10" s="191">
        <v>48</v>
      </c>
      <c r="S10" s="191">
        <v>156</v>
      </c>
      <c r="T10" s="191">
        <v>214</v>
      </c>
      <c r="U10" s="191">
        <v>677</v>
      </c>
      <c r="V10" s="191">
        <v>1015</v>
      </c>
      <c r="W10" s="196">
        <v>2110</v>
      </c>
      <c r="X10" s="195">
        <v>2110</v>
      </c>
      <c r="Y10" s="190">
        <v>177</v>
      </c>
      <c r="Z10" s="191">
        <v>316</v>
      </c>
      <c r="AA10" s="196">
        <v>493</v>
      </c>
      <c r="AB10" s="193">
        <v>0</v>
      </c>
      <c r="AC10" s="191">
        <v>4794</v>
      </c>
      <c r="AD10" s="191">
        <v>4924</v>
      </c>
      <c r="AE10" s="191">
        <v>2903</v>
      </c>
      <c r="AF10" s="191">
        <v>3456</v>
      </c>
      <c r="AG10" s="191">
        <v>3380</v>
      </c>
      <c r="AH10" s="196">
        <v>19457</v>
      </c>
      <c r="AI10" s="195">
        <v>19950</v>
      </c>
      <c r="AJ10" s="190">
        <v>50</v>
      </c>
      <c r="AK10" s="191">
        <v>81</v>
      </c>
      <c r="AL10" s="196">
        <v>131</v>
      </c>
      <c r="AM10" s="193">
        <v>0</v>
      </c>
      <c r="AN10" s="191">
        <v>829</v>
      </c>
      <c r="AO10" s="191">
        <v>1025</v>
      </c>
      <c r="AP10" s="191">
        <v>533</v>
      </c>
      <c r="AQ10" s="191">
        <v>640</v>
      </c>
      <c r="AR10" s="191">
        <v>386</v>
      </c>
      <c r="AS10" s="196">
        <v>3413</v>
      </c>
      <c r="AT10" s="195">
        <v>3544</v>
      </c>
      <c r="AU10" s="190">
        <v>0</v>
      </c>
      <c r="AV10" s="191">
        <v>0</v>
      </c>
      <c r="AW10" s="196">
        <v>0</v>
      </c>
      <c r="AX10" s="193">
        <v>0</v>
      </c>
      <c r="AY10" s="191">
        <v>14205</v>
      </c>
      <c r="AZ10" s="191">
        <v>9560</v>
      </c>
      <c r="BA10" s="191">
        <v>5498</v>
      </c>
      <c r="BB10" s="191">
        <v>2882</v>
      </c>
      <c r="BC10" s="191">
        <v>1452</v>
      </c>
      <c r="BD10" s="194">
        <v>33597</v>
      </c>
      <c r="BE10" s="195">
        <v>33597</v>
      </c>
      <c r="BF10" s="190">
        <v>0</v>
      </c>
      <c r="BG10" s="191">
        <v>0</v>
      </c>
      <c r="BH10" s="196">
        <v>0</v>
      </c>
      <c r="BI10" s="193">
        <v>0</v>
      </c>
      <c r="BJ10" s="191">
        <v>2093</v>
      </c>
      <c r="BK10" s="191">
        <v>1713</v>
      </c>
      <c r="BL10" s="191">
        <v>1022</v>
      </c>
      <c r="BM10" s="191">
        <v>567</v>
      </c>
      <c r="BN10" s="191">
        <v>190</v>
      </c>
      <c r="BO10" s="196">
        <v>5585</v>
      </c>
      <c r="BP10" s="195">
        <v>5585</v>
      </c>
      <c r="BQ10" s="190">
        <v>12</v>
      </c>
      <c r="BR10" s="191">
        <v>8</v>
      </c>
      <c r="BS10" s="196">
        <v>20</v>
      </c>
      <c r="BT10" s="193">
        <v>0</v>
      </c>
      <c r="BU10" s="191">
        <v>1856</v>
      </c>
      <c r="BV10" s="191">
        <v>2272</v>
      </c>
      <c r="BW10" s="191">
        <v>3276</v>
      </c>
      <c r="BX10" s="191">
        <v>2225</v>
      </c>
      <c r="BY10" s="191">
        <v>1100</v>
      </c>
      <c r="BZ10" s="196">
        <v>10729</v>
      </c>
      <c r="CA10" s="195">
        <v>10749</v>
      </c>
      <c r="CB10" s="190">
        <v>0</v>
      </c>
      <c r="CC10" s="191">
        <v>0</v>
      </c>
      <c r="CD10" s="196">
        <v>0</v>
      </c>
      <c r="CE10" s="193">
        <v>0</v>
      </c>
      <c r="CF10" s="191">
        <v>74</v>
      </c>
      <c r="CG10" s="191">
        <v>93</v>
      </c>
      <c r="CH10" s="191">
        <v>116</v>
      </c>
      <c r="CI10" s="191">
        <v>88</v>
      </c>
      <c r="CJ10" s="191">
        <v>38</v>
      </c>
      <c r="CK10" s="196">
        <v>409</v>
      </c>
      <c r="CL10" s="195">
        <v>409</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5907</v>
      </c>
      <c r="H11" s="191">
        <v>11742</v>
      </c>
      <c r="I11" s="191">
        <v>14668</v>
      </c>
      <c r="J11" s="191">
        <v>16169</v>
      </c>
      <c r="K11" s="191">
        <v>16448</v>
      </c>
      <c r="L11" s="194">
        <v>64934</v>
      </c>
      <c r="M11" s="195">
        <v>64934</v>
      </c>
      <c r="N11" s="190">
        <v>0</v>
      </c>
      <c r="O11" s="191">
        <v>0</v>
      </c>
      <c r="P11" s="196">
        <v>0</v>
      </c>
      <c r="Q11" s="193">
        <v>0</v>
      </c>
      <c r="R11" s="191">
        <v>27</v>
      </c>
      <c r="S11" s="191">
        <v>66</v>
      </c>
      <c r="T11" s="191">
        <v>103</v>
      </c>
      <c r="U11" s="191">
        <v>242</v>
      </c>
      <c r="V11" s="191">
        <v>509</v>
      </c>
      <c r="W11" s="196">
        <v>947</v>
      </c>
      <c r="X11" s="195">
        <v>947</v>
      </c>
      <c r="Y11" s="190">
        <v>254</v>
      </c>
      <c r="Z11" s="191">
        <v>550</v>
      </c>
      <c r="AA11" s="196">
        <v>804</v>
      </c>
      <c r="AB11" s="193">
        <v>0</v>
      </c>
      <c r="AC11" s="191">
        <v>2229</v>
      </c>
      <c r="AD11" s="191">
        <v>2894</v>
      </c>
      <c r="AE11" s="191">
        <v>2047</v>
      </c>
      <c r="AF11" s="191">
        <v>1720</v>
      </c>
      <c r="AG11" s="191">
        <v>1657</v>
      </c>
      <c r="AH11" s="196">
        <v>10547</v>
      </c>
      <c r="AI11" s="195">
        <v>11351</v>
      </c>
      <c r="AJ11" s="190">
        <v>113</v>
      </c>
      <c r="AK11" s="191">
        <v>298</v>
      </c>
      <c r="AL11" s="196">
        <v>411</v>
      </c>
      <c r="AM11" s="193">
        <v>0</v>
      </c>
      <c r="AN11" s="191">
        <v>1050</v>
      </c>
      <c r="AO11" s="191">
        <v>1209</v>
      </c>
      <c r="AP11" s="191">
        <v>660</v>
      </c>
      <c r="AQ11" s="191">
        <v>661</v>
      </c>
      <c r="AR11" s="191">
        <v>353</v>
      </c>
      <c r="AS11" s="196">
        <v>3933</v>
      </c>
      <c r="AT11" s="195">
        <v>4344</v>
      </c>
      <c r="AU11" s="190">
        <v>0</v>
      </c>
      <c r="AV11" s="191">
        <v>0</v>
      </c>
      <c r="AW11" s="196">
        <v>0</v>
      </c>
      <c r="AX11" s="193">
        <v>0</v>
      </c>
      <c r="AY11" s="191">
        <v>5116</v>
      </c>
      <c r="AZ11" s="191">
        <v>6218</v>
      </c>
      <c r="BA11" s="191">
        <v>3750</v>
      </c>
      <c r="BB11" s="191">
        <v>2508</v>
      </c>
      <c r="BC11" s="191">
        <v>1262</v>
      </c>
      <c r="BD11" s="194">
        <v>18854</v>
      </c>
      <c r="BE11" s="195">
        <v>18854</v>
      </c>
      <c r="BF11" s="190">
        <v>0</v>
      </c>
      <c r="BG11" s="191">
        <v>0</v>
      </c>
      <c r="BH11" s="196">
        <v>0</v>
      </c>
      <c r="BI11" s="193">
        <v>0</v>
      </c>
      <c r="BJ11" s="191">
        <v>1098</v>
      </c>
      <c r="BK11" s="191">
        <v>1177</v>
      </c>
      <c r="BL11" s="191">
        <v>789</v>
      </c>
      <c r="BM11" s="191">
        <v>507</v>
      </c>
      <c r="BN11" s="191">
        <v>138</v>
      </c>
      <c r="BO11" s="196">
        <v>3709</v>
      </c>
      <c r="BP11" s="195">
        <v>3709</v>
      </c>
      <c r="BQ11" s="190">
        <v>11</v>
      </c>
      <c r="BR11" s="191">
        <v>20</v>
      </c>
      <c r="BS11" s="196">
        <v>31</v>
      </c>
      <c r="BT11" s="193">
        <v>0</v>
      </c>
      <c r="BU11" s="191">
        <v>584</v>
      </c>
      <c r="BV11" s="191">
        <v>1462</v>
      </c>
      <c r="BW11" s="191">
        <v>2513</v>
      </c>
      <c r="BX11" s="191">
        <v>1867</v>
      </c>
      <c r="BY11" s="191">
        <v>584</v>
      </c>
      <c r="BZ11" s="196">
        <v>7010</v>
      </c>
      <c r="CA11" s="195">
        <v>7041</v>
      </c>
      <c r="CB11" s="190">
        <v>0</v>
      </c>
      <c r="CC11" s="191">
        <v>0</v>
      </c>
      <c r="CD11" s="196">
        <v>0</v>
      </c>
      <c r="CE11" s="193">
        <v>0</v>
      </c>
      <c r="CF11" s="191">
        <v>19</v>
      </c>
      <c r="CG11" s="191">
        <v>79</v>
      </c>
      <c r="CH11" s="191">
        <v>28</v>
      </c>
      <c r="CI11" s="191">
        <v>19</v>
      </c>
      <c r="CJ11" s="191">
        <v>4</v>
      </c>
      <c r="CK11" s="196">
        <v>149</v>
      </c>
      <c r="CL11" s="195">
        <v>149</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5998</v>
      </c>
      <c r="H12" s="191">
        <v>7881</v>
      </c>
      <c r="I12" s="191">
        <v>11829</v>
      </c>
      <c r="J12" s="191">
        <v>16896</v>
      </c>
      <c r="K12" s="191">
        <v>15632</v>
      </c>
      <c r="L12" s="194">
        <v>58236</v>
      </c>
      <c r="M12" s="195">
        <v>58236</v>
      </c>
      <c r="N12" s="190">
        <v>0</v>
      </c>
      <c r="O12" s="191">
        <v>0</v>
      </c>
      <c r="P12" s="196">
        <v>0</v>
      </c>
      <c r="Q12" s="193">
        <v>0</v>
      </c>
      <c r="R12" s="191">
        <v>5</v>
      </c>
      <c r="S12" s="191">
        <v>43</v>
      </c>
      <c r="T12" s="191">
        <v>111</v>
      </c>
      <c r="U12" s="191">
        <v>242</v>
      </c>
      <c r="V12" s="191">
        <v>556</v>
      </c>
      <c r="W12" s="196">
        <v>957</v>
      </c>
      <c r="X12" s="195">
        <v>957</v>
      </c>
      <c r="Y12" s="190">
        <v>414</v>
      </c>
      <c r="Z12" s="191">
        <v>709</v>
      </c>
      <c r="AA12" s="196">
        <v>1123</v>
      </c>
      <c r="AB12" s="193">
        <v>0</v>
      </c>
      <c r="AC12" s="191">
        <v>3499</v>
      </c>
      <c r="AD12" s="191">
        <v>3503</v>
      </c>
      <c r="AE12" s="191">
        <v>2837</v>
      </c>
      <c r="AF12" s="191">
        <v>2519</v>
      </c>
      <c r="AG12" s="191">
        <v>2438</v>
      </c>
      <c r="AH12" s="196">
        <v>14796</v>
      </c>
      <c r="AI12" s="195">
        <v>15919</v>
      </c>
      <c r="AJ12" s="190">
        <v>48</v>
      </c>
      <c r="AK12" s="191">
        <v>128</v>
      </c>
      <c r="AL12" s="196">
        <v>176</v>
      </c>
      <c r="AM12" s="193">
        <v>0</v>
      </c>
      <c r="AN12" s="191">
        <v>388</v>
      </c>
      <c r="AO12" s="191">
        <v>473</v>
      </c>
      <c r="AP12" s="191">
        <v>360</v>
      </c>
      <c r="AQ12" s="191">
        <v>369</v>
      </c>
      <c r="AR12" s="191">
        <v>351</v>
      </c>
      <c r="AS12" s="196">
        <v>1941</v>
      </c>
      <c r="AT12" s="195">
        <v>2117</v>
      </c>
      <c r="AU12" s="190">
        <v>0</v>
      </c>
      <c r="AV12" s="191">
        <v>0</v>
      </c>
      <c r="AW12" s="196">
        <v>0</v>
      </c>
      <c r="AX12" s="193">
        <v>0</v>
      </c>
      <c r="AY12" s="191">
        <v>4641</v>
      </c>
      <c r="AZ12" s="191">
        <v>3566</v>
      </c>
      <c r="BA12" s="191">
        <v>2853</v>
      </c>
      <c r="BB12" s="191">
        <v>1652</v>
      </c>
      <c r="BC12" s="191">
        <v>665</v>
      </c>
      <c r="BD12" s="194">
        <v>13377</v>
      </c>
      <c r="BE12" s="195">
        <v>13377</v>
      </c>
      <c r="BF12" s="190">
        <v>0</v>
      </c>
      <c r="BG12" s="191">
        <v>0</v>
      </c>
      <c r="BH12" s="196">
        <v>0</v>
      </c>
      <c r="BI12" s="193">
        <v>0</v>
      </c>
      <c r="BJ12" s="191">
        <v>767</v>
      </c>
      <c r="BK12" s="191">
        <v>901</v>
      </c>
      <c r="BL12" s="191">
        <v>599</v>
      </c>
      <c r="BM12" s="191">
        <v>583</v>
      </c>
      <c r="BN12" s="191">
        <v>124</v>
      </c>
      <c r="BO12" s="196">
        <v>2974</v>
      </c>
      <c r="BP12" s="195">
        <v>2974</v>
      </c>
      <c r="BQ12" s="190">
        <v>18</v>
      </c>
      <c r="BR12" s="191">
        <v>16</v>
      </c>
      <c r="BS12" s="196">
        <v>34</v>
      </c>
      <c r="BT12" s="193">
        <v>0</v>
      </c>
      <c r="BU12" s="191">
        <v>536</v>
      </c>
      <c r="BV12" s="191">
        <v>850</v>
      </c>
      <c r="BW12" s="191">
        <v>1417</v>
      </c>
      <c r="BX12" s="191">
        <v>1172</v>
      </c>
      <c r="BY12" s="191">
        <v>618</v>
      </c>
      <c r="BZ12" s="196">
        <v>4593</v>
      </c>
      <c r="CA12" s="195">
        <v>4627</v>
      </c>
      <c r="CB12" s="190">
        <v>0</v>
      </c>
      <c r="CC12" s="191">
        <v>3</v>
      </c>
      <c r="CD12" s="196">
        <v>3</v>
      </c>
      <c r="CE12" s="193">
        <v>0</v>
      </c>
      <c r="CF12" s="191">
        <v>66</v>
      </c>
      <c r="CG12" s="191">
        <v>47</v>
      </c>
      <c r="CH12" s="191">
        <v>189</v>
      </c>
      <c r="CI12" s="191">
        <v>124</v>
      </c>
      <c r="CJ12" s="191">
        <v>68</v>
      </c>
      <c r="CK12" s="196">
        <v>494</v>
      </c>
      <c r="CL12" s="195">
        <v>497</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5098</v>
      </c>
      <c r="H13" s="191">
        <v>17806</v>
      </c>
      <c r="I13" s="191">
        <v>23601</v>
      </c>
      <c r="J13" s="191">
        <v>28863</v>
      </c>
      <c r="K13" s="191">
        <v>23869</v>
      </c>
      <c r="L13" s="194">
        <v>109237</v>
      </c>
      <c r="M13" s="195">
        <v>109237</v>
      </c>
      <c r="N13" s="190">
        <v>0</v>
      </c>
      <c r="O13" s="191">
        <v>5</v>
      </c>
      <c r="P13" s="196">
        <v>5</v>
      </c>
      <c r="Q13" s="193">
        <v>0</v>
      </c>
      <c r="R13" s="191">
        <v>27</v>
      </c>
      <c r="S13" s="191">
        <v>124</v>
      </c>
      <c r="T13" s="191">
        <v>193</v>
      </c>
      <c r="U13" s="191">
        <v>437</v>
      </c>
      <c r="V13" s="191">
        <v>933</v>
      </c>
      <c r="W13" s="196">
        <v>1714</v>
      </c>
      <c r="X13" s="195">
        <v>1719</v>
      </c>
      <c r="Y13" s="190">
        <v>1024</v>
      </c>
      <c r="Z13" s="191">
        <v>2275</v>
      </c>
      <c r="AA13" s="196">
        <v>3299</v>
      </c>
      <c r="AB13" s="193">
        <v>0</v>
      </c>
      <c r="AC13" s="191">
        <v>8491</v>
      </c>
      <c r="AD13" s="191">
        <v>6236</v>
      </c>
      <c r="AE13" s="191">
        <v>3651</v>
      </c>
      <c r="AF13" s="191">
        <v>3753</v>
      </c>
      <c r="AG13" s="191">
        <v>3442</v>
      </c>
      <c r="AH13" s="196">
        <v>25573</v>
      </c>
      <c r="AI13" s="195">
        <v>28872</v>
      </c>
      <c r="AJ13" s="190">
        <v>210</v>
      </c>
      <c r="AK13" s="191">
        <v>556</v>
      </c>
      <c r="AL13" s="196">
        <v>766</v>
      </c>
      <c r="AM13" s="193">
        <v>0</v>
      </c>
      <c r="AN13" s="191">
        <v>1072</v>
      </c>
      <c r="AO13" s="191">
        <v>967</v>
      </c>
      <c r="AP13" s="191">
        <v>737</v>
      </c>
      <c r="AQ13" s="191">
        <v>517</v>
      </c>
      <c r="AR13" s="191">
        <v>501</v>
      </c>
      <c r="AS13" s="196">
        <v>3794</v>
      </c>
      <c r="AT13" s="195">
        <v>4560</v>
      </c>
      <c r="AU13" s="190">
        <v>0</v>
      </c>
      <c r="AV13" s="191">
        <v>0</v>
      </c>
      <c r="AW13" s="196">
        <v>0</v>
      </c>
      <c r="AX13" s="193">
        <v>0</v>
      </c>
      <c r="AY13" s="191">
        <v>14406</v>
      </c>
      <c r="AZ13" s="191">
        <v>8470</v>
      </c>
      <c r="BA13" s="191">
        <v>5423</v>
      </c>
      <c r="BB13" s="191">
        <v>3179</v>
      </c>
      <c r="BC13" s="191">
        <v>1301</v>
      </c>
      <c r="BD13" s="194">
        <v>32779</v>
      </c>
      <c r="BE13" s="195">
        <v>32779</v>
      </c>
      <c r="BF13" s="190">
        <v>0</v>
      </c>
      <c r="BG13" s="191">
        <v>0</v>
      </c>
      <c r="BH13" s="196">
        <v>0</v>
      </c>
      <c r="BI13" s="193">
        <v>0</v>
      </c>
      <c r="BJ13" s="191">
        <v>1811</v>
      </c>
      <c r="BK13" s="191">
        <v>1426</v>
      </c>
      <c r="BL13" s="191">
        <v>834</v>
      </c>
      <c r="BM13" s="191">
        <v>550</v>
      </c>
      <c r="BN13" s="191">
        <v>288</v>
      </c>
      <c r="BO13" s="196">
        <v>4909</v>
      </c>
      <c r="BP13" s="195">
        <v>4909</v>
      </c>
      <c r="BQ13" s="190">
        <v>8</v>
      </c>
      <c r="BR13" s="191">
        <v>97</v>
      </c>
      <c r="BS13" s="196">
        <v>105</v>
      </c>
      <c r="BT13" s="193">
        <v>0</v>
      </c>
      <c r="BU13" s="191">
        <v>1660</v>
      </c>
      <c r="BV13" s="191">
        <v>1565</v>
      </c>
      <c r="BW13" s="191">
        <v>2455</v>
      </c>
      <c r="BX13" s="191">
        <v>1886</v>
      </c>
      <c r="BY13" s="191">
        <v>1008</v>
      </c>
      <c r="BZ13" s="196">
        <v>8574</v>
      </c>
      <c r="CA13" s="195">
        <v>8679</v>
      </c>
      <c r="CB13" s="190">
        <v>0</v>
      </c>
      <c r="CC13" s="191">
        <v>0</v>
      </c>
      <c r="CD13" s="196">
        <v>0</v>
      </c>
      <c r="CE13" s="193">
        <v>0</v>
      </c>
      <c r="CF13" s="191">
        <v>41</v>
      </c>
      <c r="CG13" s="191">
        <v>123</v>
      </c>
      <c r="CH13" s="191">
        <v>121</v>
      </c>
      <c r="CI13" s="191">
        <v>100</v>
      </c>
      <c r="CJ13" s="191">
        <v>45</v>
      </c>
      <c r="CK13" s="196">
        <v>430</v>
      </c>
      <c r="CL13" s="195">
        <v>430</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5512</v>
      </c>
      <c r="H14" s="191">
        <v>6733</v>
      </c>
      <c r="I14" s="191">
        <v>9258</v>
      </c>
      <c r="J14" s="191">
        <v>9905</v>
      </c>
      <c r="K14" s="191">
        <v>10866</v>
      </c>
      <c r="L14" s="194">
        <v>42274</v>
      </c>
      <c r="M14" s="195">
        <v>42274</v>
      </c>
      <c r="N14" s="190">
        <v>0</v>
      </c>
      <c r="O14" s="191">
        <v>0</v>
      </c>
      <c r="P14" s="196">
        <v>0</v>
      </c>
      <c r="Q14" s="193">
        <v>0</v>
      </c>
      <c r="R14" s="191">
        <v>16</v>
      </c>
      <c r="S14" s="191">
        <v>42</v>
      </c>
      <c r="T14" s="191">
        <v>104</v>
      </c>
      <c r="U14" s="191">
        <v>327</v>
      </c>
      <c r="V14" s="191">
        <v>340</v>
      </c>
      <c r="W14" s="196">
        <v>829</v>
      </c>
      <c r="X14" s="195">
        <v>829</v>
      </c>
      <c r="Y14" s="190">
        <v>242</v>
      </c>
      <c r="Z14" s="191">
        <v>482</v>
      </c>
      <c r="AA14" s="196">
        <v>724</v>
      </c>
      <c r="AB14" s="193">
        <v>0</v>
      </c>
      <c r="AC14" s="191">
        <v>2893</v>
      </c>
      <c r="AD14" s="191">
        <v>2224</v>
      </c>
      <c r="AE14" s="191">
        <v>1803</v>
      </c>
      <c r="AF14" s="191">
        <v>2250</v>
      </c>
      <c r="AG14" s="191">
        <v>1423</v>
      </c>
      <c r="AH14" s="196">
        <v>10593</v>
      </c>
      <c r="AI14" s="195">
        <v>11317</v>
      </c>
      <c r="AJ14" s="190">
        <v>47</v>
      </c>
      <c r="AK14" s="191">
        <v>66</v>
      </c>
      <c r="AL14" s="196">
        <v>113</v>
      </c>
      <c r="AM14" s="193">
        <v>0</v>
      </c>
      <c r="AN14" s="191">
        <v>319</v>
      </c>
      <c r="AO14" s="191">
        <v>329</v>
      </c>
      <c r="AP14" s="191">
        <v>326</v>
      </c>
      <c r="AQ14" s="191">
        <v>406</v>
      </c>
      <c r="AR14" s="191">
        <v>73</v>
      </c>
      <c r="AS14" s="196">
        <v>1453</v>
      </c>
      <c r="AT14" s="195">
        <v>1566</v>
      </c>
      <c r="AU14" s="190">
        <v>0</v>
      </c>
      <c r="AV14" s="191">
        <v>0</v>
      </c>
      <c r="AW14" s="196">
        <v>0</v>
      </c>
      <c r="AX14" s="193">
        <v>0</v>
      </c>
      <c r="AY14" s="191">
        <v>6118</v>
      </c>
      <c r="AZ14" s="191">
        <v>4163</v>
      </c>
      <c r="BA14" s="191">
        <v>3135</v>
      </c>
      <c r="BB14" s="191">
        <v>2313</v>
      </c>
      <c r="BC14" s="191">
        <v>888</v>
      </c>
      <c r="BD14" s="194">
        <v>16617</v>
      </c>
      <c r="BE14" s="195">
        <v>16617</v>
      </c>
      <c r="BF14" s="190">
        <v>0</v>
      </c>
      <c r="BG14" s="191">
        <v>0</v>
      </c>
      <c r="BH14" s="196">
        <v>0</v>
      </c>
      <c r="BI14" s="193">
        <v>0</v>
      </c>
      <c r="BJ14" s="191">
        <v>1572</v>
      </c>
      <c r="BK14" s="191">
        <v>1112</v>
      </c>
      <c r="BL14" s="191">
        <v>728</v>
      </c>
      <c r="BM14" s="191">
        <v>591</v>
      </c>
      <c r="BN14" s="191">
        <v>174</v>
      </c>
      <c r="BO14" s="196">
        <v>4177</v>
      </c>
      <c r="BP14" s="195">
        <v>4177</v>
      </c>
      <c r="BQ14" s="190">
        <v>24</v>
      </c>
      <c r="BR14" s="191">
        <v>58</v>
      </c>
      <c r="BS14" s="196">
        <v>82</v>
      </c>
      <c r="BT14" s="193">
        <v>0</v>
      </c>
      <c r="BU14" s="191">
        <v>639</v>
      </c>
      <c r="BV14" s="191">
        <v>676</v>
      </c>
      <c r="BW14" s="191">
        <v>1249</v>
      </c>
      <c r="BX14" s="191">
        <v>907</v>
      </c>
      <c r="BY14" s="191">
        <v>419</v>
      </c>
      <c r="BZ14" s="196">
        <v>3890</v>
      </c>
      <c r="CA14" s="195">
        <v>3972</v>
      </c>
      <c r="CB14" s="190">
        <v>0</v>
      </c>
      <c r="CC14" s="191">
        <v>8</v>
      </c>
      <c r="CD14" s="196">
        <v>8</v>
      </c>
      <c r="CE14" s="193">
        <v>0</v>
      </c>
      <c r="CF14" s="191">
        <v>53</v>
      </c>
      <c r="CG14" s="191">
        <v>50</v>
      </c>
      <c r="CH14" s="191">
        <v>101</v>
      </c>
      <c r="CI14" s="191">
        <v>52</v>
      </c>
      <c r="CJ14" s="191">
        <v>85</v>
      </c>
      <c r="CK14" s="196">
        <v>341</v>
      </c>
      <c r="CL14" s="195">
        <v>349</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6715</v>
      </c>
      <c r="H15" s="191">
        <v>9366</v>
      </c>
      <c r="I15" s="191">
        <v>11147</v>
      </c>
      <c r="J15" s="191">
        <v>16121</v>
      </c>
      <c r="K15" s="191">
        <v>13112</v>
      </c>
      <c r="L15" s="194">
        <v>56461</v>
      </c>
      <c r="M15" s="195">
        <v>56461</v>
      </c>
      <c r="N15" s="190">
        <v>0</v>
      </c>
      <c r="O15" s="191">
        <v>15</v>
      </c>
      <c r="P15" s="196">
        <v>15</v>
      </c>
      <c r="Q15" s="193">
        <v>0</v>
      </c>
      <c r="R15" s="191">
        <v>13</v>
      </c>
      <c r="S15" s="191">
        <v>70</v>
      </c>
      <c r="T15" s="191">
        <v>71</v>
      </c>
      <c r="U15" s="191">
        <v>361</v>
      </c>
      <c r="V15" s="191">
        <v>371</v>
      </c>
      <c r="W15" s="196">
        <v>886</v>
      </c>
      <c r="X15" s="195">
        <v>901</v>
      </c>
      <c r="Y15" s="190">
        <v>573</v>
      </c>
      <c r="Z15" s="191">
        <v>2123</v>
      </c>
      <c r="AA15" s="196">
        <v>2696</v>
      </c>
      <c r="AB15" s="193">
        <v>0</v>
      </c>
      <c r="AC15" s="191">
        <v>2278</v>
      </c>
      <c r="AD15" s="191">
        <v>3688</v>
      </c>
      <c r="AE15" s="191">
        <v>2028</v>
      </c>
      <c r="AF15" s="191">
        <v>2261</v>
      </c>
      <c r="AG15" s="191">
        <v>1926</v>
      </c>
      <c r="AH15" s="196">
        <v>12181</v>
      </c>
      <c r="AI15" s="195">
        <v>14877</v>
      </c>
      <c r="AJ15" s="190">
        <v>40</v>
      </c>
      <c r="AK15" s="191">
        <v>285</v>
      </c>
      <c r="AL15" s="196">
        <v>325</v>
      </c>
      <c r="AM15" s="193">
        <v>0</v>
      </c>
      <c r="AN15" s="191">
        <v>200</v>
      </c>
      <c r="AO15" s="191">
        <v>603</v>
      </c>
      <c r="AP15" s="191">
        <v>316</v>
      </c>
      <c r="AQ15" s="191">
        <v>250</v>
      </c>
      <c r="AR15" s="191">
        <v>131</v>
      </c>
      <c r="AS15" s="196">
        <v>1500</v>
      </c>
      <c r="AT15" s="195">
        <v>1825</v>
      </c>
      <c r="AU15" s="190">
        <v>0</v>
      </c>
      <c r="AV15" s="191">
        <v>0</v>
      </c>
      <c r="AW15" s="196">
        <v>0</v>
      </c>
      <c r="AX15" s="193">
        <v>0</v>
      </c>
      <c r="AY15" s="191">
        <v>6040</v>
      </c>
      <c r="AZ15" s="191">
        <v>4661</v>
      </c>
      <c r="BA15" s="191">
        <v>3197</v>
      </c>
      <c r="BB15" s="191">
        <v>2272</v>
      </c>
      <c r="BC15" s="191">
        <v>1204</v>
      </c>
      <c r="BD15" s="194">
        <v>17374</v>
      </c>
      <c r="BE15" s="195">
        <v>17374</v>
      </c>
      <c r="BF15" s="190">
        <v>0</v>
      </c>
      <c r="BG15" s="191">
        <v>0</v>
      </c>
      <c r="BH15" s="196">
        <v>0</v>
      </c>
      <c r="BI15" s="193">
        <v>0</v>
      </c>
      <c r="BJ15" s="191">
        <v>871</v>
      </c>
      <c r="BK15" s="191">
        <v>1420</v>
      </c>
      <c r="BL15" s="191">
        <v>924</v>
      </c>
      <c r="BM15" s="191">
        <v>516</v>
      </c>
      <c r="BN15" s="191">
        <v>204</v>
      </c>
      <c r="BO15" s="196">
        <v>3935</v>
      </c>
      <c r="BP15" s="195">
        <v>3935</v>
      </c>
      <c r="BQ15" s="190">
        <v>18</v>
      </c>
      <c r="BR15" s="191">
        <v>95</v>
      </c>
      <c r="BS15" s="196">
        <v>113</v>
      </c>
      <c r="BT15" s="193">
        <v>0</v>
      </c>
      <c r="BU15" s="191">
        <v>609</v>
      </c>
      <c r="BV15" s="191">
        <v>929</v>
      </c>
      <c r="BW15" s="191">
        <v>1389</v>
      </c>
      <c r="BX15" s="191">
        <v>1063</v>
      </c>
      <c r="BY15" s="191">
        <v>616</v>
      </c>
      <c r="BZ15" s="196">
        <v>4606</v>
      </c>
      <c r="CA15" s="195">
        <v>4719</v>
      </c>
      <c r="CB15" s="190">
        <v>0</v>
      </c>
      <c r="CC15" s="191">
        <v>1</v>
      </c>
      <c r="CD15" s="196">
        <v>1</v>
      </c>
      <c r="CE15" s="193">
        <v>0</v>
      </c>
      <c r="CF15" s="191">
        <v>64</v>
      </c>
      <c r="CG15" s="191">
        <v>37</v>
      </c>
      <c r="CH15" s="191">
        <v>37</v>
      </c>
      <c r="CI15" s="191">
        <v>30</v>
      </c>
      <c r="CJ15" s="191">
        <v>21</v>
      </c>
      <c r="CK15" s="196">
        <v>189</v>
      </c>
      <c r="CL15" s="195">
        <v>190</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2165</v>
      </c>
      <c r="H16" s="191">
        <v>3629</v>
      </c>
      <c r="I16" s="191">
        <v>3931</v>
      </c>
      <c r="J16" s="191">
        <v>5346</v>
      </c>
      <c r="K16" s="191">
        <v>5536</v>
      </c>
      <c r="L16" s="194">
        <v>20607</v>
      </c>
      <c r="M16" s="195">
        <v>20607</v>
      </c>
      <c r="N16" s="190">
        <v>0</v>
      </c>
      <c r="O16" s="191">
        <v>0</v>
      </c>
      <c r="P16" s="196">
        <v>0</v>
      </c>
      <c r="Q16" s="193">
        <v>0</v>
      </c>
      <c r="R16" s="191">
        <v>4</v>
      </c>
      <c r="S16" s="191">
        <v>9</v>
      </c>
      <c r="T16" s="191">
        <v>26</v>
      </c>
      <c r="U16" s="191">
        <v>100</v>
      </c>
      <c r="V16" s="191">
        <v>180</v>
      </c>
      <c r="W16" s="196">
        <v>319</v>
      </c>
      <c r="X16" s="195">
        <v>319</v>
      </c>
      <c r="Y16" s="190">
        <v>80</v>
      </c>
      <c r="Z16" s="191">
        <v>205</v>
      </c>
      <c r="AA16" s="196">
        <v>285</v>
      </c>
      <c r="AB16" s="193">
        <v>0</v>
      </c>
      <c r="AC16" s="191">
        <v>1045</v>
      </c>
      <c r="AD16" s="191">
        <v>1818</v>
      </c>
      <c r="AE16" s="191">
        <v>1073</v>
      </c>
      <c r="AF16" s="191">
        <v>796</v>
      </c>
      <c r="AG16" s="191">
        <v>609</v>
      </c>
      <c r="AH16" s="196">
        <v>5341</v>
      </c>
      <c r="AI16" s="195">
        <v>5626</v>
      </c>
      <c r="AJ16" s="190">
        <v>22</v>
      </c>
      <c r="AK16" s="191">
        <v>40</v>
      </c>
      <c r="AL16" s="196">
        <v>62</v>
      </c>
      <c r="AM16" s="193">
        <v>0</v>
      </c>
      <c r="AN16" s="191">
        <v>204</v>
      </c>
      <c r="AO16" s="191">
        <v>180</v>
      </c>
      <c r="AP16" s="191">
        <v>179</v>
      </c>
      <c r="AQ16" s="191">
        <v>58</v>
      </c>
      <c r="AR16" s="191">
        <v>110</v>
      </c>
      <c r="AS16" s="196">
        <v>731</v>
      </c>
      <c r="AT16" s="195">
        <v>793</v>
      </c>
      <c r="AU16" s="190">
        <v>0</v>
      </c>
      <c r="AV16" s="191">
        <v>0</v>
      </c>
      <c r="AW16" s="196">
        <v>0</v>
      </c>
      <c r="AX16" s="193">
        <v>0</v>
      </c>
      <c r="AY16" s="191">
        <v>1404</v>
      </c>
      <c r="AZ16" s="191">
        <v>1840</v>
      </c>
      <c r="BA16" s="191">
        <v>1054</v>
      </c>
      <c r="BB16" s="191">
        <v>570</v>
      </c>
      <c r="BC16" s="191">
        <v>322</v>
      </c>
      <c r="BD16" s="194">
        <v>5190</v>
      </c>
      <c r="BE16" s="195">
        <v>5190</v>
      </c>
      <c r="BF16" s="190">
        <v>0</v>
      </c>
      <c r="BG16" s="191">
        <v>0</v>
      </c>
      <c r="BH16" s="196">
        <v>0</v>
      </c>
      <c r="BI16" s="193">
        <v>0</v>
      </c>
      <c r="BJ16" s="191">
        <v>245</v>
      </c>
      <c r="BK16" s="191">
        <v>290</v>
      </c>
      <c r="BL16" s="191">
        <v>175</v>
      </c>
      <c r="BM16" s="191">
        <v>173</v>
      </c>
      <c r="BN16" s="191">
        <v>104</v>
      </c>
      <c r="BO16" s="196">
        <v>987</v>
      </c>
      <c r="BP16" s="195">
        <v>987</v>
      </c>
      <c r="BQ16" s="190">
        <v>0</v>
      </c>
      <c r="BR16" s="191">
        <v>0</v>
      </c>
      <c r="BS16" s="196">
        <v>0</v>
      </c>
      <c r="BT16" s="193">
        <v>0</v>
      </c>
      <c r="BU16" s="191">
        <v>112</v>
      </c>
      <c r="BV16" s="191">
        <v>183</v>
      </c>
      <c r="BW16" s="191">
        <v>354</v>
      </c>
      <c r="BX16" s="191">
        <v>370</v>
      </c>
      <c r="BY16" s="191">
        <v>359</v>
      </c>
      <c r="BZ16" s="196">
        <v>1378</v>
      </c>
      <c r="CA16" s="195">
        <v>1378</v>
      </c>
      <c r="CB16" s="190">
        <v>0</v>
      </c>
      <c r="CC16" s="191">
        <v>0</v>
      </c>
      <c r="CD16" s="196">
        <v>0</v>
      </c>
      <c r="CE16" s="193">
        <v>0</v>
      </c>
      <c r="CF16" s="191">
        <v>20</v>
      </c>
      <c r="CG16" s="191">
        <v>23</v>
      </c>
      <c r="CH16" s="191">
        <v>35</v>
      </c>
      <c r="CI16" s="191">
        <v>25</v>
      </c>
      <c r="CJ16" s="191">
        <v>18</v>
      </c>
      <c r="CK16" s="196">
        <v>121</v>
      </c>
      <c r="CL16" s="195">
        <v>121</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903</v>
      </c>
      <c r="H17" s="191">
        <v>2205</v>
      </c>
      <c r="I17" s="191">
        <v>2180</v>
      </c>
      <c r="J17" s="191">
        <v>2598</v>
      </c>
      <c r="K17" s="191">
        <v>2292</v>
      </c>
      <c r="L17" s="194">
        <v>10178</v>
      </c>
      <c r="M17" s="195">
        <v>10178</v>
      </c>
      <c r="N17" s="190">
        <v>0</v>
      </c>
      <c r="O17" s="191">
        <v>0</v>
      </c>
      <c r="P17" s="196">
        <v>0</v>
      </c>
      <c r="Q17" s="193">
        <v>0</v>
      </c>
      <c r="R17" s="191">
        <v>0</v>
      </c>
      <c r="S17" s="191">
        <v>12</v>
      </c>
      <c r="T17" s="191">
        <v>34</v>
      </c>
      <c r="U17" s="191">
        <v>76</v>
      </c>
      <c r="V17" s="191">
        <v>104</v>
      </c>
      <c r="W17" s="196">
        <v>226</v>
      </c>
      <c r="X17" s="195">
        <v>226</v>
      </c>
      <c r="Y17" s="190">
        <v>21</v>
      </c>
      <c r="Z17" s="191">
        <v>148</v>
      </c>
      <c r="AA17" s="196">
        <v>169</v>
      </c>
      <c r="AB17" s="193">
        <v>0</v>
      </c>
      <c r="AC17" s="191">
        <v>400</v>
      </c>
      <c r="AD17" s="191">
        <v>698</v>
      </c>
      <c r="AE17" s="191">
        <v>437</v>
      </c>
      <c r="AF17" s="191">
        <v>310</v>
      </c>
      <c r="AG17" s="191">
        <v>423</v>
      </c>
      <c r="AH17" s="196">
        <v>2268</v>
      </c>
      <c r="AI17" s="195">
        <v>2437</v>
      </c>
      <c r="AJ17" s="190">
        <v>0</v>
      </c>
      <c r="AK17" s="191">
        <v>20</v>
      </c>
      <c r="AL17" s="196">
        <v>20</v>
      </c>
      <c r="AM17" s="193">
        <v>0</v>
      </c>
      <c r="AN17" s="191">
        <v>87</v>
      </c>
      <c r="AO17" s="191">
        <v>159</v>
      </c>
      <c r="AP17" s="191">
        <v>72</v>
      </c>
      <c r="AQ17" s="191">
        <v>55</v>
      </c>
      <c r="AR17" s="191">
        <v>71</v>
      </c>
      <c r="AS17" s="196">
        <v>444</v>
      </c>
      <c r="AT17" s="195">
        <v>464</v>
      </c>
      <c r="AU17" s="190">
        <v>0</v>
      </c>
      <c r="AV17" s="191">
        <v>0</v>
      </c>
      <c r="AW17" s="196">
        <v>0</v>
      </c>
      <c r="AX17" s="193">
        <v>0</v>
      </c>
      <c r="AY17" s="191">
        <v>1048</v>
      </c>
      <c r="AZ17" s="191">
        <v>1163</v>
      </c>
      <c r="BA17" s="191">
        <v>660</v>
      </c>
      <c r="BB17" s="191">
        <v>281</v>
      </c>
      <c r="BC17" s="191">
        <v>109</v>
      </c>
      <c r="BD17" s="194">
        <v>3261</v>
      </c>
      <c r="BE17" s="195">
        <v>3261</v>
      </c>
      <c r="BF17" s="190">
        <v>0</v>
      </c>
      <c r="BG17" s="191">
        <v>0</v>
      </c>
      <c r="BH17" s="196">
        <v>0</v>
      </c>
      <c r="BI17" s="193">
        <v>0</v>
      </c>
      <c r="BJ17" s="191">
        <v>230</v>
      </c>
      <c r="BK17" s="191">
        <v>264</v>
      </c>
      <c r="BL17" s="191">
        <v>204</v>
      </c>
      <c r="BM17" s="191">
        <v>88</v>
      </c>
      <c r="BN17" s="191">
        <v>43</v>
      </c>
      <c r="BO17" s="196">
        <v>829</v>
      </c>
      <c r="BP17" s="195">
        <v>829</v>
      </c>
      <c r="BQ17" s="190">
        <v>0</v>
      </c>
      <c r="BR17" s="191">
        <v>0</v>
      </c>
      <c r="BS17" s="196">
        <v>0</v>
      </c>
      <c r="BT17" s="193">
        <v>0</v>
      </c>
      <c r="BU17" s="191">
        <v>221</v>
      </c>
      <c r="BV17" s="191">
        <v>230</v>
      </c>
      <c r="BW17" s="191">
        <v>803</v>
      </c>
      <c r="BX17" s="191">
        <v>700</v>
      </c>
      <c r="BY17" s="191">
        <v>248</v>
      </c>
      <c r="BZ17" s="196">
        <v>2202</v>
      </c>
      <c r="CA17" s="195">
        <v>2202</v>
      </c>
      <c r="CB17" s="190">
        <v>0</v>
      </c>
      <c r="CC17" s="191">
        <v>0</v>
      </c>
      <c r="CD17" s="196">
        <v>0</v>
      </c>
      <c r="CE17" s="193">
        <v>0</v>
      </c>
      <c r="CF17" s="191">
        <v>16</v>
      </c>
      <c r="CG17" s="191">
        <v>27</v>
      </c>
      <c r="CH17" s="191">
        <v>21</v>
      </c>
      <c r="CI17" s="191">
        <v>40</v>
      </c>
      <c r="CJ17" s="191">
        <v>12</v>
      </c>
      <c r="CK17" s="196">
        <v>116</v>
      </c>
      <c r="CL17" s="195">
        <v>116</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2040</v>
      </c>
      <c r="H18" s="191">
        <v>3814</v>
      </c>
      <c r="I18" s="191">
        <v>4078</v>
      </c>
      <c r="J18" s="191">
        <v>4783</v>
      </c>
      <c r="K18" s="191">
        <v>4050</v>
      </c>
      <c r="L18" s="194">
        <v>18765</v>
      </c>
      <c r="M18" s="195">
        <v>18765</v>
      </c>
      <c r="N18" s="190">
        <v>0</v>
      </c>
      <c r="O18" s="191">
        <v>0</v>
      </c>
      <c r="P18" s="196">
        <v>0</v>
      </c>
      <c r="Q18" s="193">
        <v>0</v>
      </c>
      <c r="R18" s="191">
        <v>5</v>
      </c>
      <c r="S18" s="191">
        <v>28</v>
      </c>
      <c r="T18" s="191">
        <v>32</v>
      </c>
      <c r="U18" s="191">
        <v>124</v>
      </c>
      <c r="V18" s="191">
        <v>224</v>
      </c>
      <c r="W18" s="196">
        <v>413</v>
      </c>
      <c r="X18" s="195">
        <v>413</v>
      </c>
      <c r="Y18" s="190">
        <v>115</v>
      </c>
      <c r="Z18" s="191">
        <v>255</v>
      </c>
      <c r="AA18" s="196">
        <v>370</v>
      </c>
      <c r="AB18" s="193">
        <v>0</v>
      </c>
      <c r="AC18" s="191">
        <v>1258</v>
      </c>
      <c r="AD18" s="191">
        <v>2725</v>
      </c>
      <c r="AE18" s="191">
        <v>1613</v>
      </c>
      <c r="AF18" s="191">
        <v>1572</v>
      </c>
      <c r="AG18" s="191">
        <v>905</v>
      </c>
      <c r="AH18" s="196">
        <v>8073</v>
      </c>
      <c r="AI18" s="195">
        <v>8443</v>
      </c>
      <c r="AJ18" s="190">
        <v>71</v>
      </c>
      <c r="AK18" s="191">
        <v>96</v>
      </c>
      <c r="AL18" s="196">
        <v>167</v>
      </c>
      <c r="AM18" s="193">
        <v>0</v>
      </c>
      <c r="AN18" s="191">
        <v>115</v>
      </c>
      <c r="AO18" s="191">
        <v>610</v>
      </c>
      <c r="AP18" s="191">
        <v>189</v>
      </c>
      <c r="AQ18" s="191">
        <v>96</v>
      </c>
      <c r="AR18" s="191">
        <v>142</v>
      </c>
      <c r="AS18" s="196">
        <v>1152</v>
      </c>
      <c r="AT18" s="195">
        <v>1319</v>
      </c>
      <c r="AU18" s="190">
        <v>0</v>
      </c>
      <c r="AV18" s="191">
        <v>0</v>
      </c>
      <c r="AW18" s="196">
        <v>0</v>
      </c>
      <c r="AX18" s="193">
        <v>0</v>
      </c>
      <c r="AY18" s="191">
        <v>2999</v>
      </c>
      <c r="AZ18" s="191">
        <v>4028</v>
      </c>
      <c r="BA18" s="191">
        <v>2559</v>
      </c>
      <c r="BB18" s="191">
        <v>2005</v>
      </c>
      <c r="BC18" s="191">
        <v>984</v>
      </c>
      <c r="BD18" s="194">
        <v>12575</v>
      </c>
      <c r="BE18" s="195">
        <v>12575</v>
      </c>
      <c r="BF18" s="190">
        <v>0</v>
      </c>
      <c r="BG18" s="191">
        <v>0</v>
      </c>
      <c r="BH18" s="196">
        <v>0</v>
      </c>
      <c r="BI18" s="193">
        <v>0</v>
      </c>
      <c r="BJ18" s="191">
        <v>1280</v>
      </c>
      <c r="BK18" s="191">
        <v>2159</v>
      </c>
      <c r="BL18" s="191">
        <v>741</v>
      </c>
      <c r="BM18" s="191">
        <v>443</v>
      </c>
      <c r="BN18" s="191">
        <v>200</v>
      </c>
      <c r="BO18" s="196">
        <v>4823</v>
      </c>
      <c r="BP18" s="195">
        <v>4823</v>
      </c>
      <c r="BQ18" s="190">
        <v>13</v>
      </c>
      <c r="BR18" s="191">
        <v>13</v>
      </c>
      <c r="BS18" s="196">
        <v>26</v>
      </c>
      <c r="BT18" s="193">
        <v>0</v>
      </c>
      <c r="BU18" s="191">
        <v>229</v>
      </c>
      <c r="BV18" s="191">
        <v>718</v>
      </c>
      <c r="BW18" s="191">
        <v>531</v>
      </c>
      <c r="BX18" s="191">
        <v>530</v>
      </c>
      <c r="BY18" s="191">
        <v>253</v>
      </c>
      <c r="BZ18" s="196">
        <v>2261</v>
      </c>
      <c r="CA18" s="195">
        <v>2287</v>
      </c>
      <c r="CB18" s="190">
        <v>0</v>
      </c>
      <c r="CC18" s="191">
        <v>0</v>
      </c>
      <c r="CD18" s="196">
        <v>0</v>
      </c>
      <c r="CE18" s="193">
        <v>0</v>
      </c>
      <c r="CF18" s="191">
        <v>21</v>
      </c>
      <c r="CG18" s="191">
        <v>42</v>
      </c>
      <c r="CH18" s="191">
        <v>51</v>
      </c>
      <c r="CI18" s="191">
        <v>38</v>
      </c>
      <c r="CJ18" s="191">
        <v>12</v>
      </c>
      <c r="CK18" s="196">
        <v>164</v>
      </c>
      <c r="CL18" s="195">
        <v>164</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2488</v>
      </c>
      <c r="H19" s="191">
        <v>8484</v>
      </c>
      <c r="I19" s="191">
        <v>10101</v>
      </c>
      <c r="J19" s="191">
        <v>11653</v>
      </c>
      <c r="K19" s="191">
        <v>9920</v>
      </c>
      <c r="L19" s="194">
        <v>42646</v>
      </c>
      <c r="M19" s="195">
        <v>42646</v>
      </c>
      <c r="N19" s="190">
        <v>0</v>
      </c>
      <c r="O19" s="191">
        <v>4</v>
      </c>
      <c r="P19" s="196">
        <v>4</v>
      </c>
      <c r="Q19" s="193">
        <v>0</v>
      </c>
      <c r="R19" s="191">
        <v>0</v>
      </c>
      <c r="S19" s="191">
        <v>26</v>
      </c>
      <c r="T19" s="191">
        <v>68</v>
      </c>
      <c r="U19" s="191">
        <v>239</v>
      </c>
      <c r="V19" s="191">
        <v>408</v>
      </c>
      <c r="W19" s="196">
        <v>741</v>
      </c>
      <c r="X19" s="195">
        <v>745</v>
      </c>
      <c r="Y19" s="190">
        <v>168</v>
      </c>
      <c r="Z19" s="191">
        <v>692</v>
      </c>
      <c r="AA19" s="196">
        <v>860</v>
      </c>
      <c r="AB19" s="193">
        <v>0</v>
      </c>
      <c r="AC19" s="191">
        <v>1456</v>
      </c>
      <c r="AD19" s="191">
        <v>3259</v>
      </c>
      <c r="AE19" s="191">
        <v>2301</v>
      </c>
      <c r="AF19" s="191">
        <v>2022</v>
      </c>
      <c r="AG19" s="191">
        <v>1534</v>
      </c>
      <c r="AH19" s="196">
        <v>10572</v>
      </c>
      <c r="AI19" s="195">
        <v>11432</v>
      </c>
      <c r="AJ19" s="190">
        <v>53</v>
      </c>
      <c r="AK19" s="191">
        <v>101</v>
      </c>
      <c r="AL19" s="196">
        <v>154</v>
      </c>
      <c r="AM19" s="193">
        <v>0</v>
      </c>
      <c r="AN19" s="191">
        <v>102</v>
      </c>
      <c r="AO19" s="191">
        <v>582</v>
      </c>
      <c r="AP19" s="191">
        <v>313</v>
      </c>
      <c r="AQ19" s="191">
        <v>316</v>
      </c>
      <c r="AR19" s="191">
        <v>257</v>
      </c>
      <c r="AS19" s="196">
        <v>1570</v>
      </c>
      <c r="AT19" s="195">
        <v>1724</v>
      </c>
      <c r="AU19" s="190">
        <v>0</v>
      </c>
      <c r="AV19" s="191">
        <v>0</v>
      </c>
      <c r="AW19" s="196">
        <v>0</v>
      </c>
      <c r="AX19" s="193">
        <v>0</v>
      </c>
      <c r="AY19" s="191">
        <v>3039</v>
      </c>
      <c r="AZ19" s="191">
        <v>5300</v>
      </c>
      <c r="BA19" s="191">
        <v>3731</v>
      </c>
      <c r="BB19" s="191">
        <v>2205</v>
      </c>
      <c r="BC19" s="191">
        <v>1194</v>
      </c>
      <c r="BD19" s="194">
        <v>15469</v>
      </c>
      <c r="BE19" s="195">
        <v>15469</v>
      </c>
      <c r="BF19" s="190">
        <v>0</v>
      </c>
      <c r="BG19" s="191">
        <v>0</v>
      </c>
      <c r="BH19" s="196">
        <v>0</v>
      </c>
      <c r="BI19" s="193">
        <v>0</v>
      </c>
      <c r="BJ19" s="191">
        <v>425</v>
      </c>
      <c r="BK19" s="191">
        <v>1515</v>
      </c>
      <c r="BL19" s="191">
        <v>844</v>
      </c>
      <c r="BM19" s="191">
        <v>374</v>
      </c>
      <c r="BN19" s="191">
        <v>141</v>
      </c>
      <c r="BO19" s="196">
        <v>3299</v>
      </c>
      <c r="BP19" s="195">
        <v>3299</v>
      </c>
      <c r="BQ19" s="190">
        <v>3</v>
      </c>
      <c r="BR19" s="191">
        <v>12</v>
      </c>
      <c r="BS19" s="196">
        <v>15</v>
      </c>
      <c r="BT19" s="193">
        <v>0</v>
      </c>
      <c r="BU19" s="191">
        <v>250</v>
      </c>
      <c r="BV19" s="191">
        <v>858</v>
      </c>
      <c r="BW19" s="191">
        <v>1058</v>
      </c>
      <c r="BX19" s="191">
        <v>1154</v>
      </c>
      <c r="BY19" s="191">
        <v>426</v>
      </c>
      <c r="BZ19" s="196">
        <v>3746</v>
      </c>
      <c r="CA19" s="195">
        <v>3761</v>
      </c>
      <c r="CB19" s="190">
        <v>0</v>
      </c>
      <c r="CC19" s="191">
        <v>0</v>
      </c>
      <c r="CD19" s="196">
        <v>0</v>
      </c>
      <c r="CE19" s="193">
        <v>0</v>
      </c>
      <c r="CF19" s="191">
        <v>35</v>
      </c>
      <c r="CG19" s="191">
        <v>84</v>
      </c>
      <c r="CH19" s="191">
        <v>140</v>
      </c>
      <c r="CI19" s="191">
        <v>99</v>
      </c>
      <c r="CJ19" s="191">
        <v>59</v>
      </c>
      <c r="CK19" s="196">
        <v>417</v>
      </c>
      <c r="CL19" s="195">
        <v>417</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5877</v>
      </c>
      <c r="H20" s="191">
        <v>8335</v>
      </c>
      <c r="I20" s="191">
        <v>10358</v>
      </c>
      <c r="J20" s="191">
        <v>12907</v>
      </c>
      <c r="K20" s="191">
        <v>12910</v>
      </c>
      <c r="L20" s="194">
        <v>50387</v>
      </c>
      <c r="M20" s="195">
        <v>50387</v>
      </c>
      <c r="N20" s="190">
        <v>0</v>
      </c>
      <c r="O20" s="191">
        <v>0</v>
      </c>
      <c r="P20" s="196">
        <v>0</v>
      </c>
      <c r="Q20" s="193">
        <v>0</v>
      </c>
      <c r="R20" s="191">
        <v>10</v>
      </c>
      <c r="S20" s="191">
        <v>57</v>
      </c>
      <c r="T20" s="191">
        <v>72</v>
      </c>
      <c r="U20" s="191">
        <v>247</v>
      </c>
      <c r="V20" s="191">
        <v>433</v>
      </c>
      <c r="W20" s="196">
        <v>819</v>
      </c>
      <c r="X20" s="195">
        <v>819</v>
      </c>
      <c r="Y20" s="190">
        <v>305</v>
      </c>
      <c r="Z20" s="191">
        <v>957</v>
      </c>
      <c r="AA20" s="196">
        <v>1262</v>
      </c>
      <c r="AB20" s="193">
        <v>0</v>
      </c>
      <c r="AC20" s="191">
        <v>3128</v>
      </c>
      <c r="AD20" s="191">
        <v>3936</v>
      </c>
      <c r="AE20" s="191">
        <v>2601</v>
      </c>
      <c r="AF20" s="191">
        <v>2257</v>
      </c>
      <c r="AG20" s="191">
        <v>1926</v>
      </c>
      <c r="AH20" s="196">
        <v>13848</v>
      </c>
      <c r="AI20" s="195">
        <v>15110</v>
      </c>
      <c r="AJ20" s="190">
        <v>104</v>
      </c>
      <c r="AK20" s="191">
        <v>225</v>
      </c>
      <c r="AL20" s="196">
        <v>329</v>
      </c>
      <c r="AM20" s="193">
        <v>0</v>
      </c>
      <c r="AN20" s="191">
        <v>574</v>
      </c>
      <c r="AO20" s="191">
        <v>991</v>
      </c>
      <c r="AP20" s="191">
        <v>580</v>
      </c>
      <c r="AQ20" s="191">
        <v>279</v>
      </c>
      <c r="AR20" s="191">
        <v>250</v>
      </c>
      <c r="AS20" s="196">
        <v>2674</v>
      </c>
      <c r="AT20" s="195">
        <v>3003</v>
      </c>
      <c r="AU20" s="190">
        <v>0</v>
      </c>
      <c r="AV20" s="191">
        <v>0</v>
      </c>
      <c r="AW20" s="196">
        <v>0</v>
      </c>
      <c r="AX20" s="193">
        <v>0</v>
      </c>
      <c r="AY20" s="191">
        <v>6497</v>
      </c>
      <c r="AZ20" s="191">
        <v>6034</v>
      </c>
      <c r="BA20" s="191">
        <v>4409</v>
      </c>
      <c r="BB20" s="191">
        <v>2365</v>
      </c>
      <c r="BC20" s="191">
        <v>1115</v>
      </c>
      <c r="BD20" s="194">
        <v>20420</v>
      </c>
      <c r="BE20" s="195">
        <v>20420</v>
      </c>
      <c r="BF20" s="190">
        <v>0</v>
      </c>
      <c r="BG20" s="191">
        <v>0</v>
      </c>
      <c r="BH20" s="196">
        <v>0</v>
      </c>
      <c r="BI20" s="193">
        <v>0</v>
      </c>
      <c r="BJ20" s="191">
        <v>1253</v>
      </c>
      <c r="BK20" s="191">
        <v>1599</v>
      </c>
      <c r="BL20" s="191">
        <v>1077</v>
      </c>
      <c r="BM20" s="191">
        <v>508</v>
      </c>
      <c r="BN20" s="191">
        <v>222</v>
      </c>
      <c r="BO20" s="196">
        <v>4659</v>
      </c>
      <c r="BP20" s="195">
        <v>4659</v>
      </c>
      <c r="BQ20" s="190">
        <v>6</v>
      </c>
      <c r="BR20" s="191">
        <v>19</v>
      </c>
      <c r="BS20" s="196">
        <v>25</v>
      </c>
      <c r="BT20" s="193">
        <v>0</v>
      </c>
      <c r="BU20" s="191">
        <v>356</v>
      </c>
      <c r="BV20" s="191">
        <v>900</v>
      </c>
      <c r="BW20" s="191">
        <v>1596</v>
      </c>
      <c r="BX20" s="191">
        <v>1494</v>
      </c>
      <c r="BY20" s="191">
        <v>631</v>
      </c>
      <c r="BZ20" s="196">
        <v>4977</v>
      </c>
      <c r="CA20" s="195">
        <v>5002</v>
      </c>
      <c r="CB20" s="190">
        <v>4</v>
      </c>
      <c r="CC20" s="191">
        <v>0</v>
      </c>
      <c r="CD20" s="196">
        <v>4</v>
      </c>
      <c r="CE20" s="193">
        <v>0</v>
      </c>
      <c r="CF20" s="191">
        <v>17</v>
      </c>
      <c r="CG20" s="191">
        <v>34</v>
      </c>
      <c r="CH20" s="191">
        <v>18</v>
      </c>
      <c r="CI20" s="191">
        <v>21</v>
      </c>
      <c r="CJ20" s="191">
        <v>4</v>
      </c>
      <c r="CK20" s="196">
        <v>94</v>
      </c>
      <c r="CL20" s="195">
        <v>98</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2075</v>
      </c>
      <c r="H21" s="191">
        <v>2530</v>
      </c>
      <c r="I21" s="191">
        <v>2923</v>
      </c>
      <c r="J21" s="191">
        <v>3560</v>
      </c>
      <c r="K21" s="191">
        <v>2534</v>
      </c>
      <c r="L21" s="194">
        <v>13622</v>
      </c>
      <c r="M21" s="195">
        <v>13622</v>
      </c>
      <c r="N21" s="190">
        <v>0</v>
      </c>
      <c r="O21" s="191">
        <v>0</v>
      </c>
      <c r="P21" s="196">
        <v>0</v>
      </c>
      <c r="Q21" s="193">
        <v>0</v>
      </c>
      <c r="R21" s="191">
        <v>17</v>
      </c>
      <c r="S21" s="191">
        <v>42</v>
      </c>
      <c r="T21" s="191">
        <v>40</v>
      </c>
      <c r="U21" s="191">
        <v>70</v>
      </c>
      <c r="V21" s="191">
        <v>130</v>
      </c>
      <c r="W21" s="196">
        <v>299</v>
      </c>
      <c r="X21" s="195">
        <v>299</v>
      </c>
      <c r="Y21" s="190">
        <v>201</v>
      </c>
      <c r="Z21" s="191">
        <v>286</v>
      </c>
      <c r="AA21" s="196">
        <v>487</v>
      </c>
      <c r="AB21" s="193">
        <v>0</v>
      </c>
      <c r="AC21" s="191">
        <v>1604</v>
      </c>
      <c r="AD21" s="191">
        <v>1314</v>
      </c>
      <c r="AE21" s="191">
        <v>1275</v>
      </c>
      <c r="AF21" s="191">
        <v>744</v>
      </c>
      <c r="AG21" s="191">
        <v>638</v>
      </c>
      <c r="AH21" s="196">
        <v>5575</v>
      </c>
      <c r="AI21" s="195">
        <v>6062</v>
      </c>
      <c r="AJ21" s="190">
        <v>12</v>
      </c>
      <c r="AK21" s="191">
        <v>53</v>
      </c>
      <c r="AL21" s="196">
        <v>65</v>
      </c>
      <c r="AM21" s="193">
        <v>0</v>
      </c>
      <c r="AN21" s="191">
        <v>221</v>
      </c>
      <c r="AO21" s="191">
        <v>151</v>
      </c>
      <c r="AP21" s="191">
        <v>96</v>
      </c>
      <c r="AQ21" s="191">
        <v>151</v>
      </c>
      <c r="AR21" s="191">
        <v>36</v>
      </c>
      <c r="AS21" s="196">
        <v>655</v>
      </c>
      <c r="AT21" s="195">
        <v>720</v>
      </c>
      <c r="AU21" s="190">
        <v>0</v>
      </c>
      <c r="AV21" s="191">
        <v>0</v>
      </c>
      <c r="AW21" s="196">
        <v>0</v>
      </c>
      <c r="AX21" s="193">
        <v>0</v>
      </c>
      <c r="AY21" s="191">
        <v>2339</v>
      </c>
      <c r="AZ21" s="191">
        <v>2419</v>
      </c>
      <c r="BA21" s="191">
        <v>1381</v>
      </c>
      <c r="BB21" s="191">
        <v>760</v>
      </c>
      <c r="BC21" s="191">
        <v>413</v>
      </c>
      <c r="BD21" s="194">
        <v>7312</v>
      </c>
      <c r="BE21" s="195">
        <v>7312</v>
      </c>
      <c r="BF21" s="190">
        <v>0</v>
      </c>
      <c r="BG21" s="191">
        <v>0</v>
      </c>
      <c r="BH21" s="196">
        <v>0</v>
      </c>
      <c r="BI21" s="193">
        <v>0</v>
      </c>
      <c r="BJ21" s="191">
        <v>863</v>
      </c>
      <c r="BK21" s="191">
        <v>779</v>
      </c>
      <c r="BL21" s="191">
        <v>509</v>
      </c>
      <c r="BM21" s="191">
        <v>254</v>
      </c>
      <c r="BN21" s="191">
        <v>81</v>
      </c>
      <c r="BO21" s="196">
        <v>2486</v>
      </c>
      <c r="BP21" s="195">
        <v>2486</v>
      </c>
      <c r="BQ21" s="190">
        <v>0</v>
      </c>
      <c r="BR21" s="191">
        <v>8</v>
      </c>
      <c r="BS21" s="196">
        <v>8</v>
      </c>
      <c r="BT21" s="193">
        <v>0</v>
      </c>
      <c r="BU21" s="191">
        <v>155</v>
      </c>
      <c r="BV21" s="191">
        <v>407</v>
      </c>
      <c r="BW21" s="191">
        <v>451</v>
      </c>
      <c r="BX21" s="191">
        <v>266</v>
      </c>
      <c r="BY21" s="191">
        <v>102</v>
      </c>
      <c r="BZ21" s="196">
        <v>1381</v>
      </c>
      <c r="CA21" s="195">
        <v>1389</v>
      </c>
      <c r="CB21" s="190">
        <v>0</v>
      </c>
      <c r="CC21" s="191">
        <v>2</v>
      </c>
      <c r="CD21" s="196">
        <v>2</v>
      </c>
      <c r="CE21" s="193">
        <v>0</v>
      </c>
      <c r="CF21" s="191">
        <v>23</v>
      </c>
      <c r="CG21" s="191">
        <v>67</v>
      </c>
      <c r="CH21" s="191">
        <v>69</v>
      </c>
      <c r="CI21" s="191">
        <v>55</v>
      </c>
      <c r="CJ21" s="191">
        <v>25</v>
      </c>
      <c r="CK21" s="196">
        <v>239</v>
      </c>
      <c r="CL21" s="195">
        <v>241</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3784</v>
      </c>
      <c r="H22" s="191">
        <v>3721</v>
      </c>
      <c r="I22" s="191">
        <v>5474</v>
      </c>
      <c r="J22" s="191">
        <v>5046</v>
      </c>
      <c r="K22" s="191">
        <v>5520</v>
      </c>
      <c r="L22" s="194">
        <v>23545</v>
      </c>
      <c r="M22" s="195">
        <v>23545</v>
      </c>
      <c r="N22" s="190">
        <v>0</v>
      </c>
      <c r="O22" s="191">
        <v>0</v>
      </c>
      <c r="P22" s="196">
        <v>0</v>
      </c>
      <c r="Q22" s="193">
        <v>0</v>
      </c>
      <c r="R22" s="191">
        <v>15</v>
      </c>
      <c r="S22" s="191">
        <v>24</v>
      </c>
      <c r="T22" s="191">
        <v>63</v>
      </c>
      <c r="U22" s="191">
        <v>102</v>
      </c>
      <c r="V22" s="191">
        <v>160</v>
      </c>
      <c r="W22" s="196">
        <v>364</v>
      </c>
      <c r="X22" s="195">
        <v>364</v>
      </c>
      <c r="Y22" s="190">
        <v>294</v>
      </c>
      <c r="Z22" s="191">
        <v>755</v>
      </c>
      <c r="AA22" s="196">
        <v>1049</v>
      </c>
      <c r="AB22" s="193">
        <v>0</v>
      </c>
      <c r="AC22" s="191">
        <v>2413</v>
      </c>
      <c r="AD22" s="191">
        <v>2273</v>
      </c>
      <c r="AE22" s="191">
        <v>1470</v>
      </c>
      <c r="AF22" s="191">
        <v>1078</v>
      </c>
      <c r="AG22" s="191">
        <v>710</v>
      </c>
      <c r="AH22" s="196">
        <v>7944</v>
      </c>
      <c r="AI22" s="195">
        <v>8993</v>
      </c>
      <c r="AJ22" s="190">
        <v>76</v>
      </c>
      <c r="AK22" s="191">
        <v>329</v>
      </c>
      <c r="AL22" s="196">
        <v>405</v>
      </c>
      <c r="AM22" s="193">
        <v>0</v>
      </c>
      <c r="AN22" s="191">
        <v>733</v>
      </c>
      <c r="AO22" s="191">
        <v>713</v>
      </c>
      <c r="AP22" s="191">
        <v>567</v>
      </c>
      <c r="AQ22" s="191">
        <v>380</v>
      </c>
      <c r="AR22" s="191">
        <v>183</v>
      </c>
      <c r="AS22" s="196">
        <v>2576</v>
      </c>
      <c r="AT22" s="195">
        <v>2981</v>
      </c>
      <c r="AU22" s="190">
        <v>0</v>
      </c>
      <c r="AV22" s="191">
        <v>0</v>
      </c>
      <c r="AW22" s="196">
        <v>0</v>
      </c>
      <c r="AX22" s="193">
        <v>0</v>
      </c>
      <c r="AY22" s="191">
        <v>3067</v>
      </c>
      <c r="AZ22" s="191">
        <v>2625</v>
      </c>
      <c r="BA22" s="191">
        <v>1711</v>
      </c>
      <c r="BB22" s="191">
        <v>887</v>
      </c>
      <c r="BC22" s="191">
        <v>334</v>
      </c>
      <c r="BD22" s="194">
        <v>8624</v>
      </c>
      <c r="BE22" s="195">
        <v>8624</v>
      </c>
      <c r="BF22" s="190">
        <v>0</v>
      </c>
      <c r="BG22" s="191">
        <v>0</v>
      </c>
      <c r="BH22" s="196">
        <v>0</v>
      </c>
      <c r="BI22" s="193">
        <v>0</v>
      </c>
      <c r="BJ22" s="191">
        <v>947</v>
      </c>
      <c r="BK22" s="191">
        <v>758</v>
      </c>
      <c r="BL22" s="191">
        <v>376</v>
      </c>
      <c r="BM22" s="191">
        <v>296</v>
      </c>
      <c r="BN22" s="191">
        <v>107</v>
      </c>
      <c r="BO22" s="196">
        <v>2484</v>
      </c>
      <c r="BP22" s="195">
        <v>2484</v>
      </c>
      <c r="BQ22" s="190">
        <v>0</v>
      </c>
      <c r="BR22" s="191">
        <v>14</v>
      </c>
      <c r="BS22" s="196">
        <v>14</v>
      </c>
      <c r="BT22" s="193">
        <v>0</v>
      </c>
      <c r="BU22" s="191">
        <v>330</v>
      </c>
      <c r="BV22" s="191">
        <v>581</v>
      </c>
      <c r="BW22" s="191">
        <v>1047</v>
      </c>
      <c r="BX22" s="191">
        <v>708</v>
      </c>
      <c r="BY22" s="191">
        <v>269</v>
      </c>
      <c r="BZ22" s="196">
        <v>2935</v>
      </c>
      <c r="CA22" s="195">
        <v>2949</v>
      </c>
      <c r="CB22" s="190">
        <v>0</v>
      </c>
      <c r="CC22" s="191">
        <v>0</v>
      </c>
      <c r="CD22" s="196">
        <v>0</v>
      </c>
      <c r="CE22" s="193">
        <v>0</v>
      </c>
      <c r="CF22" s="191">
        <v>12</v>
      </c>
      <c r="CG22" s="191">
        <v>21</v>
      </c>
      <c r="CH22" s="191">
        <v>41</v>
      </c>
      <c r="CI22" s="191">
        <v>75</v>
      </c>
      <c r="CJ22" s="191">
        <v>27</v>
      </c>
      <c r="CK22" s="196">
        <v>176</v>
      </c>
      <c r="CL22" s="195">
        <v>176</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3070</v>
      </c>
      <c r="H23" s="191">
        <v>5531</v>
      </c>
      <c r="I23" s="191">
        <v>8029</v>
      </c>
      <c r="J23" s="191">
        <v>6845</v>
      </c>
      <c r="K23" s="191">
        <v>6776</v>
      </c>
      <c r="L23" s="194">
        <v>30251</v>
      </c>
      <c r="M23" s="195">
        <v>30251</v>
      </c>
      <c r="N23" s="190">
        <v>0</v>
      </c>
      <c r="O23" s="191">
        <v>0</v>
      </c>
      <c r="P23" s="196">
        <v>0</v>
      </c>
      <c r="Q23" s="193">
        <v>0</v>
      </c>
      <c r="R23" s="191">
        <v>0</v>
      </c>
      <c r="S23" s="191">
        <v>12</v>
      </c>
      <c r="T23" s="191">
        <v>45</v>
      </c>
      <c r="U23" s="191">
        <v>106</v>
      </c>
      <c r="V23" s="191">
        <v>215</v>
      </c>
      <c r="W23" s="196">
        <v>378</v>
      </c>
      <c r="X23" s="195">
        <v>378</v>
      </c>
      <c r="Y23" s="190">
        <v>307</v>
      </c>
      <c r="Z23" s="191">
        <v>855</v>
      </c>
      <c r="AA23" s="196">
        <v>1162</v>
      </c>
      <c r="AB23" s="193">
        <v>0</v>
      </c>
      <c r="AC23" s="191">
        <v>1984</v>
      </c>
      <c r="AD23" s="191">
        <v>2670</v>
      </c>
      <c r="AE23" s="191">
        <v>1843</v>
      </c>
      <c r="AF23" s="191">
        <v>1429</v>
      </c>
      <c r="AG23" s="191">
        <v>1014</v>
      </c>
      <c r="AH23" s="196">
        <v>8940</v>
      </c>
      <c r="AI23" s="195">
        <v>10102</v>
      </c>
      <c r="AJ23" s="190">
        <v>133</v>
      </c>
      <c r="AK23" s="191">
        <v>373</v>
      </c>
      <c r="AL23" s="196">
        <v>506</v>
      </c>
      <c r="AM23" s="193">
        <v>0</v>
      </c>
      <c r="AN23" s="191">
        <v>233</v>
      </c>
      <c r="AO23" s="191">
        <v>548</v>
      </c>
      <c r="AP23" s="191">
        <v>365</v>
      </c>
      <c r="AQ23" s="191">
        <v>142</v>
      </c>
      <c r="AR23" s="191">
        <v>86</v>
      </c>
      <c r="AS23" s="196">
        <v>1374</v>
      </c>
      <c r="AT23" s="195">
        <v>1880</v>
      </c>
      <c r="AU23" s="190">
        <v>0</v>
      </c>
      <c r="AV23" s="191">
        <v>0</v>
      </c>
      <c r="AW23" s="196">
        <v>0</v>
      </c>
      <c r="AX23" s="193">
        <v>0</v>
      </c>
      <c r="AY23" s="191">
        <v>2780</v>
      </c>
      <c r="AZ23" s="191">
        <v>3369</v>
      </c>
      <c r="BA23" s="191">
        <v>2253</v>
      </c>
      <c r="BB23" s="191">
        <v>1078</v>
      </c>
      <c r="BC23" s="191">
        <v>274</v>
      </c>
      <c r="BD23" s="194">
        <v>9754</v>
      </c>
      <c r="BE23" s="195">
        <v>9754</v>
      </c>
      <c r="BF23" s="190">
        <v>0</v>
      </c>
      <c r="BG23" s="191">
        <v>0</v>
      </c>
      <c r="BH23" s="196">
        <v>0</v>
      </c>
      <c r="BI23" s="193">
        <v>0</v>
      </c>
      <c r="BJ23" s="191">
        <v>451</v>
      </c>
      <c r="BK23" s="191">
        <v>417</v>
      </c>
      <c r="BL23" s="191">
        <v>293</v>
      </c>
      <c r="BM23" s="191">
        <v>130</v>
      </c>
      <c r="BN23" s="191">
        <v>63</v>
      </c>
      <c r="BO23" s="196">
        <v>1354</v>
      </c>
      <c r="BP23" s="195">
        <v>1354</v>
      </c>
      <c r="BQ23" s="190">
        <v>3</v>
      </c>
      <c r="BR23" s="191">
        <v>22</v>
      </c>
      <c r="BS23" s="196">
        <v>25</v>
      </c>
      <c r="BT23" s="193">
        <v>0</v>
      </c>
      <c r="BU23" s="191">
        <v>199</v>
      </c>
      <c r="BV23" s="191">
        <v>440</v>
      </c>
      <c r="BW23" s="191">
        <v>807</v>
      </c>
      <c r="BX23" s="191">
        <v>757</v>
      </c>
      <c r="BY23" s="191">
        <v>377</v>
      </c>
      <c r="BZ23" s="196">
        <v>2580</v>
      </c>
      <c r="CA23" s="195">
        <v>2605</v>
      </c>
      <c r="CB23" s="190">
        <v>0</v>
      </c>
      <c r="CC23" s="191">
        <v>12</v>
      </c>
      <c r="CD23" s="196">
        <v>12</v>
      </c>
      <c r="CE23" s="193">
        <v>0</v>
      </c>
      <c r="CF23" s="191">
        <v>0</v>
      </c>
      <c r="CG23" s="191">
        <v>20</v>
      </c>
      <c r="CH23" s="191">
        <v>37</v>
      </c>
      <c r="CI23" s="191">
        <v>13</v>
      </c>
      <c r="CJ23" s="191">
        <v>12</v>
      </c>
      <c r="CK23" s="196">
        <v>82</v>
      </c>
      <c r="CL23" s="195">
        <v>94</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699</v>
      </c>
      <c r="H24" s="191">
        <v>1362</v>
      </c>
      <c r="I24" s="191">
        <v>655</v>
      </c>
      <c r="J24" s="191">
        <v>2047</v>
      </c>
      <c r="K24" s="191">
        <v>1960</v>
      </c>
      <c r="L24" s="194">
        <v>6723</v>
      </c>
      <c r="M24" s="195">
        <v>6723</v>
      </c>
      <c r="N24" s="190">
        <v>0</v>
      </c>
      <c r="O24" s="191">
        <v>0</v>
      </c>
      <c r="P24" s="196">
        <v>0</v>
      </c>
      <c r="Q24" s="193">
        <v>0</v>
      </c>
      <c r="R24" s="191">
        <v>11</v>
      </c>
      <c r="S24" s="191">
        <v>15</v>
      </c>
      <c r="T24" s="191">
        <v>11</v>
      </c>
      <c r="U24" s="191">
        <v>69</v>
      </c>
      <c r="V24" s="191">
        <v>129</v>
      </c>
      <c r="W24" s="196">
        <v>235</v>
      </c>
      <c r="X24" s="195">
        <v>235</v>
      </c>
      <c r="Y24" s="190">
        <v>36</v>
      </c>
      <c r="Z24" s="191">
        <v>105</v>
      </c>
      <c r="AA24" s="196">
        <v>141</v>
      </c>
      <c r="AB24" s="193">
        <v>0</v>
      </c>
      <c r="AC24" s="191">
        <v>408</v>
      </c>
      <c r="AD24" s="191">
        <v>595</v>
      </c>
      <c r="AE24" s="191">
        <v>235</v>
      </c>
      <c r="AF24" s="191">
        <v>418</v>
      </c>
      <c r="AG24" s="191">
        <v>473</v>
      </c>
      <c r="AH24" s="196">
        <v>2129</v>
      </c>
      <c r="AI24" s="195">
        <v>2270</v>
      </c>
      <c r="AJ24" s="190">
        <v>15</v>
      </c>
      <c r="AK24" s="191">
        <v>0</v>
      </c>
      <c r="AL24" s="196">
        <v>15</v>
      </c>
      <c r="AM24" s="193">
        <v>0</v>
      </c>
      <c r="AN24" s="191">
        <v>138</v>
      </c>
      <c r="AO24" s="191">
        <v>169</v>
      </c>
      <c r="AP24" s="191">
        <v>45</v>
      </c>
      <c r="AQ24" s="191">
        <v>118</v>
      </c>
      <c r="AR24" s="191">
        <v>40</v>
      </c>
      <c r="AS24" s="196">
        <v>510</v>
      </c>
      <c r="AT24" s="195">
        <v>525</v>
      </c>
      <c r="AU24" s="190">
        <v>0</v>
      </c>
      <c r="AV24" s="191">
        <v>0</v>
      </c>
      <c r="AW24" s="196">
        <v>0</v>
      </c>
      <c r="AX24" s="193">
        <v>0</v>
      </c>
      <c r="AY24" s="191">
        <v>984</v>
      </c>
      <c r="AZ24" s="191">
        <v>1364</v>
      </c>
      <c r="BA24" s="191">
        <v>917</v>
      </c>
      <c r="BB24" s="191">
        <v>418</v>
      </c>
      <c r="BC24" s="191">
        <v>121</v>
      </c>
      <c r="BD24" s="194">
        <v>3804</v>
      </c>
      <c r="BE24" s="195">
        <v>3804</v>
      </c>
      <c r="BF24" s="190">
        <v>0</v>
      </c>
      <c r="BG24" s="191">
        <v>0</v>
      </c>
      <c r="BH24" s="196">
        <v>0</v>
      </c>
      <c r="BI24" s="193">
        <v>0</v>
      </c>
      <c r="BJ24" s="191">
        <v>220</v>
      </c>
      <c r="BK24" s="191">
        <v>305</v>
      </c>
      <c r="BL24" s="191">
        <v>64</v>
      </c>
      <c r="BM24" s="191">
        <v>137</v>
      </c>
      <c r="BN24" s="191">
        <v>47</v>
      </c>
      <c r="BO24" s="196">
        <v>773</v>
      </c>
      <c r="BP24" s="195">
        <v>773</v>
      </c>
      <c r="BQ24" s="190">
        <v>0</v>
      </c>
      <c r="BR24" s="191">
        <v>4</v>
      </c>
      <c r="BS24" s="196">
        <v>4</v>
      </c>
      <c r="BT24" s="193">
        <v>0</v>
      </c>
      <c r="BU24" s="191">
        <v>132</v>
      </c>
      <c r="BV24" s="191">
        <v>169</v>
      </c>
      <c r="BW24" s="191">
        <v>365</v>
      </c>
      <c r="BX24" s="191">
        <v>200</v>
      </c>
      <c r="BY24" s="191">
        <v>61</v>
      </c>
      <c r="BZ24" s="196">
        <v>927</v>
      </c>
      <c r="CA24" s="195">
        <v>931</v>
      </c>
      <c r="CB24" s="190">
        <v>0</v>
      </c>
      <c r="CC24" s="191">
        <v>0</v>
      </c>
      <c r="CD24" s="196">
        <v>0</v>
      </c>
      <c r="CE24" s="193">
        <v>0</v>
      </c>
      <c r="CF24" s="191">
        <v>10</v>
      </c>
      <c r="CG24" s="191">
        <v>0</v>
      </c>
      <c r="CH24" s="191">
        <v>43</v>
      </c>
      <c r="CI24" s="191">
        <v>38</v>
      </c>
      <c r="CJ24" s="191">
        <v>20</v>
      </c>
      <c r="CK24" s="196">
        <v>111</v>
      </c>
      <c r="CL24" s="195">
        <v>111</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661</v>
      </c>
      <c r="H25" s="191">
        <v>2368</v>
      </c>
      <c r="I25" s="191">
        <v>2470</v>
      </c>
      <c r="J25" s="191">
        <v>3180</v>
      </c>
      <c r="K25" s="191">
        <v>2948</v>
      </c>
      <c r="L25" s="194">
        <v>12627</v>
      </c>
      <c r="M25" s="195">
        <v>12627</v>
      </c>
      <c r="N25" s="190">
        <v>0</v>
      </c>
      <c r="O25" s="191">
        <v>0</v>
      </c>
      <c r="P25" s="196">
        <v>0</v>
      </c>
      <c r="Q25" s="193">
        <v>0</v>
      </c>
      <c r="R25" s="191">
        <v>0</v>
      </c>
      <c r="S25" s="191">
        <v>24</v>
      </c>
      <c r="T25" s="191">
        <v>14</v>
      </c>
      <c r="U25" s="191">
        <v>99</v>
      </c>
      <c r="V25" s="191">
        <v>122</v>
      </c>
      <c r="W25" s="196">
        <v>259</v>
      </c>
      <c r="X25" s="195">
        <v>259</v>
      </c>
      <c r="Y25" s="190">
        <v>214</v>
      </c>
      <c r="Z25" s="191">
        <v>629</v>
      </c>
      <c r="AA25" s="196">
        <v>843</v>
      </c>
      <c r="AB25" s="193">
        <v>0</v>
      </c>
      <c r="AC25" s="191">
        <v>1037</v>
      </c>
      <c r="AD25" s="191">
        <v>1783</v>
      </c>
      <c r="AE25" s="191">
        <v>946</v>
      </c>
      <c r="AF25" s="191">
        <v>826</v>
      </c>
      <c r="AG25" s="191">
        <v>493</v>
      </c>
      <c r="AH25" s="196">
        <v>5085</v>
      </c>
      <c r="AI25" s="195">
        <v>5928</v>
      </c>
      <c r="AJ25" s="190">
        <v>44</v>
      </c>
      <c r="AK25" s="191">
        <v>139</v>
      </c>
      <c r="AL25" s="196">
        <v>183</v>
      </c>
      <c r="AM25" s="193">
        <v>0</v>
      </c>
      <c r="AN25" s="191">
        <v>99</v>
      </c>
      <c r="AO25" s="191">
        <v>230</v>
      </c>
      <c r="AP25" s="191">
        <v>139</v>
      </c>
      <c r="AQ25" s="191">
        <v>103</v>
      </c>
      <c r="AR25" s="191">
        <v>32</v>
      </c>
      <c r="AS25" s="196">
        <v>603</v>
      </c>
      <c r="AT25" s="195">
        <v>786</v>
      </c>
      <c r="AU25" s="190">
        <v>0</v>
      </c>
      <c r="AV25" s="191">
        <v>0</v>
      </c>
      <c r="AW25" s="196">
        <v>0</v>
      </c>
      <c r="AX25" s="193">
        <v>0</v>
      </c>
      <c r="AY25" s="191">
        <v>2472</v>
      </c>
      <c r="AZ25" s="191">
        <v>2410</v>
      </c>
      <c r="BA25" s="191">
        <v>1427</v>
      </c>
      <c r="BB25" s="191">
        <v>750</v>
      </c>
      <c r="BC25" s="191">
        <v>354</v>
      </c>
      <c r="BD25" s="194">
        <v>7413</v>
      </c>
      <c r="BE25" s="195">
        <v>7413</v>
      </c>
      <c r="BF25" s="190">
        <v>0</v>
      </c>
      <c r="BG25" s="191">
        <v>0</v>
      </c>
      <c r="BH25" s="196">
        <v>0</v>
      </c>
      <c r="BI25" s="193">
        <v>0</v>
      </c>
      <c r="BJ25" s="191">
        <v>285</v>
      </c>
      <c r="BK25" s="191">
        <v>366</v>
      </c>
      <c r="BL25" s="191">
        <v>267</v>
      </c>
      <c r="BM25" s="191">
        <v>151</v>
      </c>
      <c r="BN25" s="191">
        <v>49</v>
      </c>
      <c r="BO25" s="196">
        <v>1118</v>
      </c>
      <c r="BP25" s="195">
        <v>1118</v>
      </c>
      <c r="BQ25" s="190">
        <v>6</v>
      </c>
      <c r="BR25" s="191">
        <v>2</v>
      </c>
      <c r="BS25" s="196">
        <v>8</v>
      </c>
      <c r="BT25" s="193">
        <v>0</v>
      </c>
      <c r="BU25" s="191">
        <v>156</v>
      </c>
      <c r="BV25" s="191">
        <v>311</v>
      </c>
      <c r="BW25" s="191">
        <v>653</v>
      </c>
      <c r="BX25" s="191">
        <v>314</v>
      </c>
      <c r="BY25" s="191">
        <v>82</v>
      </c>
      <c r="BZ25" s="196">
        <v>1516</v>
      </c>
      <c r="CA25" s="195">
        <v>1524</v>
      </c>
      <c r="CB25" s="190">
        <v>0</v>
      </c>
      <c r="CC25" s="191">
        <v>0</v>
      </c>
      <c r="CD25" s="196">
        <v>0</v>
      </c>
      <c r="CE25" s="193">
        <v>0</v>
      </c>
      <c r="CF25" s="191">
        <v>3</v>
      </c>
      <c r="CG25" s="191">
        <v>13</v>
      </c>
      <c r="CH25" s="191">
        <v>0</v>
      </c>
      <c r="CI25" s="191">
        <v>20</v>
      </c>
      <c r="CJ25" s="191">
        <v>21</v>
      </c>
      <c r="CK25" s="196">
        <v>57</v>
      </c>
      <c r="CL25" s="195">
        <v>57</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678</v>
      </c>
      <c r="H26" s="191">
        <v>1170</v>
      </c>
      <c r="I26" s="191">
        <v>1480</v>
      </c>
      <c r="J26" s="191">
        <v>2135</v>
      </c>
      <c r="K26" s="191">
        <v>1291</v>
      </c>
      <c r="L26" s="194">
        <v>6754</v>
      </c>
      <c r="M26" s="195">
        <v>6754</v>
      </c>
      <c r="N26" s="190">
        <v>0</v>
      </c>
      <c r="O26" s="191">
        <v>0</v>
      </c>
      <c r="P26" s="196">
        <v>0</v>
      </c>
      <c r="Q26" s="193">
        <v>0</v>
      </c>
      <c r="R26" s="191">
        <v>4</v>
      </c>
      <c r="S26" s="191">
        <v>14</v>
      </c>
      <c r="T26" s="191">
        <v>11</v>
      </c>
      <c r="U26" s="191">
        <v>41</v>
      </c>
      <c r="V26" s="191">
        <v>104</v>
      </c>
      <c r="W26" s="196">
        <v>174</v>
      </c>
      <c r="X26" s="195">
        <v>174</v>
      </c>
      <c r="Y26" s="190">
        <v>98</v>
      </c>
      <c r="Z26" s="191">
        <v>202</v>
      </c>
      <c r="AA26" s="196">
        <v>300</v>
      </c>
      <c r="AB26" s="193">
        <v>0</v>
      </c>
      <c r="AC26" s="191">
        <v>620</v>
      </c>
      <c r="AD26" s="191">
        <v>647</v>
      </c>
      <c r="AE26" s="191">
        <v>369</v>
      </c>
      <c r="AF26" s="191">
        <v>485</v>
      </c>
      <c r="AG26" s="191">
        <v>344</v>
      </c>
      <c r="AH26" s="196">
        <v>2465</v>
      </c>
      <c r="AI26" s="195">
        <v>2765</v>
      </c>
      <c r="AJ26" s="190">
        <v>8</v>
      </c>
      <c r="AK26" s="191">
        <v>8</v>
      </c>
      <c r="AL26" s="196">
        <v>16</v>
      </c>
      <c r="AM26" s="193">
        <v>0</v>
      </c>
      <c r="AN26" s="191">
        <v>36</v>
      </c>
      <c r="AO26" s="191">
        <v>66</v>
      </c>
      <c r="AP26" s="191">
        <v>6</v>
      </c>
      <c r="AQ26" s="191">
        <v>32</v>
      </c>
      <c r="AR26" s="191">
        <v>58</v>
      </c>
      <c r="AS26" s="196">
        <v>198</v>
      </c>
      <c r="AT26" s="195">
        <v>214</v>
      </c>
      <c r="AU26" s="190">
        <v>0</v>
      </c>
      <c r="AV26" s="191">
        <v>0</v>
      </c>
      <c r="AW26" s="196">
        <v>0</v>
      </c>
      <c r="AX26" s="193">
        <v>0</v>
      </c>
      <c r="AY26" s="191">
        <v>946</v>
      </c>
      <c r="AZ26" s="191">
        <v>953</v>
      </c>
      <c r="BA26" s="191">
        <v>341</v>
      </c>
      <c r="BB26" s="191">
        <v>245</v>
      </c>
      <c r="BC26" s="191">
        <v>91</v>
      </c>
      <c r="BD26" s="194">
        <v>2576</v>
      </c>
      <c r="BE26" s="195">
        <v>2576</v>
      </c>
      <c r="BF26" s="190">
        <v>0</v>
      </c>
      <c r="BG26" s="191">
        <v>0</v>
      </c>
      <c r="BH26" s="196">
        <v>0</v>
      </c>
      <c r="BI26" s="193">
        <v>0</v>
      </c>
      <c r="BJ26" s="191">
        <v>413</v>
      </c>
      <c r="BK26" s="191">
        <v>266</v>
      </c>
      <c r="BL26" s="191">
        <v>186</v>
      </c>
      <c r="BM26" s="191">
        <v>119</v>
      </c>
      <c r="BN26" s="191">
        <v>101</v>
      </c>
      <c r="BO26" s="196">
        <v>1085</v>
      </c>
      <c r="BP26" s="195">
        <v>1085</v>
      </c>
      <c r="BQ26" s="190">
        <v>8</v>
      </c>
      <c r="BR26" s="191">
        <v>9</v>
      </c>
      <c r="BS26" s="196">
        <v>17</v>
      </c>
      <c r="BT26" s="193">
        <v>0</v>
      </c>
      <c r="BU26" s="191">
        <v>139</v>
      </c>
      <c r="BV26" s="191">
        <v>211</v>
      </c>
      <c r="BW26" s="191">
        <v>248</v>
      </c>
      <c r="BX26" s="191">
        <v>234</v>
      </c>
      <c r="BY26" s="191">
        <v>76</v>
      </c>
      <c r="BZ26" s="196">
        <v>908</v>
      </c>
      <c r="CA26" s="195">
        <v>925</v>
      </c>
      <c r="CB26" s="190">
        <v>0</v>
      </c>
      <c r="CC26" s="191">
        <v>0</v>
      </c>
      <c r="CD26" s="196">
        <v>0</v>
      </c>
      <c r="CE26" s="193">
        <v>0</v>
      </c>
      <c r="CF26" s="191">
        <v>10</v>
      </c>
      <c r="CG26" s="191">
        <v>0</v>
      </c>
      <c r="CH26" s="191">
        <v>0</v>
      </c>
      <c r="CI26" s="191">
        <v>2</v>
      </c>
      <c r="CJ26" s="191">
        <v>10</v>
      </c>
      <c r="CK26" s="196">
        <v>22</v>
      </c>
      <c r="CL26" s="195">
        <v>22</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512</v>
      </c>
      <c r="H27" s="191">
        <v>2037</v>
      </c>
      <c r="I27" s="191">
        <v>2135</v>
      </c>
      <c r="J27" s="191">
        <v>2515</v>
      </c>
      <c r="K27" s="191">
        <v>2108</v>
      </c>
      <c r="L27" s="194">
        <v>10307</v>
      </c>
      <c r="M27" s="195">
        <v>10307</v>
      </c>
      <c r="N27" s="190">
        <v>0</v>
      </c>
      <c r="O27" s="191">
        <v>0</v>
      </c>
      <c r="P27" s="196">
        <v>0</v>
      </c>
      <c r="Q27" s="193">
        <v>0</v>
      </c>
      <c r="R27" s="191">
        <v>12</v>
      </c>
      <c r="S27" s="191">
        <v>25</v>
      </c>
      <c r="T27" s="191">
        <v>46</v>
      </c>
      <c r="U27" s="191">
        <v>65</v>
      </c>
      <c r="V27" s="191">
        <v>82</v>
      </c>
      <c r="W27" s="196">
        <v>230</v>
      </c>
      <c r="X27" s="195">
        <v>230</v>
      </c>
      <c r="Y27" s="190">
        <v>115</v>
      </c>
      <c r="Z27" s="191">
        <v>333</v>
      </c>
      <c r="AA27" s="196">
        <v>448</v>
      </c>
      <c r="AB27" s="193">
        <v>0</v>
      </c>
      <c r="AC27" s="191">
        <v>585</v>
      </c>
      <c r="AD27" s="191">
        <v>992</v>
      </c>
      <c r="AE27" s="191">
        <v>457</v>
      </c>
      <c r="AF27" s="191">
        <v>414</v>
      </c>
      <c r="AG27" s="191">
        <v>213</v>
      </c>
      <c r="AH27" s="196">
        <v>2661</v>
      </c>
      <c r="AI27" s="195">
        <v>3109</v>
      </c>
      <c r="AJ27" s="190">
        <v>14</v>
      </c>
      <c r="AK27" s="191">
        <v>54</v>
      </c>
      <c r="AL27" s="196">
        <v>68</v>
      </c>
      <c r="AM27" s="193">
        <v>0</v>
      </c>
      <c r="AN27" s="191">
        <v>8</v>
      </c>
      <c r="AO27" s="191">
        <v>158</v>
      </c>
      <c r="AP27" s="191">
        <v>53</v>
      </c>
      <c r="AQ27" s="191">
        <v>61</v>
      </c>
      <c r="AR27" s="191">
        <v>66</v>
      </c>
      <c r="AS27" s="196">
        <v>346</v>
      </c>
      <c r="AT27" s="195">
        <v>414</v>
      </c>
      <c r="AU27" s="190">
        <v>0</v>
      </c>
      <c r="AV27" s="191">
        <v>0</v>
      </c>
      <c r="AW27" s="196">
        <v>0</v>
      </c>
      <c r="AX27" s="193">
        <v>0</v>
      </c>
      <c r="AY27" s="191">
        <v>1379</v>
      </c>
      <c r="AZ27" s="191">
        <v>1079</v>
      </c>
      <c r="BA27" s="191">
        <v>716</v>
      </c>
      <c r="BB27" s="191">
        <v>449</v>
      </c>
      <c r="BC27" s="191">
        <v>88</v>
      </c>
      <c r="BD27" s="194">
        <v>3711</v>
      </c>
      <c r="BE27" s="195">
        <v>3711</v>
      </c>
      <c r="BF27" s="190">
        <v>0</v>
      </c>
      <c r="BG27" s="191">
        <v>0</v>
      </c>
      <c r="BH27" s="196">
        <v>0</v>
      </c>
      <c r="BI27" s="193">
        <v>0</v>
      </c>
      <c r="BJ27" s="191">
        <v>241</v>
      </c>
      <c r="BK27" s="191">
        <v>468</v>
      </c>
      <c r="BL27" s="191">
        <v>212</v>
      </c>
      <c r="BM27" s="191">
        <v>98</v>
      </c>
      <c r="BN27" s="191">
        <v>30</v>
      </c>
      <c r="BO27" s="196">
        <v>1049</v>
      </c>
      <c r="BP27" s="195">
        <v>1049</v>
      </c>
      <c r="BQ27" s="190">
        <v>0</v>
      </c>
      <c r="BR27" s="191">
        <v>7</v>
      </c>
      <c r="BS27" s="196">
        <v>7</v>
      </c>
      <c r="BT27" s="193">
        <v>0</v>
      </c>
      <c r="BU27" s="191">
        <v>105</v>
      </c>
      <c r="BV27" s="191">
        <v>214</v>
      </c>
      <c r="BW27" s="191">
        <v>314</v>
      </c>
      <c r="BX27" s="191">
        <v>196</v>
      </c>
      <c r="BY27" s="191">
        <v>50</v>
      </c>
      <c r="BZ27" s="196">
        <v>879</v>
      </c>
      <c r="CA27" s="195">
        <v>886</v>
      </c>
      <c r="CB27" s="190">
        <v>0</v>
      </c>
      <c r="CC27" s="191">
        <v>0</v>
      </c>
      <c r="CD27" s="196">
        <v>0</v>
      </c>
      <c r="CE27" s="193">
        <v>0</v>
      </c>
      <c r="CF27" s="191">
        <v>20</v>
      </c>
      <c r="CG27" s="191">
        <v>69</v>
      </c>
      <c r="CH27" s="191">
        <v>47</v>
      </c>
      <c r="CI27" s="191">
        <v>40</v>
      </c>
      <c r="CJ27" s="191">
        <v>36</v>
      </c>
      <c r="CK27" s="196">
        <v>212</v>
      </c>
      <c r="CL27" s="195">
        <v>212</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918</v>
      </c>
      <c r="H28" s="191">
        <v>1650</v>
      </c>
      <c r="I28" s="191">
        <v>1516</v>
      </c>
      <c r="J28" s="191">
        <v>950</v>
      </c>
      <c r="K28" s="191">
        <v>2050</v>
      </c>
      <c r="L28" s="194">
        <v>7084</v>
      </c>
      <c r="M28" s="195">
        <v>7084</v>
      </c>
      <c r="N28" s="190">
        <v>0</v>
      </c>
      <c r="O28" s="191">
        <v>0</v>
      </c>
      <c r="P28" s="196">
        <v>0</v>
      </c>
      <c r="Q28" s="193">
        <v>0</v>
      </c>
      <c r="R28" s="191">
        <v>0</v>
      </c>
      <c r="S28" s="191">
        <v>9</v>
      </c>
      <c r="T28" s="191">
        <v>24</v>
      </c>
      <c r="U28" s="191">
        <v>46</v>
      </c>
      <c r="V28" s="191">
        <v>83</v>
      </c>
      <c r="W28" s="196">
        <v>162</v>
      </c>
      <c r="X28" s="195">
        <v>162</v>
      </c>
      <c r="Y28" s="190">
        <v>84</v>
      </c>
      <c r="Z28" s="191">
        <v>102</v>
      </c>
      <c r="AA28" s="196">
        <v>186</v>
      </c>
      <c r="AB28" s="193">
        <v>0</v>
      </c>
      <c r="AC28" s="191">
        <v>498</v>
      </c>
      <c r="AD28" s="191">
        <v>673</v>
      </c>
      <c r="AE28" s="191">
        <v>371</v>
      </c>
      <c r="AF28" s="191">
        <v>343</v>
      </c>
      <c r="AG28" s="191">
        <v>457</v>
      </c>
      <c r="AH28" s="196">
        <v>2342</v>
      </c>
      <c r="AI28" s="195">
        <v>2528</v>
      </c>
      <c r="AJ28" s="190">
        <v>8</v>
      </c>
      <c r="AK28" s="191">
        <v>15</v>
      </c>
      <c r="AL28" s="196">
        <v>23</v>
      </c>
      <c r="AM28" s="193">
        <v>0</v>
      </c>
      <c r="AN28" s="191">
        <v>39</v>
      </c>
      <c r="AO28" s="191">
        <v>18</v>
      </c>
      <c r="AP28" s="191">
        <v>68</v>
      </c>
      <c r="AQ28" s="191">
        <v>27</v>
      </c>
      <c r="AR28" s="191">
        <v>81</v>
      </c>
      <c r="AS28" s="196">
        <v>233</v>
      </c>
      <c r="AT28" s="195">
        <v>256</v>
      </c>
      <c r="AU28" s="190">
        <v>0</v>
      </c>
      <c r="AV28" s="191">
        <v>0</v>
      </c>
      <c r="AW28" s="196">
        <v>0</v>
      </c>
      <c r="AX28" s="193">
        <v>0</v>
      </c>
      <c r="AY28" s="191">
        <v>988</v>
      </c>
      <c r="AZ28" s="191">
        <v>896</v>
      </c>
      <c r="BA28" s="191">
        <v>382</v>
      </c>
      <c r="BB28" s="191">
        <v>224</v>
      </c>
      <c r="BC28" s="191">
        <v>155</v>
      </c>
      <c r="BD28" s="194">
        <v>2645</v>
      </c>
      <c r="BE28" s="195">
        <v>2645</v>
      </c>
      <c r="BF28" s="190">
        <v>0</v>
      </c>
      <c r="BG28" s="191">
        <v>0</v>
      </c>
      <c r="BH28" s="196">
        <v>0</v>
      </c>
      <c r="BI28" s="193">
        <v>0</v>
      </c>
      <c r="BJ28" s="191">
        <v>161</v>
      </c>
      <c r="BK28" s="191">
        <v>220</v>
      </c>
      <c r="BL28" s="191">
        <v>113</v>
      </c>
      <c r="BM28" s="191">
        <v>93</v>
      </c>
      <c r="BN28" s="191">
        <v>43</v>
      </c>
      <c r="BO28" s="196">
        <v>630</v>
      </c>
      <c r="BP28" s="195">
        <v>630</v>
      </c>
      <c r="BQ28" s="190">
        <v>0</v>
      </c>
      <c r="BR28" s="191">
        <v>0</v>
      </c>
      <c r="BS28" s="196">
        <v>0</v>
      </c>
      <c r="BT28" s="193">
        <v>0</v>
      </c>
      <c r="BU28" s="191">
        <v>138</v>
      </c>
      <c r="BV28" s="191">
        <v>179</v>
      </c>
      <c r="BW28" s="191">
        <v>318</v>
      </c>
      <c r="BX28" s="191">
        <v>201</v>
      </c>
      <c r="BY28" s="191">
        <v>111</v>
      </c>
      <c r="BZ28" s="196">
        <v>947</v>
      </c>
      <c r="CA28" s="195">
        <v>947</v>
      </c>
      <c r="CB28" s="190">
        <v>0</v>
      </c>
      <c r="CC28" s="191">
        <v>0</v>
      </c>
      <c r="CD28" s="196">
        <v>0</v>
      </c>
      <c r="CE28" s="193">
        <v>0</v>
      </c>
      <c r="CF28" s="191">
        <v>7</v>
      </c>
      <c r="CG28" s="191">
        <v>7</v>
      </c>
      <c r="CH28" s="191">
        <v>11</v>
      </c>
      <c r="CI28" s="191">
        <v>32</v>
      </c>
      <c r="CJ28" s="191">
        <v>7</v>
      </c>
      <c r="CK28" s="196">
        <v>64</v>
      </c>
      <c r="CL28" s="195">
        <v>64</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603</v>
      </c>
      <c r="H29" s="191">
        <v>878</v>
      </c>
      <c r="I29" s="191">
        <v>1350</v>
      </c>
      <c r="J29" s="191">
        <v>1144</v>
      </c>
      <c r="K29" s="191">
        <v>1045</v>
      </c>
      <c r="L29" s="194">
        <v>5020</v>
      </c>
      <c r="M29" s="195">
        <v>5020</v>
      </c>
      <c r="N29" s="190">
        <v>0</v>
      </c>
      <c r="O29" s="191">
        <v>0</v>
      </c>
      <c r="P29" s="196">
        <v>0</v>
      </c>
      <c r="Q29" s="193">
        <v>0</v>
      </c>
      <c r="R29" s="191">
        <v>5</v>
      </c>
      <c r="S29" s="191">
        <v>28</v>
      </c>
      <c r="T29" s="191">
        <v>17</v>
      </c>
      <c r="U29" s="191">
        <v>29</v>
      </c>
      <c r="V29" s="191">
        <v>82</v>
      </c>
      <c r="W29" s="196">
        <v>161</v>
      </c>
      <c r="X29" s="195">
        <v>161</v>
      </c>
      <c r="Y29" s="190">
        <v>105</v>
      </c>
      <c r="Z29" s="191">
        <v>364</v>
      </c>
      <c r="AA29" s="196">
        <v>469</v>
      </c>
      <c r="AB29" s="193">
        <v>0</v>
      </c>
      <c r="AC29" s="191">
        <v>204</v>
      </c>
      <c r="AD29" s="191">
        <v>566</v>
      </c>
      <c r="AE29" s="191">
        <v>328</v>
      </c>
      <c r="AF29" s="191">
        <v>266</v>
      </c>
      <c r="AG29" s="191">
        <v>227</v>
      </c>
      <c r="AH29" s="196">
        <v>1591</v>
      </c>
      <c r="AI29" s="195">
        <v>2060</v>
      </c>
      <c r="AJ29" s="190">
        <v>0</v>
      </c>
      <c r="AK29" s="191">
        <v>28</v>
      </c>
      <c r="AL29" s="196">
        <v>28</v>
      </c>
      <c r="AM29" s="193">
        <v>0</v>
      </c>
      <c r="AN29" s="191">
        <v>42</v>
      </c>
      <c r="AO29" s="191">
        <v>12</v>
      </c>
      <c r="AP29" s="191">
        <v>0</v>
      </c>
      <c r="AQ29" s="191">
        <v>0</v>
      </c>
      <c r="AR29" s="191">
        <v>9</v>
      </c>
      <c r="AS29" s="196">
        <v>63</v>
      </c>
      <c r="AT29" s="195">
        <v>91</v>
      </c>
      <c r="AU29" s="190">
        <v>0</v>
      </c>
      <c r="AV29" s="191">
        <v>0</v>
      </c>
      <c r="AW29" s="196">
        <v>0</v>
      </c>
      <c r="AX29" s="193">
        <v>0</v>
      </c>
      <c r="AY29" s="191">
        <v>1012</v>
      </c>
      <c r="AZ29" s="191">
        <v>500</v>
      </c>
      <c r="BA29" s="191">
        <v>323</v>
      </c>
      <c r="BB29" s="191">
        <v>311</v>
      </c>
      <c r="BC29" s="191">
        <v>127</v>
      </c>
      <c r="BD29" s="194">
        <v>2273</v>
      </c>
      <c r="BE29" s="195">
        <v>2273</v>
      </c>
      <c r="BF29" s="190">
        <v>0</v>
      </c>
      <c r="BG29" s="191">
        <v>0</v>
      </c>
      <c r="BH29" s="196">
        <v>0</v>
      </c>
      <c r="BI29" s="193">
        <v>0</v>
      </c>
      <c r="BJ29" s="191">
        <v>187</v>
      </c>
      <c r="BK29" s="191">
        <v>234</v>
      </c>
      <c r="BL29" s="191">
        <v>151</v>
      </c>
      <c r="BM29" s="191">
        <v>16</v>
      </c>
      <c r="BN29" s="191">
        <v>44</v>
      </c>
      <c r="BO29" s="196">
        <v>632</v>
      </c>
      <c r="BP29" s="195">
        <v>632</v>
      </c>
      <c r="BQ29" s="190">
        <v>0</v>
      </c>
      <c r="BR29" s="191">
        <v>0</v>
      </c>
      <c r="BS29" s="196">
        <v>0</v>
      </c>
      <c r="BT29" s="193">
        <v>0</v>
      </c>
      <c r="BU29" s="191">
        <v>48</v>
      </c>
      <c r="BV29" s="191">
        <v>90</v>
      </c>
      <c r="BW29" s="191">
        <v>95</v>
      </c>
      <c r="BX29" s="191">
        <v>139</v>
      </c>
      <c r="BY29" s="191">
        <v>25</v>
      </c>
      <c r="BZ29" s="196">
        <v>397</v>
      </c>
      <c r="CA29" s="195">
        <v>397</v>
      </c>
      <c r="CB29" s="190">
        <v>2</v>
      </c>
      <c r="CC29" s="191">
        <v>3</v>
      </c>
      <c r="CD29" s="196">
        <v>5</v>
      </c>
      <c r="CE29" s="193">
        <v>0</v>
      </c>
      <c r="CF29" s="191">
        <v>0</v>
      </c>
      <c r="CG29" s="191">
        <v>4</v>
      </c>
      <c r="CH29" s="191">
        <v>5</v>
      </c>
      <c r="CI29" s="191">
        <v>15</v>
      </c>
      <c r="CJ29" s="191">
        <v>0</v>
      </c>
      <c r="CK29" s="196">
        <v>24</v>
      </c>
      <c r="CL29" s="195">
        <v>29</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99</v>
      </c>
      <c r="H30" s="191">
        <v>251</v>
      </c>
      <c r="I30" s="191">
        <v>145</v>
      </c>
      <c r="J30" s="191">
        <v>151</v>
      </c>
      <c r="K30" s="191">
        <v>328</v>
      </c>
      <c r="L30" s="194">
        <v>974</v>
      </c>
      <c r="M30" s="195">
        <v>974</v>
      </c>
      <c r="N30" s="190">
        <v>0</v>
      </c>
      <c r="O30" s="191">
        <v>0</v>
      </c>
      <c r="P30" s="196">
        <v>0</v>
      </c>
      <c r="Q30" s="193">
        <v>0</v>
      </c>
      <c r="R30" s="191">
        <v>0</v>
      </c>
      <c r="S30" s="191">
        <v>6</v>
      </c>
      <c r="T30" s="191">
        <v>11</v>
      </c>
      <c r="U30" s="191">
        <v>11</v>
      </c>
      <c r="V30" s="191">
        <v>24</v>
      </c>
      <c r="W30" s="196">
        <v>52</v>
      </c>
      <c r="X30" s="195">
        <v>52</v>
      </c>
      <c r="Y30" s="190">
        <v>4</v>
      </c>
      <c r="Z30" s="191">
        <v>16</v>
      </c>
      <c r="AA30" s="196">
        <v>20</v>
      </c>
      <c r="AB30" s="193">
        <v>0</v>
      </c>
      <c r="AC30" s="191">
        <v>50</v>
      </c>
      <c r="AD30" s="191">
        <v>101</v>
      </c>
      <c r="AE30" s="191">
        <v>66</v>
      </c>
      <c r="AF30" s="191">
        <v>103</v>
      </c>
      <c r="AG30" s="191">
        <v>79</v>
      </c>
      <c r="AH30" s="196">
        <v>399</v>
      </c>
      <c r="AI30" s="195">
        <v>419</v>
      </c>
      <c r="AJ30" s="190">
        <v>0</v>
      </c>
      <c r="AK30" s="191">
        <v>0</v>
      </c>
      <c r="AL30" s="196">
        <v>0</v>
      </c>
      <c r="AM30" s="193">
        <v>0</v>
      </c>
      <c r="AN30" s="191">
        <v>10</v>
      </c>
      <c r="AO30" s="191">
        <v>0</v>
      </c>
      <c r="AP30" s="191">
        <v>27</v>
      </c>
      <c r="AQ30" s="191">
        <v>12</v>
      </c>
      <c r="AR30" s="191">
        <v>16</v>
      </c>
      <c r="AS30" s="196">
        <v>65</v>
      </c>
      <c r="AT30" s="195">
        <v>65</v>
      </c>
      <c r="AU30" s="190">
        <v>0</v>
      </c>
      <c r="AV30" s="191">
        <v>0</v>
      </c>
      <c r="AW30" s="196">
        <v>0</v>
      </c>
      <c r="AX30" s="193">
        <v>0</v>
      </c>
      <c r="AY30" s="191">
        <v>242</v>
      </c>
      <c r="AZ30" s="191">
        <v>294</v>
      </c>
      <c r="BA30" s="191">
        <v>258</v>
      </c>
      <c r="BB30" s="191">
        <v>144</v>
      </c>
      <c r="BC30" s="191">
        <v>32</v>
      </c>
      <c r="BD30" s="194">
        <v>970</v>
      </c>
      <c r="BE30" s="195">
        <v>970</v>
      </c>
      <c r="BF30" s="190">
        <v>0</v>
      </c>
      <c r="BG30" s="191">
        <v>0</v>
      </c>
      <c r="BH30" s="196">
        <v>0</v>
      </c>
      <c r="BI30" s="193">
        <v>0</v>
      </c>
      <c r="BJ30" s="191">
        <v>78</v>
      </c>
      <c r="BK30" s="191">
        <v>125</v>
      </c>
      <c r="BL30" s="191">
        <v>33</v>
      </c>
      <c r="BM30" s="191">
        <v>65</v>
      </c>
      <c r="BN30" s="191">
        <v>27</v>
      </c>
      <c r="BO30" s="196">
        <v>328</v>
      </c>
      <c r="BP30" s="195">
        <v>328</v>
      </c>
      <c r="BQ30" s="190">
        <v>0</v>
      </c>
      <c r="BR30" s="191">
        <v>4</v>
      </c>
      <c r="BS30" s="196">
        <v>4</v>
      </c>
      <c r="BT30" s="193">
        <v>0</v>
      </c>
      <c r="BU30" s="191">
        <v>8</v>
      </c>
      <c r="BV30" s="191">
        <v>24</v>
      </c>
      <c r="BW30" s="191">
        <v>44</v>
      </c>
      <c r="BX30" s="191">
        <v>48</v>
      </c>
      <c r="BY30" s="191">
        <v>27</v>
      </c>
      <c r="BZ30" s="196">
        <v>151</v>
      </c>
      <c r="CA30" s="195">
        <v>155</v>
      </c>
      <c r="CB30" s="190">
        <v>0</v>
      </c>
      <c r="CC30" s="191">
        <v>0</v>
      </c>
      <c r="CD30" s="196">
        <v>0</v>
      </c>
      <c r="CE30" s="193">
        <v>0</v>
      </c>
      <c r="CF30" s="191">
        <v>5</v>
      </c>
      <c r="CG30" s="191">
        <v>6</v>
      </c>
      <c r="CH30" s="191">
        <v>24</v>
      </c>
      <c r="CI30" s="191">
        <v>0</v>
      </c>
      <c r="CJ30" s="191">
        <v>9</v>
      </c>
      <c r="CK30" s="196">
        <v>44</v>
      </c>
      <c r="CL30" s="195">
        <v>44</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253</v>
      </c>
      <c r="H31" s="191">
        <v>356</v>
      </c>
      <c r="I31" s="191">
        <v>547</v>
      </c>
      <c r="J31" s="191">
        <v>728</v>
      </c>
      <c r="K31" s="191">
        <v>729</v>
      </c>
      <c r="L31" s="194">
        <v>2613</v>
      </c>
      <c r="M31" s="195">
        <v>2613</v>
      </c>
      <c r="N31" s="190">
        <v>0</v>
      </c>
      <c r="O31" s="191">
        <v>0</v>
      </c>
      <c r="P31" s="196">
        <v>0</v>
      </c>
      <c r="Q31" s="193">
        <v>0</v>
      </c>
      <c r="R31" s="191">
        <v>0</v>
      </c>
      <c r="S31" s="191">
        <v>7</v>
      </c>
      <c r="T31" s="191">
        <v>1</v>
      </c>
      <c r="U31" s="191">
        <v>9</v>
      </c>
      <c r="V31" s="191">
        <v>50</v>
      </c>
      <c r="W31" s="196">
        <v>67</v>
      </c>
      <c r="X31" s="195">
        <v>67</v>
      </c>
      <c r="Y31" s="190">
        <v>6</v>
      </c>
      <c r="Z31" s="191">
        <v>32</v>
      </c>
      <c r="AA31" s="196">
        <v>38</v>
      </c>
      <c r="AB31" s="193">
        <v>0</v>
      </c>
      <c r="AC31" s="191">
        <v>194</v>
      </c>
      <c r="AD31" s="191">
        <v>256</v>
      </c>
      <c r="AE31" s="191">
        <v>128</v>
      </c>
      <c r="AF31" s="191">
        <v>85</v>
      </c>
      <c r="AG31" s="191">
        <v>158</v>
      </c>
      <c r="AH31" s="196">
        <v>821</v>
      </c>
      <c r="AI31" s="195">
        <v>859</v>
      </c>
      <c r="AJ31" s="190">
        <v>0</v>
      </c>
      <c r="AK31" s="191">
        <v>22</v>
      </c>
      <c r="AL31" s="196">
        <v>22</v>
      </c>
      <c r="AM31" s="193">
        <v>0</v>
      </c>
      <c r="AN31" s="191">
        <v>30</v>
      </c>
      <c r="AO31" s="191">
        <v>27</v>
      </c>
      <c r="AP31" s="191">
        <v>21</v>
      </c>
      <c r="AQ31" s="191">
        <v>17</v>
      </c>
      <c r="AR31" s="191">
        <v>0</v>
      </c>
      <c r="AS31" s="196">
        <v>95</v>
      </c>
      <c r="AT31" s="195">
        <v>117</v>
      </c>
      <c r="AU31" s="190">
        <v>0</v>
      </c>
      <c r="AV31" s="191">
        <v>0</v>
      </c>
      <c r="AW31" s="196">
        <v>0</v>
      </c>
      <c r="AX31" s="193">
        <v>0</v>
      </c>
      <c r="AY31" s="191">
        <v>354</v>
      </c>
      <c r="AZ31" s="191">
        <v>403</v>
      </c>
      <c r="BA31" s="191">
        <v>357</v>
      </c>
      <c r="BB31" s="191">
        <v>118</v>
      </c>
      <c r="BC31" s="191">
        <v>88</v>
      </c>
      <c r="BD31" s="194">
        <v>1320</v>
      </c>
      <c r="BE31" s="195">
        <v>1320</v>
      </c>
      <c r="BF31" s="190">
        <v>0</v>
      </c>
      <c r="BG31" s="191">
        <v>0</v>
      </c>
      <c r="BH31" s="196">
        <v>0</v>
      </c>
      <c r="BI31" s="193">
        <v>0</v>
      </c>
      <c r="BJ31" s="191">
        <v>69</v>
      </c>
      <c r="BK31" s="191">
        <v>63</v>
      </c>
      <c r="BL31" s="191">
        <v>132</v>
      </c>
      <c r="BM31" s="191">
        <v>19</v>
      </c>
      <c r="BN31" s="191">
        <v>13</v>
      </c>
      <c r="BO31" s="196">
        <v>296</v>
      </c>
      <c r="BP31" s="195">
        <v>296</v>
      </c>
      <c r="BQ31" s="190">
        <v>0</v>
      </c>
      <c r="BR31" s="191">
        <v>0</v>
      </c>
      <c r="BS31" s="196">
        <v>0</v>
      </c>
      <c r="BT31" s="193">
        <v>0</v>
      </c>
      <c r="BU31" s="191">
        <v>28</v>
      </c>
      <c r="BV31" s="191">
        <v>61</v>
      </c>
      <c r="BW31" s="191">
        <v>85</v>
      </c>
      <c r="BX31" s="191">
        <v>73</v>
      </c>
      <c r="BY31" s="191">
        <v>70</v>
      </c>
      <c r="BZ31" s="196">
        <v>317</v>
      </c>
      <c r="CA31" s="195">
        <v>317</v>
      </c>
      <c r="CB31" s="190">
        <v>0</v>
      </c>
      <c r="CC31" s="191">
        <v>0</v>
      </c>
      <c r="CD31" s="196">
        <v>0</v>
      </c>
      <c r="CE31" s="193">
        <v>0</v>
      </c>
      <c r="CF31" s="191">
        <v>0</v>
      </c>
      <c r="CG31" s="191">
        <v>5</v>
      </c>
      <c r="CH31" s="191">
        <v>3</v>
      </c>
      <c r="CI31" s="191">
        <v>5</v>
      </c>
      <c r="CJ31" s="191">
        <v>0</v>
      </c>
      <c r="CK31" s="196">
        <v>13</v>
      </c>
      <c r="CL31" s="195">
        <v>13</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192</v>
      </c>
      <c r="H32" s="191">
        <v>232</v>
      </c>
      <c r="I32" s="191">
        <v>565</v>
      </c>
      <c r="J32" s="191">
        <v>882</v>
      </c>
      <c r="K32" s="191">
        <v>603</v>
      </c>
      <c r="L32" s="194">
        <v>2474</v>
      </c>
      <c r="M32" s="195">
        <v>2474</v>
      </c>
      <c r="N32" s="190">
        <v>0</v>
      </c>
      <c r="O32" s="191">
        <v>0</v>
      </c>
      <c r="P32" s="196">
        <v>0</v>
      </c>
      <c r="Q32" s="193">
        <v>0</v>
      </c>
      <c r="R32" s="191">
        <v>5</v>
      </c>
      <c r="S32" s="191">
        <v>0</v>
      </c>
      <c r="T32" s="191">
        <v>20</v>
      </c>
      <c r="U32" s="191">
        <v>34</v>
      </c>
      <c r="V32" s="191">
        <v>22</v>
      </c>
      <c r="W32" s="196">
        <v>81</v>
      </c>
      <c r="X32" s="195">
        <v>81</v>
      </c>
      <c r="Y32" s="190">
        <v>12</v>
      </c>
      <c r="Z32" s="191">
        <v>57</v>
      </c>
      <c r="AA32" s="196">
        <v>69</v>
      </c>
      <c r="AB32" s="193">
        <v>0</v>
      </c>
      <c r="AC32" s="191">
        <v>214</v>
      </c>
      <c r="AD32" s="191">
        <v>147</v>
      </c>
      <c r="AE32" s="191">
        <v>132</v>
      </c>
      <c r="AF32" s="191">
        <v>93</v>
      </c>
      <c r="AG32" s="191">
        <v>76</v>
      </c>
      <c r="AH32" s="196">
        <v>662</v>
      </c>
      <c r="AI32" s="195">
        <v>731</v>
      </c>
      <c r="AJ32" s="190">
        <v>0</v>
      </c>
      <c r="AK32" s="191">
        <v>0</v>
      </c>
      <c r="AL32" s="196">
        <v>0</v>
      </c>
      <c r="AM32" s="193">
        <v>0</v>
      </c>
      <c r="AN32" s="191">
        <v>36</v>
      </c>
      <c r="AO32" s="191">
        <v>52</v>
      </c>
      <c r="AP32" s="191">
        <v>42</v>
      </c>
      <c r="AQ32" s="191">
        <v>0</v>
      </c>
      <c r="AR32" s="191">
        <v>0</v>
      </c>
      <c r="AS32" s="196">
        <v>130</v>
      </c>
      <c r="AT32" s="195">
        <v>130</v>
      </c>
      <c r="AU32" s="190">
        <v>0</v>
      </c>
      <c r="AV32" s="191">
        <v>0</v>
      </c>
      <c r="AW32" s="196">
        <v>0</v>
      </c>
      <c r="AX32" s="193">
        <v>0</v>
      </c>
      <c r="AY32" s="191">
        <v>266</v>
      </c>
      <c r="AZ32" s="191">
        <v>185</v>
      </c>
      <c r="BA32" s="191">
        <v>147</v>
      </c>
      <c r="BB32" s="191">
        <v>107</v>
      </c>
      <c r="BC32" s="191">
        <v>32</v>
      </c>
      <c r="BD32" s="194">
        <v>737</v>
      </c>
      <c r="BE32" s="195">
        <v>737</v>
      </c>
      <c r="BF32" s="190">
        <v>0</v>
      </c>
      <c r="BG32" s="191">
        <v>0</v>
      </c>
      <c r="BH32" s="196">
        <v>0</v>
      </c>
      <c r="BI32" s="193">
        <v>0</v>
      </c>
      <c r="BJ32" s="191">
        <v>69</v>
      </c>
      <c r="BK32" s="191">
        <v>62</v>
      </c>
      <c r="BL32" s="191">
        <v>20</v>
      </c>
      <c r="BM32" s="191">
        <v>47</v>
      </c>
      <c r="BN32" s="191">
        <v>8</v>
      </c>
      <c r="BO32" s="196">
        <v>206</v>
      </c>
      <c r="BP32" s="195">
        <v>206</v>
      </c>
      <c r="BQ32" s="190">
        <v>4</v>
      </c>
      <c r="BR32" s="191">
        <v>0</v>
      </c>
      <c r="BS32" s="196">
        <v>4</v>
      </c>
      <c r="BT32" s="193">
        <v>0</v>
      </c>
      <c r="BU32" s="191">
        <v>13</v>
      </c>
      <c r="BV32" s="191">
        <v>65</v>
      </c>
      <c r="BW32" s="191">
        <v>133</v>
      </c>
      <c r="BX32" s="191">
        <v>53</v>
      </c>
      <c r="BY32" s="191">
        <v>12</v>
      </c>
      <c r="BZ32" s="196">
        <v>276</v>
      </c>
      <c r="CA32" s="195">
        <v>280</v>
      </c>
      <c r="CB32" s="190">
        <v>0</v>
      </c>
      <c r="CC32" s="191">
        <v>0</v>
      </c>
      <c r="CD32" s="196">
        <v>0</v>
      </c>
      <c r="CE32" s="193">
        <v>0</v>
      </c>
      <c r="CF32" s="191">
        <v>0</v>
      </c>
      <c r="CG32" s="191">
        <v>7</v>
      </c>
      <c r="CH32" s="191">
        <v>29</v>
      </c>
      <c r="CI32" s="191">
        <v>0</v>
      </c>
      <c r="CJ32" s="191">
        <v>4</v>
      </c>
      <c r="CK32" s="196">
        <v>40</v>
      </c>
      <c r="CL32" s="195">
        <v>4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141</v>
      </c>
      <c r="H33" s="191">
        <v>121</v>
      </c>
      <c r="I33" s="191">
        <v>236</v>
      </c>
      <c r="J33" s="191">
        <v>328</v>
      </c>
      <c r="K33" s="191">
        <v>268</v>
      </c>
      <c r="L33" s="194">
        <v>1094</v>
      </c>
      <c r="M33" s="195">
        <v>1094</v>
      </c>
      <c r="N33" s="190">
        <v>0</v>
      </c>
      <c r="O33" s="191">
        <v>0</v>
      </c>
      <c r="P33" s="196">
        <v>0</v>
      </c>
      <c r="Q33" s="193">
        <v>0</v>
      </c>
      <c r="R33" s="191">
        <v>17</v>
      </c>
      <c r="S33" s="191">
        <v>4</v>
      </c>
      <c r="T33" s="191">
        <v>16</v>
      </c>
      <c r="U33" s="191">
        <v>35</v>
      </c>
      <c r="V33" s="191">
        <v>33</v>
      </c>
      <c r="W33" s="196">
        <v>105</v>
      </c>
      <c r="X33" s="195">
        <v>105</v>
      </c>
      <c r="Y33" s="190">
        <v>5</v>
      </c>
      <c r="Z33" s="191">
        <v>24</v>
      </c>
      <c r="AA33" s="196">
        <v>29</v>
      </c>
      <c r="AB33" s="193">
        <v>0</v>
      </c>
      <c r="AC33" s="191">
        <v>175</v>
      </c>
      <c r="AD33" s="191">
        <v>108</v>
      </c>
      <c r="AE33" s="191">
        <v>146</v>
      </c>
      <c r="AF33" s="191">
        <v>96</v>
      </c>
      <c r="AG33" s="191">
        <v>82</v>
      </c>
      <c r="AH33" s="196">
        <v>607</v>
      </c>
      <c r="AI33" s="195">
        <v>636</v>
      </c>
      <c r="AJ33" s="190">
        <v>12</v>
      </c>
      <c r="AK33" s="191">
        <v>15</v>
      </c>
      <c r="AL33" s="196">
        <v>27</v>
      </c>
      <c r="AM33" s="193">
        <v>0</v>
      </c>
      <c r="AN33" s="191">
        <v>41</v>
      </c>
      <c r="AO33" s="191">
        <v>15</v>
      </c>
      <c r="AP33" s="191">
        <v>24</v>
      </c>
      <c r="AQ33" s="191">
        <v>39</v>
      </c>
      <c r="AR33" s="191">
        <v>0</v>
      </c>
      <c r="AS33" s="196">
        <v>119</v>
      </c>
      <c r="AT33" s="195">
        <v>146</v>
      </c>
      <c r="AU33" s="190">
        <v>0</v>
      </c>
      <c r="AV33" s="191">
        <v>0</v>
      </c>
      <c r="AW33" s="196">
        <v>0</v>
      </c>
      <c r="AX33" s="193">
        <v>0</v>
      </c>
      <c r="AY33" s="191">
        <v>382</v>
      </c>
      <c r="AZ33" s="191">
        <v>404</v>
      </c>
      <c r="BA33" s="191">
        <v>151</v>
      </c>
      <c r="BB33" s="191">
        <v>64</v>
      </c>
      <c r="BC33" s="191">
        <v>85</v>
      </c>
      <c r="BD33" s="194">
        <v>1086</v>
      </c>
      <c r="BE33" s="195">
        <v>1086</v>
      </c>
      <c r="BF33" s="190">
        <v>0</v>
      </c>
      <c r="BG33" s="191">
        <v>0</v>
      </c>
      <c r="BH33" s="196">
        <v>0</v>
      </c>
      <c r="BI33" s="193">
        <v>0</v>
      </c>
      <c r="BJ33" s="191">
        <v>63</v>
      </c>
      <c r="BK33" s="191">
        <v>55</v>
      </c>
      <c r="BL33" s="191">
        <v>90</v>
      </c>
      <c r="BM33" s="191">
        <v>21</v>
      </c>
      <c r="BN33" s="191">
        <v>14</v>
      </c>
      <c r="BO33" s="196">
        <v>243</v>
      </c>
      <c r="BP33" s="195">
        <v>243</v>
      </c>
      <c r="BQ33" s="190">
        <v>0</v>
      </c>
      <c r="BR33" s="191">
        <v>8</v>
      </c>
      <c r="BS33" s="196">
        <v>8</v>
      </c>
      <c r="BT33" s="193">
        <v>0</v>
      </c>
      <c r="BU33" s="191">
        <v>13</v>
      </c>
      <c r="BV33" s="191">
        <v>58</v>
      </c>
      <c r="BW33" s="191">
        <v>200</v>
      </c>
      <c r="BX33" s="191">
        <v>103</v>
      </c>
      <c r="BY33" s="191">
        <v>20</v>
      </c>
      <c r="BZ33" s="196">
        <v>394</v>
      </c>
      <c r="CA33" s="195">
        <v>402</v>
      </c>
      <c r="CB33" s="190">
        <v>0</v>
      </c>
      <c r="CC33" s="191">
        <v>0</v>
      </c>
      <c r="CD33" s="196">
        <v>0</v>
      </c>
      <c r="CE33" s="193">
        <v>0</v>
      </c>
      <c r="CF33" s="191">
        <v>15</v>
      </c>
      <c r="CG33" s="191">
        <v>0</v>
      </c>
      <c r="CH33" s="191">
        <v>5</v>
      </c>
      <c r="CI33" s="191">
        <v>0</v>
      </c>
      <c r="CJ33" s="191">
        <v>6</v>
      </c>
      <c r="CK33" s="196">
        <v>26</v>
      </c>
      <c r="CL33" s="195">
        <v>26</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379</v>
      </c>
      <c r="H34" s="191">
        <v>346</v>
      </c>
      <c r="I34" s="191">
        <v>419</v>
      </c>
      <c r="J34" s="191">
        <v>355</v>
      </c>
      <c r="K34" s="191">
        <v>587</v>
      </c>
      <c r="L34" s="194">
        <v>2086</v>
      </c>
      <c r="M34" s="195">
        <v>2086</v>
      </c>
      <c r="N34" s="190">
        <v>0</v>
      </c>
      <c r="O34" s="191">
        <v>0</v>
      </c>
      <c r="P34" s="196">
        <v>0</v>
      </c>
      <c r="Q34" s="193">
        <v>0</v>
      </c>
      <c r="R34" s="191">
        <v>0</v>
      </c>
      <c r="S34" s="191">
        <v>0</v>
      </c>
      <c r="T34" s="191">
        <v>11</v>
      </c>
      <c r="U34" s="191">
        <v>28</v>
      </c>
      <c r="V34" s="191">
        <v>35</v>
      </c>
      <c r="W34" s="196">
        <v>74</v>
      </c>
      <c r="X34" s="195">
        <v>74</v>
      </c>
      <c r="Y34" s="190">
        <v>27</v>
      </c>
      <c r="Z34" s="191">
        <v>45</v>
      </c>
      <c r="AA34" s="196">
        <v>72</v>
      </c>
      <c r="AB34" s="193">
        <v>0</v>
      </c>
      <c r="AC34" s="191">
        <v>324</v>
      </c>
      <c r="AD34" s="191">
        <v>254</v>
      </c>
      <c r="AE34" s="191">
        <v>101</v>
      </c>
      <c r="AF34" s="191">
        <v>116</v>
      </c>
      <c r="AG34" s="191">
        <v>69</v>
      </c>
      <c r="AH34" s="196">
        <v>864</v>
      </c>
      <c r="AI34" s="195">
        <v>936</v>
      </c>
      <c r="AJ34" s="190">
        <v>0</v>
      </c>
      <c r="AK34" s="191">
        <v>0</v>
      </c>
      <c r="AL34" s="196">
        <v>0</v>
      </c>
      <c r="AM34" s="193">
        <v>0</v>
      </c>
      <c r="AN34" s="191">
        <v>57</v>
      </c>
      <c r="AO34" s="191">
        <v>21</v>
      </c>
      <c r="AP34" s="191">
        <v>0</v>
      </c>
      <c r="AQ34" s="191">
        <v>39</v>
      </c>
      <c r="AR34" s="191">
        <v>21</v>
      </c>
      <c r="AS34" s="196">
        <v>138</v>
      </c>
      <c r="AT34" s="195">
        <v>138</v>
      </c>
      <c r="AU34" s="190">
        <v>0</v>
      </c>
      <c r="AV34" s="191">
        <v>0</v>
      </c>
      <c r="AW34" s="196">
        <v>0</v>
      </c>
      <c r="AX34" s="193">
        <v>0</v>
      </c>
      <c r="AY34" s="191">
        <v>480</v>
      </c>
      <c r="AZ34" s="191">
        <v>552</v>
      </c>
      <c r="BA34" s="191">
        <v>277</v>
      </c>
      <c r="BB34" s="191">
        <v>208</v>
      </c>
      <c r="BC34" s="191">
        <v>50</v>
      </c>
      <c r="BD34" s="194">
        <v>1567</v>
      </c>
      <c r="BE34" s="195">
        <v>1567</v>
      </c>
      <c r="BF34" s="190">
        <v>0</v>
      </c>
      <c r="BG34" s="191">
        <v>0</v>
      </c>
      <c r="BH34" s="196">
        <v>0</v>
      </c>
      <c r="BI34" s="193">
        <v>0</v>
      </c>
      <c r="BJ34" s="191">
        <v>50</v>
      </c>
      <c r="BK34" s="191">
        <v>97</v>
      </c>
      <c r="BL34" s="191">
        <v>19</v>
      </c>
      <c r="BM34" s="191">
        <v>42</v>
      </c>
      <c r="BN34" s="191">
        <v>26</v>
      </c>
      <c r="BO34" s="196">
        <v>234</v>
      </c>
      <c r="BP34" s="195">
        <v>234</v>
      </c>
      <c r="BQ34" s="190">
        <v>0</v>
      </c>
      <c r="BR34" s="191">
        <v>0</v>
      </c>
      <c r="BS34" s="196">
        <v>0</v>
      </c>
      <c r="BT34" s="193">
        <v>0</v>
      </c>
      <c r="BU34" s="191">
        <v>10</v>
      </c>
      <c r="BV34" s="191">
        <v>71</v>
      </c>
      <c r="BW34" s="191">
        <v>108</v>
      </c>
      <c r="BX34" s="191">
        <v>54</v>
      </c>
      <c r="BY34" s="191">
        <v>65</v>
      </c>
      <c r="BZ34" s="196">
        <v>308</v>
      </c>
      <c r="CA34" s="195">
        <v>308</v>
      </c>
      <c r="CB34" s="190">
        <v>0</v>
      </c>
      <c r="CC34" s="191">
        <v>0</v>
      </c>
      <c r="CD34" s="196">
        <v>0</v>
      </c>
      <c r="CE34" s="193">
        <v>0</v>
      </c>
      <c r="CF34" s="191">
        <v>0</v>
      </c>
      <c r="CG34" s="191">
        <v>13</v>
      </c>
      <c r="CH34" s="191">
        <v>0</v>
      </c>
      <c r="CI34" s="191">
        <v>9</v>
      </c>
      <c r="CJ34" s="191">
        <v>3</v>
      </c>
      <c r="CK34" s="196">
        <v>25</v>
      </c>
      <c r="CL34" s="195">
        <v>25</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175</v>
      </c>
      <c r="H35" s="191">
        <v>224</v>
      </c>
      <c r="I35" s="191">
        <v>428</v>
      </c>
      <c r="J35" s="191">
        <v>179</v>
      </c>
      <c r="K35" s="191">
        <v>490</v>
      </c>
      <c r="L35" s="194">
        <v>1496</v>
      </c>
      <c r="M35" s="195">
        <v>1496</v>
      </c>
      <c r="N35" s="190">
        <v>0</v>
      </c>
      <c r="O35" s="191">
        <v>0</v>
      </c>
      <c r="P35" s="196">
        <v>0</v>
      </c>
      <c r="Q35" s="193">
        <v>0</v>
      </c>
      <c r="R35" s="191">
        <v>9</v>
      </c>
      <c r="S35" s="191">
        <v>2</v>
      </c>
      <c r="T35" s="191">
        <v>4</v>
      </c>
      <c r="U35" s="191">
        <v>10</v>
      </c>
      <c r="V35" s="191">
        <v>18</v>
      </c>
      <c r="W35" s="196">
        <v>43</v>
      </c>
      <c r="X35" s="195">
        <v>43</v>
      </c>
      <c r="Y35" s="190">
        <v>0</v>
      </c>
      <c r="Z35" s="191">
        <v>30</v>
      </c>
      <c r="AA35" s="196">
        <v>30</v>
      </c>
      <c r="AB35" s="193">
        <v>0</v>
      </c>
      <c r="AC35" s="191">
        <v>129</v>
      </c>
      <c r="AD35" s="191">
        <v>77</v>
      </c>
      <c r="AE35" s="191">
        <v>26</v>
      </c>
      <c r="AF35" s="191">
        <v>25</v>
      </c>
      <c r="AG35" s="191">
        <v>5</v>
      </c>
      <c r="AH35" s="196">
        <v>262</v>
      </c>
      <c r="AI35" s="195">
        <v>292</v>
      </c>
      <c r="AJ35" s="190">
        <v>104</v>
      </c>
      <c r="AK35" s="191">
        <v>205</v>
      </c>
      <c r="AL35" s="196">
        <v>309</v>
      </c>
      <c r="AM35" s="193">
        <v>0</v>
      </c>
      <c r="AN35" s="191">
        <v>579</v>
      </c>
      <c r="AO35" s="191">
        <v>233</v>
      </c>
      <c r="AP35" s="191">
        <v>176</v>
      </c>
      <c r="AQ35" s="191">
        <v>70</v>
      </c>
      <c r="AR35" s="191">
        <v>42</v>
      </c>
      <c r="AS35" s="196">
        <v>1100</v>
      </c>
      <c r="AT35" s="195">
        <v>1409</v>
      </c>
      <c r="AU35" s="190">
        <v>0</v>
      </c>
      <c r="AV35" s="191">
        <v>0</v>
      </c>
      <c r="AW35" s="196">
        <v>0</v>
      </c>
      <c r="AX35" s="193">
        <v>0</v>
      </c>
      <c r="AY35" s="191">
        <v>79</v>
      </c>
      <c r="AZ35" s="191">
        <v>70</v>
      </c>
      <c r="BA35" s="191">
        <v>36</v>
      </c>
      <c r="BB35" s="191">
        <v>42</v>
      </c>
      <c r="BC35" s="191">
        <v>21</v>
      </c>
      <c r="BD35" s="194">
        <v>248</v>
      </c>
      <c r="BE35" s="195">
        <v>248</v>
      </c>
      <c r="BF35" s="190">
        <v>0</v>
      </c>
      <c r="BG35" s="191">
        <v>0</v>
      </c>
      <c r="BH35" s="196">
        <v>0</v>
      </c>
      <c r="BI35" s="193">
        <v>0</v>
      </c>
      <c r="BJ35" s="191">
        <v>209</v>
      </c>
      <c r="BK35" s="191">
        <v>105</v>
      </c>
      <c r="BL35" s="191">
        <v>52</v>
      </c>
      <c r="BM35" s="191">
        <v>4</v>
      </c>
      <c r="BN35" s="191">
        <v>7</v>
      </c>
      <c r="BO35" s="196">
        <v>377</v>
      </c>
      <c r="BP35" s="195">
        <v>377</v>
      </c>
      <c r="BQ35" s="190">
        <v>0</v>
      </c>
      <c r="BR35" s="191">
        <v>0</v>
      </c>
      <c r="BS35" s="196">
        <v>0</v>
      </c>
      <c r="BT35" s="193">
        <v>0</v>
      </c>
      <c r="BU35" s="191">
        <v>6</v>
      </c>
      <c r="BV35" s="191">
        <v>21</v>
      </c>
      <c r="BW35" s="191">
        <v>58</v>
      </c>
      <c r="BX35" s="191">
        <v>27</v>
      </c>
      <c r="BY35" s="191">
        <v>28</v>
      </c>
      <c r="BZ35" s="196">
        <v>140</v>
      </c>
      <c r="CA35" s="195">
        <v>140</v>
      </c>
      <c r="CB35" s="190">
        <v>0</v>
      </c>
      <c r="CC35" s="191">
        <v>0</v>
      </c>
      <c r="CD35" s="196">
        <v>0</v>
      </c>
      <c r="CE35" s="193">
        <v>0</v>
      </c>
      <c r="CF35" s="191">
        <v>17</v>
      </c>
      <c r="CG35" s="191">
        <v>10</v>
      </c>
      <c r="CH35" s="191">
        <v>0</v>
      </c>
      <c r="CI35" s="191">
        <v>10</v>
      </c>
      <c r="CJ35" s="191">
        <v>0</v>
      </c>
      <c r="CK35" s="196">
        <v>37</v>
      </c>
      <c r="CL35" s="195">
        <v>37</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127</v>
      </c>
      <c r="H36" s="191">
        <v>284</v>
      </c>
      <c r="I36" s="191">
        <v>94</v>
      </c>
      <c r="J36" s="191">
        <v>203</v>
      </c>
      <c r="K36" s="191">
        <v>152</v>
      </c>
      <c r="L36" s="194">
        <v>860</v>
      </c>
      <c r="M36" s="195">
        <v>860</v>
      </c>
      <c r="N36" s="190">
        <v>0</v>
      </c>
      <c r="O36" s="191">
        <v>0</v>
      </c>
      <c r="P36" s="196">
        <v>0</v>
      </c>
      <c r="Q36" s="193">
        <v>0</v>
      </c>
      <c r="R36" s="191">
        <v>0</v>
      </c>
      <c r="S36" s="191">
        <v>4</v>
      </c>
      <c r="T36" s="191">
        <v>0</v>
      </c>
      <c r="U36" s="191">
        <v>4</v>
      </c>
      <c r="V36" s="191">
        <v>52</v>
      </c>
      <c r="W36" s="196">
        <v>60</v>
      </c>
      <c r="X36" s="195">
        <v>60</v>
      </c>
      <c r="Y36" s="190">
        <v>3</v>
      </c>
      <c r="Z36" s="191">
        <v>67</v>
      </c>
      <c r="AA36" s="196">
        <v>70</v>
      </c>
      <c r="AB36" s="193">
        <v>0</v>
      </c>
      <c r="AC36" s="191">
        <v>206</v>
      </c>
      <c r="AD36" s="191">
        <v>120</v>
      </c>
      <c r="AE36" s="191">
        <v>30</v>
      </c>
      <c r="AF36" s="191">
        <v>106</v>
      </c>
      <c r="AG36" s="191">
        <v>129</v>
      </c>
      <c r="AH36" s="196">
        <v>591</v>
      </c>
      <c r="AI36" s="195">
        <v>661</v>
      </c>
      <c r="AJ36" s="190">
        <v>12</v>
      </c>
      <c r="AK36" s="191">
        <v>0</v>
      </c>
      <c r="AL36" s="196">
        <v>12</v>
      </c>
      <c r="AM36" s="193">
        <v>0</v>
      </c>
      <c r="AN36" s="191">
        <v>83</v>
      </c>
      <c r="AO36" s="191">
        <v>30</v>
      </c>
      <c r="AP36" s="191">
        <v>49</v>
      </c>
      <c r="AQ36" s="191">
        <v>0</v>
      </c>
      <c r="AR36" s="191">
        <v>28</v>
      </c>
      <c r="AS36" s="196">
        <v>190</v>
      </c>
      <c r="AT36" s="195">
        <v>202</v>
      </c>
      <c r="AU36" s="190">
        <v>0</v>
      </c>
      <c r="AV36" s="191">
        <v>0</v>
      </c>
      <c r="AW36" s="196">
        <v>0</v>
      </c>
      <c r="AX36" s="193">
        <v>0</v>
      </c>
      <c r="AY36" s="191">
        <v>286</v>
      </c>
      <c r="AZ36" s="191">
        <v>220</v>
      </c>
      <c r="BA36" s="191">
        <v>250</v>
      </c>
      <c r="BB36" s="191">
        <v>89</v>
      </c>
      <c r="BC36" s="191">
        <v>26</v>
      </c>
      <c r="BD36" s="194">
        <v>871</v>
      </c>
      <c r="BE36" s="195">
        <v>871</v>
      </c>
      <c r="BF36" s="190">
        <v>0</v>
      </c>
      <c r="BG36" s="191">
        <v>0</v>
      </c>
      <c r="BH36" s="196">
        <v>0</v>
      </c>
      <c r="BI36" s="193">
        <v>0</v>
      </c>
      <c r="BJ36" s="191">
        <v>50</v>
      </c>
      <c r="BK36" s="191">
        <v>18</v>
      </c>
      <c r="BL36" s="191">
        <v>4</v>
      </c>
      <c r="BM36" s="191">
        <v>7</v>
      </c>
      <c r="BN36" s="191">
        <v>0</v>
      </c>
      <c r="BO36" s="196">
        <v>79</v>
      </c>
      <c r="BP36" s="195">
        <v>79</v>
      </c>
      <c r="BQ36" s="190">
        <v>0</v>
      </c>
      <c r="BR36" s="191">
        <v>0</v>
      </c>
      <c r="BS36" s="196">
        <v>0</v>
      </c>
      <c r="BT36" s="193">
        <v>0</v>
      </c>
      <c r="BU36" s="191">
        <v>8</v>
      </c>
      <c r="BV36" s="191">
        <v>14</v>
      </c>
      <c r="BW36" s="191">
        <v>34</v>
      </c>
      <c r="BX36" s="191">
        <v>28</v>
      </c>
      <c r="BY36" s="191">
        <v>21</v>
      </c>
      <c r="BZ36" s="196">
        <v>105</v>
      </c>
      <c r="CA36" s="195">
        <v>105</v>
      </c>
      <c r="CB36" s="190">
        <v>0</v>
      </c>
      <c r="CC36" s="191">
        <v>0</v>
      </c>
      <c r="CD36" s="196">
        <v>0</v>
      </c>
      <c r="CE36" s="193">
        <v>0</v>
      </c>
      <c r="CF36" s="191">
        <v>0</v>
      </c>
      <c r="CG36" s="191">
        <v>7</v>
      </c>
      <c r="CH36" s="191">
        <v>0</v>
      </c>
      <c r="CI36" s="191">
        <v>0</v>
      </c>
      <c r="CJ36" s="191">
        <v>0</v>
      </c>
      <c r="CK36" s="196">
        <v>7</v>
      </c>
      <c r="CL36" s="195">
        <v>7</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1158</v>
      </c>
      <c r="H37" s="191">
        <v>874</v>
      </c>
      <c r="I37" s="191">
        <v>1425</v>
      </c>
      <c r="J37" s="191">
        <v>1212</v>
      </c>
      <c r="K37" s="191">
        <v>887</v>
      </c>
      <c r="L37" s="194">
        <v>5556</v>
      </c>
      <c r="M37" s="195">
        <v>5556</v>
      </c>
      <c r="N37" s="190">
        <v>0</v>
      </c>
      <c r="O37" s="191">
        <v>0</v>
      </c>
      <c r="P37" s="196">
        <v>0</v>
      </c>
      <c r="Q37" s="193">
        <v>0</v>
      </c>
      <c r="R37" s="191">
        <v>5</v>
      </c>
      <c r="S37" s="191">
        <v>22</v>
      </c>
      <c r="T37" s="191">
        <v>17</v>
      </c>
      <c r="U37" s="191">
        <v>55</v>
      </c>
      <c r="V37" s="191">
        <v>61</v>
      </c>
      <c r="W37" s="196">
        <v>160</v>
      </c>
      <c r="X37" s="195">
        <v>160</v>
      </c>
      <c r="Y37" s="190">
        <v>53</v>
      </c>
      <c r="Z37" s="191">
        <v>78</v>
      </c>
      <c r="AA37" s="196">
        <v>131</v>
      </c>
      <c r="AB37" s="193">
        <v>0</v>
      </c>
      <c r="AC37" s="191">
        <v>629</v>
      </c>
      <c r="AD37" s="191">
        <v>269</v>
      </c>
      <c r="AE37" s="191">
        <v>329</v>
      </c>
      <c r="AF37" s="191">
        <v>161</v>
      </c>
      <c r="AG37" s="191">
        <v>313</v>
      </c>
      <c r="AH37" s="196">
        <v>1701</v>
      </c>
      <c r="AI37" s="195">
        <v>1832</v>
      </c>
      <c r="AJ37" s="190">
        <v>62</v>
      </c>
      <c r="AK37" s="191">
        <v>188</v>
      </c>
      <c r="AL37" s="196">
        <v>250</v>
      </c>
      <c r="AM37" s="193">
        <v>0</v>
      </c>
      <c r="AN37" s="191">
        <v>265</v>
      </c>
      <c r="AO37" s="191">
        <v>175</v>
      </c>
      <c r="AP37" s="191">
        <v>56</v>
      </c>
      <c r="AQ37" s="191">
        <v>140</v>
      </c>
      <c r="AR37" s="191">
        <v>87</v>
      </c>
      <c r="AS37" s="196">
        <v>723</v>
      </c>
      <c r="AT37" s="195">
        <v>973</v>
      </c>
      <c r="AU37" s="190">
        <v>0</v>
      </c>
      <c r="AV37" s="191">
        <v>0</v>
      </c>
      <c r="AW37" s="196">
        <v>0</v>
      </c>
      <c r="AX37" s="193">
        <v>0</v>
      </c>
      <c r="AY37" s="191">
        <v>1369</v>
      </c>
      <c r="AZ37" s="191">
        <v>845</v>
      </c>
      <c r="BA37" s="191">
        <v>541</v>
      </c>
      <c r="BB37" s="191">
        <v>347</v>
      </c>
      <c r="BC37" s="191">
        <v>297</v>
      </c>
      <c r="BD37" s="194">
        <v>3399</v>
      </c>
      <c r="BE37" s="195">
        <v>3399</v>
      </c>
      <c r="BF37" s="190">
        <v>0</v>
      </c>
      <c r="BG37" s="191">
        <v>0</v>
      </c>
      <c r="BH37" s="196">
        <v>0</v>
      </c>
      <c r="BI37" s="193">
        <v>0</v>
      </c>
      <c r="BJ37" s="191">
        <v>470</v>
      </c>
      <c r="BK37" s="191">
        <v>272</v>
      </c>
      <c r="BL37" s="191">
        <v>114</v>
      </c>
      <c r="BM37" s="191">
        <v>81</v>
      </c>
      <c r="BN37" s="191">
        <v>6</v>
      </c>
      <c r="BO37" s="196">
        <v>943</v>
      </c>
      <c r="BP37" s="195">
        <v>943</v>
      </c>
      <c r="BQ37" s="190">
        <v>3</v>
      </c>
      <c r="BR37" s="191">
        <v>0</v>
      </c>
      <c r="BS37" s="196">
        <v>3</v>
      </c>
      <c r="BT37" s="193">
        <v>0</v>
      </c>
      <c r="BU37" s="191">
        <v>74</v>
      </c>
      <c r="BV37" s="191">
        <v>54</v>
      </c>
      <c r="BW37" s="191">
        <v>163</v>
      </c>
      <c r="BX37" s="191">
        <v>65</v>
      </c>
      <c r="BY37" s="191">
        <v>22</v>
      </c>
      <c r="BZ37" s="196">
        <v>378</v>
      </c>
      <c r="CA37" s="195">
        <v>381</v>
      </c>
      <c r="CB37" s="190">
        <v>0</v>
      </c>
      <c r="CC37" s="191">
        <v>0</v>
      </c>
      <c r="CD37" s="196">
        <v>0</v>
      </c>
      <c r="CE37" s="193">
        <v>0</v>
      </c>
      <c r="CF37" s="191">
        <v>14</v>
      </c>
      <c r="CG37" s="191">
        <v>10</v>
      </c>
      <c r="CH37" s="191">
        <v>4</v>
      </c>
      <c r="CI37" s="191">
        <v>11</v>
      </c>
      <c r="CJ37" s="191">
        <v>7</v>
      </c>
      <c r="CK37" s="196">
        <v>46</v>
      </c>
      <c r="CL37" s="195">
        <v>46</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645</v>
      </c>
      <c r="H38" s="191">
        <v>1749</v>
      </c>
      <c r="I38" s="191">
        <v>1377</v>
      </c>
      <c r="J38" s="191">
        <v>1131</v>
      </c>
      <c r="K38" s="191">
        <v>2204</v>
      </c>
      <c r="L38" s="194">
        <v>7106</v>
      </c>
      <c r="M38" s="195">
        <v>7106</v>
      </c>
      <c r="N38" s="190">
        <v>0</v>
      </c>
      <c r="O38" s="191">
        <v>4</v>
      </c>
      <c r="P38" s="196">
        <v>4</v>
      </c>
      <c r="Q38" s="193">
        <v>0</v>
      </c>
      <c r="R38" s="191">
        <v>5</v>
      </c>
      <c r="S38" s="191">
        <v>18</v>
      </c>
      <c r="T38" s="191">
        <v>47</v>
      </c>
      <c r="U38" s="191">
        <v>62</v>
      </c>
      <c r="V38" s="191">
        <v>51</v>
      </c>
      <c r="W38" s="196">
        <v>183</v>
      </c>
      <c r="X38" s="195">
        <v>187</v>
      </c>
      <c r="Y38" s="190">
        <v>38</v>
      </c>
      <c r="Z38" s="191">
        <v>148</v>
      </c>
      <c r="AA38" s="196">
        <v>186</v>
      </c>
      <c r="AB38" s="193">
        <v>0</v>
      </c>
      <c r="AC38" s="191">
        <v>496</v>
      </c>
      <c r="AD38" s="191">
        <v>673</v>
      </c>
      <c r="AE38" s="191">
        <v>438</v>
      </c>
      <c r="AF38" s="191">
        <v>352</v>
      </c>
      <c r="AG38" s="191">
        <v>396</v>
      </c>
      <c r="AH38" s="196">
        <v>2355</v>
      </c>
      <c r="AI38" s="195">
        <v>2541</v>
      </c>
      <c r="AJ38" s="190">
        <v>4</v>
      </c>
      <c r="AK38" s="191">
        <v>132</v>
      </c>
      <c r="AL38" s="196">
        <v>136</v>
      </c>
      <c r="AM38" s="193">
        <v>0</v>
      </c>
      <c r="AN38" s="191">
        <v>214</v>
      </c>
      <c r="AO38" s="191">
        <v>229</v>
      </c>
      <c r="AP38" s="191">
        <v>99</v>
      </c>
      <c r="AQ38" s="191">
        <v>75</v>
      </c>
      <c r="AR38" s="191">
        <v>61</v>
      </c>
      <c r="AS38" s="196">
        <v>678</v>
      </c>
      <c r="AT38" s="195">
        <v>814</v>
      </c>
      <c r="AU38" s="190">
        <v>0</v>
      </c>
      <c r="AV38" s="191">
        <v>0</v>
      </c>
      <c r="AW38" s="196">
        <v>0</v>
      </c>
      <c r="AX38" s="193">
        <v>0</v>
      </c>
      <c r="AY38" s="191">
        <v>621</v>
      </c>
      <c r="AZ38" s="191">
        <v>978</v>
      </c>
      <c r="BA38" s="191">
        <v>509</v>
      </c>
      <c r="BB38" s="191">
        <v>315</v>
      </c>
      <c r="BC38" s="191">
        <v>241</v>
      </c>
      <c r="BD38" s="194">
        <v>2664</v>
      </c>
      <c r="BE38" s="195">
        <v>2664</v>
      </c>
      <c r="BF38" s="190">
        <v>0</v>
      </c>
      <c r="BG38" s="191">
        <v>0</v>
      </c>
      <c r="BH38" s="196">
        <v>0</v>
      </c>
      <c r="BI38" s="193">
        <v>0</v>
      </c>
      <c r="BJ38" s="191">
        <v>215</v>
      </c>
      <c r="BK38" s="191">
        <v>324</v>
      </c>
      <c r="BL38" s="191">
        <v>154</v>
      </c>
      <c r="BM38" s="191">
        <v>54</v>
      </c>
      <c r="BN38" s="191">
        <v>16</v>
      </c>
      <c r="BO38" s="196">
        <v>763</v>
      </c>
      <c r="BP38" s="195">
        <v>763</v>
      </c>
      <c r="BQ38" s="190">
        <v>0</v>
      </c>
      <c r="BR38" s="191">
        <v>0</v>
      </c>
      <c r="BS38" s="196">
        <v>0</v>
      </c>
      <c r="BT38" s="193">
        <v>0</v>
      </c>
      <c r="BU38" s="191">
        <v>94</v>
      </c>
      <c r="BV38" s="191">
        <v>204</v>
      </c>
      <c r="BW38" s="191">
        <v>135</v>
      </c>
      <c r="BX38" s="191">
        <v>167</v>
      </c>
      <c r="BY38" s="191">
        <v>142</v>
      </c>
      <c r="BZ38" s="196">
        <v>742</v>
      </c>
      <c r="CA38" s="195">
        <v>742</v>
      </c>
      <c r="CB38" s="190">
        <v>0</v>
      </c>
      <c r="CC38" s="191">
        <v>0</v>
      </c>
      <c r="CD38" s="196">
        <v>0</v>
      </c>
      <c r="CE38" s="193">
        <v>0</v>
      </c>
      <c r="CF38" s="191">
        <v>0</v>
      </c>
      <c r="CG38" s="191">
        <v>2</v>
      </c>
      <c r="CH38" s="191">
        <v>0</v>
      </c>
      <c r="CI38" s="191">
        <v>7</v>
      </c>
      <c r="CJ38" s="191">
        <v>0</v>
      </c>
      <c r="CK38" s="196">
        <v>9</v>
      </c>
      <c r="CL38" s="195">
        <v>9</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24</v>
      </c>
      <c r="H39" s="198">
        <v>40</v>
      </c>
      <c r="I39" s="198">
        <v>111</v>
      </c>
      <c r="J39" s="198">
        <v>67</v>
      </c>
      <c r="K39" s="198">
        <v>143</v>
      </c>
      <c r="L39" s="201">
        <v>385</v>
      </c>
      <c r="M39" s="202">
        <v>385</v>
      </c>
      <c r="N39" s="197">
        <v>0</v>
      </c>
      <c r="O39" s="198">
        <v>0</v>
      </c>
      <c r="P39" s="203">
        <v>0</v>
      </c>
      <c r="Q39" s="200">
        <v>0</v>
      </c>
      <c r="R39" s="198">
        <v>0</v>
      </c>
      <c r="S39" s="198">
        <v>0</v>
      </c>
      <c r="T39" s="198">
        <v>0</v>
      </c>
      <c r="U39" s="198">
        <v>0</v>
      </c>
      <c r="V39" s="198">
        <v>0</v>
      </c>
      <c r="W39" s="203">
        <v>0</v>
      </c>
      <c r="X39" s="202">
        <v>0</v>
      </c>
      <c r="Y39" s="197">
        <v>9</v>
      </c>
      <c r="Z39" s="198">
        <v>6</v>
      </c>
      <c r="AA39" s="203">
        <v>15</v>
      </c>
      <c r="AB39" s="200">
        <v>0</v>
      </c>
      <c r="AC39" s="198">
        <v>22</v>
      </c>
      <c r="AD39" s="198">
        <v>27</v>
      </c>
      <c r="AE39" s="198">
        <v>26</v>
      </c>
      <c r="AF39" s="198">
        <v>40</v>
      </c>
      <c r="AG39" s="198">
        <v>39</v>
      </c>
      <c r="AH39" s="203">
        <v>154</v>
      </c>
      <c r="AI39" s="202">
        <v>169</v>
      </c>
      <c r="AJ39" s="197">
        <v>0</v>
      </c>
      <c r="AK39" s="198">
        <v>0</v>
      </c>
      <c r="AL39" s="203">
        <v>0</v>
      </c>
      <c r="AM39" s="200">
        <v>0</v>
      </c>
      <c r="AN39" s="198">
        <v>6</v>
      </c>
      <c r="AO39" s="198">
        <v>8</v>
      </c>
      <c r="AP39" s="198">
        <v>0</v>
      </c>
      <c r="AQ39" s="198">
        <v>12</v>
      </c>
      <c r="AR39" s="198">
        <v>8</v>
      </c>
      <c r="AS39" s="203">
        <v>34</v>
      </c>
      <c r="AT39" s="202">
        <v>34</v>
      </c>
      <c r="AU39" s="197">
        <v>0</v>
      </c>
      <c r="AV39" s="198">
        <v>0</v>
      </c>
      <c r="AW39" s="203">
        <v>0</v>
      </c>
      <c r="AX39" s="200">
        <v>0</v>
      </c>
      <c r="AY39" s="198">
        <v>49</v>
      </c>
      <c r="AZ39" s="198">
        <v>36</v>
      </c>
      <c r="BA39" s="198">
        <v>36</v>
      </c>
      <c r="BB39" s="198">
        <v>25</v>
      </c>
      <c r="BC39" s="198">
        <v>9</v>
      </c>
      <c r="BD39" s="201">
        <v>155</v>
      </c>
      <c r="BE39" s="202">
        <v>155</v>
      </c>
      <c r="BF39" s="197">
        <v>0</v>
      </c>
      <c r="BG39" s="198">
        <v>0</v>
      </c>
      <c r="BH39" s="203">
        <v>0</v>
      </c>
      <c r="BI39" s="200">
        <v>0</v>
      </c>
      <c r="BJ39" s="198">
        <v>47</v>
      </c>
      <c r="BK39" s="198">
        <v>56</v>
      </c>
      <c r="BL39" s="198">
        <v>11</v>
      </c>
      <c r="BM39" s="198">
        <v>24</v>
      </c>
      <c r="BN39" s="198">
        <v>6</v>
      </c>
      <c r="BO39" s="203">
        <v>144</v>
      </c>
      <c r="BP39" s="202">
        <v>144</v>
      </c>
      <c r="BQ39" s="197">
        <v>0</v>
      </c>
      <c r="BR39" s="198">
        <v>0</v>
      </c>
      <c r="BS39" s="203">
        <v>0</v>
      </c>
      <c r="BT39" s="200">
        <v>0</v>
      </c>
      <c r="BU39" s="198">
        <v>4</v>
      </c>
      <c r="BV39" s="198">
        <v>14</v>
      </c>
      <c r="BW39" s="198">
        <v>53</v>
      </c>
      <c r="BX39" s="198">
        <v>3</v>
      </c>
      <c r="BY39" s="198">
        <v>0</v>
      </c>
      <c r="BZ39" s="203">
        <v>74</v>
      </c>
      <c r="CA39" s="202">
        <v>74</v>
      </c>
      <c r="CB39" s="197">
        <v>0</v>
      </c>
      <c r="CC39" s="198">
        <v>0</v>
      </c>
      <c r="CD39" s="203">
        <v>0</v>
      </c>
      <c r="CE39" s="200">
        <v>0</v>
      </c>
      <c r="CF39" s="198">
        <v>0</v>
      </c>
      <c r="CG39" s="198">
        <v>0</v>
      </c>
      <c r="CH39" s="198">
        <v>0</v>
      </c>
      <c r="CI39" s="198">
        <v>3</v>
      </c>
      <c r="CJ39" s="198">
        <v>4</v>
      </c>
      <c r="CK39" s="203">
        <v>7</v>
      </c>
      <c r="CL39" s="202">
        <v>7</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4-07-01T07:43:45Z</cp:lastPrinted>
  <dcterms:created xsi:type="dcterms:W3CDTF">2008-02-08T04:23:07Z</dcterms:created>
  <dcterms:modified xsi:type="dcterms:W3CDTF">2024-09-18T07:02:17Z</dcterms:modified>
</cp:coreProperties>
</file>